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33">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7" t="s">
        <v>0</v>
      </c>
      <c r="F1" s="477"/>
      <c r="G1" s="477"/>
      <c r="H1" s="477"/>
      <c r="I1" s="2"/>
      <c r="J1" s="2"/>
      <c r="K1" s="2"/>
      <c r="L1" s="2"/>
    </row>
    <row r="2" spans="1:13" ht="24" customHeight="1" x14ac:dyDescent="0.2">
      <c r="A2" s="2"/>
      <c r="B2" s="2"/>
      <c r="C2" s="2"/>
      <c r="D2" s="2"/>
      <c r="E2" s="2"/>
      <c r="F2" s="340">
        <v>5</v>
      </c>
      <c r="G2" s="233">
        <v>8</v>
      </c>
      <c r="H2" s="2"/>
      <c r="I2" s="2"/>
      <c r="J2" s="2"/>
      <c r="K2" s="2"/>
      <c r="L2" s="2"/>
      <c r="M2" s="2"/>
    </row>
    <row r="3" spans="1:13" ht="24" customHeight="1" x14ac:dyDescent="0.2"/>
    <row r="4" spans="1:13" ht="20.25" customHeight="1" x14ac:dyDescent="0.2">
      <c r="D4" s="3"/>
      <c r="E4" s="4" t="s">
        <v>1</v>
      </c>
      <c r="F4" s="3"/>
      <c r="H4" s="240">
        <f>G2</f>
        <v>8</v>
      </c>
    </row>
    <row r="5" spans="1:13" ht="10.5" customHeight="1" thickBot="1" x14ac:dyDescent="0.25">
      <c r="E5" s="5"/>
    </row>
    <row r="6" spans="1:13" ht="21" customHeight="1" x14ac:dyDescent="0.2">
      <c r="E6" s="320"/>
      <c r="F6" s="478" t="s">
        <v>2</v>
      </c>
      <c r="G6" s="479"/>
      <c r="H6" s="479"/>
      <c r="I6" s="480"/>
    </row>
    <row r="7" spans="1:13" ht="21" customHeight="1" x14ac:dyDescent="0.2">
      <c r="E7" s="7"/>
      <c r="F7" s="8"/>
      <c r="G7" s="9" t="s">
        <v>3</v>
      </c>
      <c r="H7" s="322" t="s">
        <v>149</v>
      </c>
      <c r="I7" s="323" t="s">
        <v>148</v>
      </c>
    </row>
    <row r="8" spans="1:13" ht="21" customHeight="1" x14ac:dyDescent="0.2">
      <c r="E8" s="474" t="s">
        <v>4</v>
      </c>
      <c r="F8" s="347">
        <v>2346724</v>
      </c>
      <c r="G8" s="347">
        <v>1029544</v>
      </c>
      <c r="H8" s="347">
        <v>912130</v>
      </c>
      <c r="I8" s="348">
        <v>405050</v>
      </c>
    </row>
    <row r="9" spans="1:13" ht="21" customHeight="1" x14ac:dyDescent="0.2">
      <c r="E9" s="475" t="s">
        <v>5</v>
      </c>
      <c r="F9" s="349">
        <v>936490</v>
      </c>
      <c r="G9" s="349">
        <v>409511</v>
      </c>
      <c r="H9" s="349">
        <v>359190</v>
      </c>
      <c r="I9" s="350">
        <v>167789</v>
      </c>
    </row>
    <row r="10" spans="1:13" ht="21" customHeight="1" x14ac:dyDescent="0.2">
      <c r="E10" s="475" t="s">
        <v>6</v>
      </c>
      <c r="F10" s="349">
        <v>308463</v>
      </c>
      <c r="G10" s="349">
        <v>141355</v>
      </c>
      <c r="H10" s="349">
        <v>114258</v>
      </c>
      <c r="I10" s="350">
        <v>52850</v>
      </c>
    </row>
    <row r="11" spans="1:13" ht="21" customHeight="1" x14ac:dyDescent="0.2">
      <c r="E11" s="475" t="s">
        <v>14</v>
      </c>
      <c r="F11" s="349">
        <v>188725</v>
      </c>
      <c r="G11" s="349">
        <v>83863</v>
      </c>
      <c r="H11" s="349">
        <v>75737</v>
      </c>
      <c r="I11" s="350">
        <v>29125</v>
      </c>
    </row>
    <row r="12" spans="1:13" ht="21" customHeight="1" x14ac:dyDescent="0.2">
      <c r="E12" s="475" t="s">
        <v>7</v>
      </c>
      <c r="F12" s="349">
        <v>125244</v>
      </c>
      <c r="G12" s="349">
        <v>52050</v>
      </c>
      <c r="H12" s="349">
        <v>50575</v>
      </c>
      <c r="I12" s="350">
        <v>22619</v>
      </c>
    </row>
    <row r="13" spans="1:13" ht="21" customHeight="1" x14ac:dyDescent="0.2">
      <c r="E13" s="475" t="s">
        <v>8</v>
      </c>
      <c r="F13" s="349">
        <v>73612</v>
      </c>
      <c r="G13" s="349">
        <v>32950</v>
      </c>
      <c r="H13" s="349">
        <v>28711</v>
      </c>
      <c r="I13" s="350">
        <v>11951</v>
      </c>
    </row>
    <row r="14" spans="1:13" ht="21" customHeight="1" x14ac:dyDescent="0.2">
      <c r="E14" s="475" t="s">
        <v>9</v>
      </c>
      <c r="F14" s="349">
        <v>53511</v>
      </c>
      <c r="G14" s="349">
        <v>20399</v>
      </c>
      <c r="H14" s="349">
        <v>21302</v>
      </c>
      <c r="I14" s="350">
        <v>11810</v>
      </c>
    </row>
    <row r="15" spans="1:13" ht="21" customHeight="1" x14ac:dyDescent="0.2">
      <c r="E15" s="475" t="s">
        <v>10</v>
      </c>
      <c r="F15" s="349">
        <v>108577</v>
      </c>
      <c r="G15" s="349">
        <v>46575</v>
      </c>
      <c r="H15" s="349">
        <v>42490</v>
      </c>
      <c r="I15" s="350">
        <v>19512</v>
      </c>
    </row>
    <row r="16" spans="1:13" ht="21" customHeight="1" x14ac:dyDescent="0.2">
      <c r="E16" s="475" t="s">
        <v>11</v>
      </c>
      <c r="F16" s="349">
        <v>57455</v>
      </c>
      <c r="G16" s="349">
        <v>25376</v>
      </c>
      <c r="H16" s="349">
        <v>21963</v>
      </c>
      <c r="I16" s="350">
        <v>10116</v>
      </c>
    </row>
    <row r="17" spans="5:13" ht="21" customHeight="1" x14ac:dyDescent="0.2">
      <c r="E17" s="475" t="s">
        <v>12</v>
      </c>
      <c r="F17" s="349">
        <v>65887</v>
      </c>
      <c r="G17" s="349">
        <v>28146</v>
      </c>
      <c r="H17" s="349">
        <v>25928</v>
      </c>
      <c r="I17" s="350">
        <v>11813</v>
      </c>
    </row>
    <row r="18" spans="5:13" ht="21" customHeight="1" x14ac:dyDescent="0.2">
      <c r="E18" s="475" t="s">
        <v>13</v>
      </c>
      <c r="F18" s="349">
        <v>18527</v>
      </c>
      <c r="G18" s="349">
        <v>7019</v>
      </c>
      <c r="H18" s="349">
        <v>7422</v>
      </c>
      <c r="I18" s="350">
        <v>4086</v>
      </c>
      <c r="M18" s="1" t="s">
        <v>87</v>
      </c>
    </row>
    <row r="19" spans="5:13" ht="21" customHeight="1" x14ac:dyDescent="0.2">
      <c r="E19" s="475" t="s">
        <v>15</v>
      </c>
      <c r="F19" s="349">
        <v>16158</v>
      </c>
      <c r="G19" s="349">
        <v>7028</v>
      </c>
      <c r="H19" s="349">
        <v>6252</v>
      </c>
      <c r="I19" s="350">
        <v>2878</v>
      </c>
    </row>
    <row r="20" spans="5:13" ht="21" customHeight="1" x14ac:dyDescent="0.2">
      <c r="E20" s="475" t="s">
        <v>16</v>
      </c>
      <c r="F20" s="349">
        <v>49485</v>
      </c>
      <c r="G20" s="349">
        <v>22931</v>
      </c>
      <c r="H20" s="349">
        <v>19461</v>
      </c>
      <c r="I20" s="350">
        <v>7093</v>
      </c>
    </row>
    <row r="21" spans="5:13" ht="21" customHeight="1" x14ac:dyDescent="0.2">
      <c r="E21" s="475" t="s">
        <v>17</v>
      </c>
      <c r="F21" s="349">
        <v>58774</v>
      </c>
      <c r="G21" s="349">
        <v>26994</v>
      </c>
      <c r="H21" s="349">
        <v>23554</v>
      </c>
      <c r="I21" s="350">
        <v>8226</v>
      </c>
    </row>
    <row r="22" spans="5:13" ht="21" customHeight="1" x14ac:dyDescent="0.2">
      <c r="E22" s="475" t="s">
        <v>18</v>
      </c>
      <c r="F22" s="349">
        <v>58343</v>
      </c>
      <c r="G22" s="349">
        <v>25719</v>
      </c>
      <c r="H22" s="349">
        <v>23525</v>
      </c>
      <c r="I22" s="350">
        <v>9099</v>
      </c>
    </row>
    <row r="23" spans="5:13" ht="21" customHeight="1" x14ac:dyDescent="0.2">
      <c r="E23" s="475" t="s">
        <v>19</v>
      </c>
      <c r="F23" s="349">
        <v>26664</v>
      </c>
      <c r="G23" s="349">
        <v>11844</v>
      </c>
      <c r="H23" s="349">
        <v>10620</v>
      </c>
      <c r="I23" s="350">
        <v>4200</v>
      </c>
    </row>
    <row r="24" spans="5:13" ht="21" customHeight="1" x14ac:dyDescent="0.2">
      <c r="E24" s="475" t="s">
        <v>20</v>
      </c>
      <c r="F24" s="349">
        <v>34253</v>
      </c>
      <c r="G24" s="349">
        <v>15470</v>
      </c>
      <c r="H24" s="349">
        <v>13731</v>
      </c>
      <c r="I24" s="350">
        <v>5052</v>
      </c>
    </row>
    <row r="25" spans="5:13" ht="21" customHeight="1" x14ac:dyDescent="0.2">
      <c r="E25" s="475" t="s">
        <v>21</v>
      </c>
      <c r="F25" s="349">
        <v>34456</v>
      </c>
      <c r="G25" s="349">
        <v>15431</v>
      </c>
      <c r="H25" s="349">
        <v>13850</v>
      </c>
      <c r="I25" s="350">
        <v>5175</v>
      </c>
    </row>
    <row r="26" spans="5:13" ht="21" customHeight="1" x14ac:dyDescent="0.2">
      <c r="E26" s="475" t="s">
        <v>22</v>
      </c>
      <c r="F26" s="349">
        <v>13647</v>
      </c>
      <c r="G26" s="349">
        <v>5724</v>
      </c>
      <c r="H26" s="349">
        <v>5522</v>
      </c>
      <c r="I26" s="350">
        <v>2401</v>
      </c>
    </row>
    <row r="27" spans="5:13" ht="21" customHeight="1" x14ac:dyDescent="0.2">
      <c r="E27" s="475" t="s">
        <v>23</v>
      </c>
      <c r="F27" s="349">
        <v>22783</v>
      </c>
      <c r="G27" s="349">
        <v>9522</v>
      </c>
      <c r="H27" s="349">
        <v>9997</v>
      </c>
      <c r="I27" s="350">
        <v>3264</v>
      </c>
    </row>
    <row r="28" spans="5:13" ht="21" customHeight="1" x14ac:dyDescent="0.2">
      <c r="E28" s="475" t="s">
        <v>24</v>
      </c>
      <c r="F28" s="349">
        <v>10156</v>
      </c>
      <c r="G28" s="349">
        <v>3866</v>
      </c>
      <c r="H28" s="349">
        <v>4227</v>
      </c>
      <c r="I28" s="350">
        <v>2063</v>
      </c>
    </row>
    <row r="29" spans="5:13" ht="21" customHeight="1" x14ac:dyDescent="0.2">
      <c r="E29" s="475" t="s">
        <v>25</v>
      </c>
      <c r="F29" s="349">
        <v>13467</v>
      </c>
      <c r="G29" s="349">
        <v>6254</v>
      </c>
      <c r="H29" s="349">
        <v>5357</v>
      </c>
      <c r="I29" s="350">
        <v>1856</v>
      </c>
    </row>
    <row r="30" spans="5:13" ht="21" customHeight="1" x14ac:dyDescent="0.2">
      <c r="E30" s="475" t="s">
        <v>26</v>
      </c>
      <c r="F30" s="349">
        <v>11135</v>
      </c>
      <c r="G30" s="349">
        <v>4665</v>
      </c>
      <c r="H30" s="349">
        <v>4536</v>
      </c>
      <c r="I30" s="350">
        <v>1934</v>
      </c>
    </row>
    <row r="31" spans="5:13" ht="21" customHeight="1" x14ac:dyDescent="0.2">
      <c r="E31" s="475" t="s">
        <v>27</v>
      </c>
      <c r="F31" s="349">
        <v>9831</v>
      </c>
      <c r="G31" s="349">
        <v>3884</v>
      </c>
      <c r="H31" s="349">
        <v>4029</v>
      </c>
      <c r="I31" s="350">
        <v>1918</v>
      </c>
    </row>
    <row r="32" spans="5:13" ht="21" customHeight="1" x14ac:dyDescent="0.2">
      <c r="E32" s="475" t="s">
        <v>28</v>
      </c>
      <c r="F32" s="349">
        <v>3216</v>
      </c>
      <c r="G32" s="349">
        <v>1487</v>
      </c>
      <c r="H32" s="349">
        <v>1285</v>
      </c>
      <c r="I32" s="350">
        <v>444</v>
      </c>
    </row>
    <row r="33" spans="5:9" ht="21" customHeight="1" x14ac:dyDescent="0.2">
      <c r="E33" s="475" t="s">
        <v>29</v>
      </c>
      <c r="F33" s="349">
        <v>5008</v>
      </c>
      <c r="G33" s="349">
        <v>2226</v>
      </c>
      <c r="H33" s="349">
        <v>2035</v>
      </c>
      <c r="I33" s="350">
        <v>747</v>
      </c>
    </row>
    <row r="34" spans="5:9" ht="21" customHeight="1" x14ac:dyDescent="0.2">
      <c r="E34" s="475" t="s">
        <v>30</v>
      </c>
      <c r="F34" s="349">
        <v>3732</v>
      </c>
      <c r="G34" s="349">
        <v>1608</v>
      </c>
      <c r="H34" s="349">
        <v>1408</v>
      </c>
      <c r="I34" s="350">
        <v>716</v>
      </c>
    </row>
    <row r="35" spans="5:9" ht="21" customHeight="1" x14ac:dyDescent="0.2">
      <c r="E35" s="475" t="s">
        <v>31</v>
      </c>
      <c r="F35" s="349">
        <v>4022</v>
      </c>
      <c r="G35" s="349">
        <v>1875</v>
      </c>
      <c r="H35" s="349">
        <v>1395</v>
      </c>
      <c r="I35" s="350">
        <v>752</v>
      </c>
    </row>
    <row r="36" spans="5:9" ht="21" customHeight="1" x14ac:dyDescent="0.2">
      <c r="E36" s="475" t="s">
        <v>32</v>
      </c>
      <c r="F36" s="349">
        <v>4659</v>
      </c>
      <c r="G36" s="349">
        <v>2074</v>
      </c>
      <c r="H36" s="349">
        <v>1800</v>
      </c>
      <c r="I36" s="350">
        <v>785</v>
      </c>
    </row>
    <row r="37" spans="5:9" ht="21" customHeight="1" x14ac:dyDescent="0.2">
      <c r="E37" s="475" t="s">
        <v>33</v>
      </c>
      <c r="F37" s="349">
        <v>4141</v>
      </c>
      <c r="G37" s="349">
        <v>1809</v>
      </c>
      <c r="H37" s="349">
        <v>1625</v>
      </c>
      <c r="I37" s="350">
        <v>707</v>
      </c>
    </row>
    <row r="38" spans="5:9" ht="21" customHeight="1" x14ac:dyDescent="0.2">
      <c r="E38" s="475" t="s">
        <v>34</v>
      </c>
      <c r="F38" s="349">
        <v>3022</v>
      </c>
      <c r="G38" s="349">
        <v>1283</v>
      </c>
      <c r="H38" s="349">
        <v>1191</v>
      </c>
      <c r="I38" s="350">
        <v>548</v>
      </c>
    </row>
    <row r="39" spans="5:9" ht="21" customHeight="1" x14ac:dyDescent="0.2">
      <c r="E39" s="475" t="s">
        <v>35</v>
      </c>
      <c r="F39" s="349">
        <v>9813</v>
      </c>
      <c r="G39" s="349">
        <v>4090</v>
      </c>
      <c r="H39" s="349">
        <v>3946</v>
      </c>
      <c r="I39" s="350">
        <v>1777</v>
      </c>
    </row>
    <row r="40" spans="5:9" ht="21" customHeight="1" x14ac:dyDescent="0.2">
      <c r="E40" s="475" t="s">
        <v>36</v>
      </c>
      <c r="F40" s="349">
        <v>12401</v>
      </c>
      <c r="G40" s="349">
        <v>5984</v>
      </c>
      <c r="H40" s="349">
        <v>4830</v>
      </c>
      <c r="I40" s="350">
        <v>1587</v>
      </c>
    </row>
    <row r="41" spans="5:9" ht="21" customHeight="1" thickBot="1" x14ac:dyDescent="0.25">
      <c r="E41" s="476" t="s">
        <v>37</v>
      </c>
      <c r="F41" s="351">
        <v>1067</v>
      </c>
      <c r="G41" s="351">
        <v>532</v>
      </c>
      <c r="H41" s="351">
        <v>378</v>
      </c>
      <c r="I41" s="352">
        <v>15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8</v>
      </c>
      <c r="M1" s="504">
        <f>IF(L1&lt;3,L1+12-2,L1-2)</f>
        <v>6</v>
      </c>
      <c r="N1" s="504"/>
    </row>
    <row r="2" spans="2:112" ht="24" customHeight="1" thickBot="1" x14ac:dyDescent="0.25">
      <c r="B2" s="271" t="s">
        <v>130</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60</v>
      </c>
      <c r="CN3" s="522"/>
      <c r="CO3" s="522"/>
      <c r="CP3" s="522"/>
      <c r="CQ3" s="522"/>
      <c r="CR3" s="522"/>
      <c r="CS3" s="522"/>
      <c r="CT3" s="522"/>
      <c r="CU3" s="522"/>
      <c r="CV3" s="522"/>
      <c r="CW3" s="523"/>
      <c r="CX3" s="521" t="s">
        <v>156</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3" t="s">
        <v>44</v>
      </c>
      <c r="E5" s="356"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301" t="s">
        <v>43</v>
      </c>
      <c r="Z5" s="243" t="s">
        <v>44</v>
      </c>
      <c r="AA5" s="249" t="s">
        <v>45</v>
      </c>
      <c r="AB5" s="248" t="s">
        <v>83</v>
      </c>
      <c r="AC5" s="243" t="s">
        <v>47</v>
      </c>
      <c r="AD5" s="243" t="s">
        <v>48</v>
      </c>
      <c r="AE5" s="243" t="s">
        <v>49</v>
      </c>
      <c r="AF5" s="243" t="s">
        <v>50</v>
      </c>
      <c r="AG5" s="243" t="s">
        <v>51</v>
      </c>
      <c r="AH5" s="246" t="s">
        <v>45</v>
      </c>
      <c r="AI5" s="506"/>
      <c r="AJ5" s="301" t="s">
        <v>43</v>
      </c>
      <c r="AK5" s="243" t="s">
        <v>44</v>
      </c>
      <c r="AL5" s="246" t="s">
        <v>45</v>
      </c>
      <c r="AM5" s="248" t="s">
        <v>83</v>
      </c>
      <c r="AN5" s="243" t="s">
        <v>47</v>
      </c>
      <c r="AO5" s="243" t="s">
        <v>48</v>
      </c>
      <c r="AP5" s="243" t="s">
        <v>49</v>
      </c>
      <c r="AQ5" s="243" t="s">
        <v>50</v>
      </c>
      <c r="AR5" s="243" t="s">
        <v>51</v>
      </c>
      <c r="AS5" s="246" t="s">
        <v>45</v>
      </c>
      <c r="AT5" s="506"/>
      <c r="AU5" s="301" t="s">
        <v>43</v>
      </c>
      <c r="AV5" s="243" t="s">
        <v>44</v>
      </c>
      <c r="AW5" s="249" t="s">
        <v>45</v>
      </c>
      <c r="AX5" s="248" t="s">
        <v>83</v>
      </c>
      <c r="AY5" s="243" t="s">
        <v>47</v>
      </c>
      <c r="AZ5" s="243" t="s">
        <v>48</v>
      </c>
      <c r="BA5" s="243" t="s">
        <v>49</v>
      </c>
      <c r="BB5" s="243" t="s">
        <v>50</v>
      </c>
      <c r="BC5" s="243" t="s">
        <v>51</v>
      </c>
      <c r="BD5" s="249" t="s">
        <v>45</v>
      </c>
      <c r="BE5" s="506"/>
      <c r="BF5" s="301" t="s">
        <v>43</v>
      </c>
      <c r="BG5" s="243" t="s">
        <v>44</v>
      </c>
      <c r="BH5" s="246" t="s">
        <v>45</v>
      </c>
      <c r="BI5" s="248" t="s">
        <v>83</v>
      </c>
      <c r="BJ5" s="243" t="s">
        <v>47</v>
      </c>
      <c r="BK5" s="243" t="s">
        <v>48</v>
      </c>
      <c r="BL5" s="243" t="s">
        <v>49</v>
      </c>
      <c r="BM5" s="243" t="s">
        <v>50</v>
      </c>
      <c r="BN5" s="243" t="s">
        <v>51</v>
      </c>
      <c r="BO5" s="246" t="s">
        <v>45</v>
      </c>
      <c r="BP5" s="506"/>
      <c r="BQ5" s="301" t="s">
        <v>43</v>
      </c>
      <c r="BR5" s="243" t="s">
        <v>44</v>
      </c>
      <c r="BS5" s="246" t="s">
        <v>45</v>
      </c>
      <c r="BT5" s="248" t="s">
        <v>83</v>
      </c>
      <c r="BU5" s="243" t="s">
        <v>47</v>
      </c>
      <c r="BV5" s="243" t="s">
        <v>48</v>
      </c>
      <c r="BW5" s="243" t="s">
        <v>49</v>
      </c>
      <c r="BX5" s="243" t="s">
        <v>50</v>
      </c>
      <c r="BY5" s="243" t="s">
        <v>51</v>
      </c>
      <c r="BZ5" s="246" t="s">
        <v>45</v>
      </c>
      <c r="CA5" s="506"/>
      <c r="CB5" s="301" t="s">
        <v>43</v>
      </c>
      <c r="CC5" s="243" t="s">
        <v>44</v>
      </c>
      <c r="CD5" s="246" t="s">
        <v>45</v>
      </c>
      <c r="CE5" s="248" t="s">
        <v>83</v>
      </c>
      <c r="CF5" s="243" t="s">
        <v>47</v>
      </c>
      <c r="CG5" s="243" t="s">
        <v>48</v>
      </c>
      <c r="CH5" s="243" t="s">
        <v>49</v>
      </c>
      <c r="CI5" s="243" t="s">
        <v>50</v>
      </c>
      <c r="CJ5" s="243" t="s">
        <v>51</v>
      </c>
      <c r="CK5" s="246" t="s">
        <v>45</v>
      </c>
      <c r="CL5" s="506"/>
      <c r="CM5" s="301"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4">
        <v>0</v>
      </c>
      <c r="E6" s="357">
        <v>0</v>
      </c>
      <c r="F6" s="253">
        <v>0</v>
      </c>
      <c r="G6" s="254">
        <v>13895</v>
      </c>
      <c r="H6" s="254">
        <v>19329</v>
      </c>
      <c r="I6" s="254">
        <v>21158</v>
      </c>
      <c r="J6" s="254">
        <v>21379</v>
      </c>
      <c r="K6" s="254">
        <v>21689</v>
      </c>
      <c r="L6" s="255">
        <v>97450</v>
      </c>
      <c r="M6" s="256">
        <v>97450</v>
      </c>
      <c r="N6" s="250">
        <v>0</v>
      </c>
      <c r="O6" s="254">
        <v>7</v>
      </c>
      <c r="P6" s="251">
        <v>7</v>
      </c>
      <c r="Q6" s="253">
        <v>0</v>
      </c>
      <c r="R6" s="254">
        <v>27</v>
      </c>
      <c r="S6" s="254">
        <v>108</v>
      </c>
      <c r="T6" s="254">
        <v>281</v>
      </c>
      <c r="U6" s="254">
        <v>581</v>
      </c>
      <c r="V6" s="254">
        <v>1057</v>
      </c>
      <c r="W6" s="251">
        <v>2054</v>
      </c>
      <c r="X6" s="256">
        <v>2061</v>
      </c>
      <c r="Y6" s="250">
        <v>1172</v>
      </c>
      <c r="Z6" s="254">
        <v>2702</v>
      </c>
      <c r="AA6" s="251">
        <v>3874</v>
      </c>
      <c r="AB6" s="253">
        <v>0</v>
      </c>
      <c r="AC6" s="254">
        <v>8898</v>
      </c>
      <c r="AD6" s="254">
        <v>13717</v>
      </c>
      <c r="AE6" s="254">
        <v>8724</v>
      </c>
      <c r="AF6" s="254">
        <v>7469</v>
      </c>
      <c r="AG6" s="254">
        <v>5386</v>
      </c>
      <c r="AH6" s="251">
        <v>44194</v>
      </c>
      <c r="AI6" s="256">
        <v>48068</v>
      </c>
      <c r="AJ6" s="250">
        <v>166</v>
      </c>
      <c r="AK6" s="254">
        <v>947</v>
      </c>
      <c r="AL6" s="251">
        <v>1113</v>
      </c>
      <c r="AM6" s="253">
        <v>0</v>
      </c>
      <c r="AN6" s="254">
        <v>1056</v>
      </c>
      <c r="AO6" s="254">
        <v>1713</v>
      </c>
      <c r="AP6" s="254">
        <v>867</v>
      </c>
      <c r="AQ6" s="254">
        <v>1149</v>
      </c>
      <c r="AR6" s="254">
        <v>323</v>
      </c>
      <c r="AS6" s="251">
        <v>5108</v>
      </c>
      <c r="AT6" s="256">
        <v>6221</v>
      </c>
      <c r="AU6" s="250">
        <v>0</v>
      </c>
      <c r="AV6" s="254">
        <v>0</v>
      </c>
      <c r="AW6" s="251">
        <v>0</v>
      </c>
      <c r="AX6" s="253">
        <v>0</v>
      </c>
      <c r="AY6" s="254">
        <v>13054</v>
      </c>
      <c r="AZ6" s="254">
        <v>12592</v>
      </c>
      <c r="BA6" s="254">
        <v>7307</v>
      </c>
      <c r="BB6" s="254">
        <v>3821</v>
      </c>
      <c r="BC6" s="254">
        <v>1510</v>
      </c>
      <c r="BD6" s="255">
        <v>38284</v>
      </c>
      <c r="BE6" s="256">
        <v>38284</v>
      </c>
      <c r="BF6" s="250">
        <v>0</v>
      </c>
      <c r="BG6" s="254">
        <v>0</v>
      </c>
      <c r="BH6" s="251">
        <v>0</v>
      </c>
      <c r="BI6" s="253">
        <v>0</v>
      </c>
      <c r="BJ6" s="254">
        <v>2537</v>
      </c>
      <c r="BK6" s="254">
        <v>4015</v>
      </c>
      <c r="BL6" s="254">
        <v>2558</v>
      </c>
      <c r="BM6" s="254">
        <v>1364</v>
      </c>
      <c r="BN6" s="254">
        <v>476</v>
      </c>
      <c r="BO6" s="251">
        <v>10950</v>
      </c>
      <c r="BP6" s="256">
        <v>10950</v>
      </c>
      <c r="BQ6" s="250">
        <v>20</v>
      </c>
      <c r="BR6" s="254">
        <v>127</v>
      </c>
      <c r="BS6" s="251">
        <v>147</v>
      </c>
      <c r="BT6" s="253">
        <v>0</v>
      </c>
      <c r="BU6" s="254">
        <v>1240</v>
      </c>
      <c r="BV6" s="254">
        <v>2009</v>
      </c>
      <c r="BW6" s="254">
        <v>3112</v>
      </c>
      <c r="BX6" s="254">
        <v>2799</v>
      </c>
      <c r="BY6" s="254">
        <v>1174</v>
      </c>
      <c r="BZ6" s="251">
        <v>10334</v>
      </c>
      <c r="CA6" s="256">
        <v>10481</v>
      </c>
      <c r="CB6" s="250">
        <v>3</v>
      </c>
      <c r="CC6" s="254">
        <v>3</v>
      </c>
      <c r="CD6" s="251">
        <v>6</v>
      </c>
      <c r="CE6" s="253">
        <v>0</v>
      </c>
      <c r="CF6" s="254">
        <v>87</v>
      </c>
      <c r="CG6" s="254">
        <v>315</v>
      </c>
      <c r="CH6" s="254">
        <v>536</v>
      </c>
      <c r="CI6" s="254">
        <v>281</v>
      </c>
      <c r="CJ6" s="254">
        <v>206</v>
      </c>
      <c r="CK6" s="251">
        <v>1425</v>
      </c>
      <c r="CL6" s="256">
        <v>1431</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5610</v>
      </c>
      <c r="H7" s="261">
        <v>8578</v>
      </c>
      <c r="I7" s="261">
        <v>9405</v>
      </c>
      <c r="J7" s="261">
        <v>7846</v>
      </c>
      <c r="K7" s="261">
        <v>9772</v>
      </c>
      <c r="L7" s="262">
        <v>41211</v>
      </c>
      <c r="M7" s="263">
        <v>41211</v>
      </c>
      <c r="N7" s="257">
        <v>0</v>
      </c>
      <c r="O7" s="261">
        <v>0</v>
      </c>
      <c r="P7" s="258">
        <v>0</v>
      </c>
      <c r="Q7" s="260">
        <v>0</v>
      </c>
      <c r="R7" s="261">
        <v>10</v>
      </c>
      <c r="S7" s="261">
        <v>41</v>
      </c>
      <c r="T7" s="261">
        <v>121</v>
      </c>
      <c r="U7" s="261">
        <v>244</v>
      </c>
      <c r="V7" s="261">
        <v>503</v>
      </c>
      <c r="W7" s="258">
        <v>919</v>
      </c>
      <c r="X7" s="263">
        <v>919</v>
      </c>
      <c r="Y7" s="257">
        <v>560</v>
      </c>
      <c r="Z7" s="261">
        <v>1541</v>
      </c>
      <c r="AA7" s="258">
        <v>2101</v>
      </c>
      <c r="AB7" s="260">
        <v>0</v>
      </c>
      <c r="AC7" s="261">
        <v>3664</v>
      </c>
      <c r="AD7" s="261">
        <v>7472</v>
      </c>
      <c r="AE7" s="261">
        <v>4630</v>
      </c>
      <c r="AF7" s="261">
        <v>3815</v>
      </c>
      <c r="AG7" s="261">
        <v>2520</v>
      </c>
      <c r="AH7" s="258">
        <v>22101</v>
      </c>
      <c r="AI7" s="263">
        <v>24202</v>
      </c>
      <c r="AJ7" s="257">
        <v>65</v>
      </c>
      <c r="AK7" s="261">
        <v>528</v>
      </c>
      <c r="AL7" s="258">
        <v>593</v>
      </c>
      <c r="AM7" s="260">
        <v>0</v>
      </c>
      <c r="AN7" s="261">
        <v>290</v>
      </c>
      <c r="AO7" s="261">
        <v>611</v>
      </c>
      <c r="AP7" s="261">
        <v>317</v>
      </c>
      <c r="AQ7" s="261">
        <v>385</v>
      </c>
      <c r="AR7" s="261">
        <v>154</v>
      </c>
      <c r="AS7" s="258">
        <v>1757</v>
      </c>
      <c r="AT7" s="263">
        <v>2350</v>
      </c>
      <c r="AU7" s="257">
        <v>0</v>
      </c>
      <c r="AV7" s="261">
        <v>0</v>
      </c>
      <c r="AW7" s="258">
        <v>0</v>
      </c>
      <c r="AX7" s="260">
        <v>0</v>
      </c>
      <c r="AY7" s="261">
        <v>4661</v>
      </c>
      <c r="AZ7" s="261">
        <v>5378</v>
      </c>
      <c r="BA7" s="261">
        <v>2971</v>
      </c>
      <c r="BB7" s="261">
        <v>1384</v>
      </c>
      <c r="BC7" s="261">
        <v>716</v>
      </c>
      <c r="BD7" s="262">
        <v>15110</v>
      </c>
      <c r="BE7" s="263">
        <v>15110</v>
      </c>
      <c r="BF7" s="257">
        <v>0</v>
      </c>
      <c r="BG7" s="261">
        <v>0</v>
      </c>
      <c r="BH7" s="258">
        <v>0</v>
      </c>
      <c r="BI7" s="260">
        <v>0</v>
      </c>
      <c r="BJ7" s="261">
        <v>853</v>
      </c>
      <c r="BK7" s="261">
        <v>1721</v>
      </c>
      <c r="BL7" s="261">
        <v>1226</v>
      </c>
      <c r="BM7" s="261">
        <v>675</v>
      </c>
      <c r="BN7" s="261">
        <v>213</v>
      </c>
      <c r="BO7" s="258">
        <v>4688</v>
      </c>
      <c r="BP7" s="263">
        <v>4688</v>
      </c>
      <c r="BQ7" s="257">
        <v>0</v>
      </c>
      <c r="BR7" s="261">
        <v>70</v>
      </c>
      <c r="BS7" s="258">
        <v>70</v>
      </c>
      <c r="BT7" s="260">
        <v>0</v>
      </c>
      <c r="BU7" s="261">
        <v>422</v>
      </c>
      <c r="BV7" s="261">
        <v>663</v>
      </c>
      <c r="BW7" s="261">
        <v>1373</v>
      </c>
      <c r="BX7" s="261">
        <v>1105</v>
      </c>
      <c r="BY7" s="261">
        <v>367</v>
      </c>
      <c r="BZ7" s="258">
        <v>3930</v>
      </c>
      <c r="CA7" s="263">
        <v>4000</v>
      </c>
      <c r="CB7" s="257">
        <v>0</v>
      </c>
      <c r="CC7" s="261">
        <v>3</v>
      </c>
      <c r="CD7" s="258">
        <v>3</v>
      </c>
      <c r="CE7" s="260">
        <v>0</v>
      </c>
      <c r="CF7" s="261">
        <v>71</v>
      </c>
      <c r="CG7" s="261">
        <v>163</v>
      </c>
      <c r="CH7" s="261">
        <v>311</v>
      </c>
      <c r="CI7" s="261">
        <v>156</v>
      </c>
      <c r="CJ7" s="261">
        <v>162</v>
      </c>
      <c r="CK7" s="258">
        <v>863</v>
      </c>
      <c r="CL7" s="263">
        <v>866</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1647</v>
      </c>
      <c r="H8" s="261">
        <v>1731</v>
      </c>
      <c r="I8" s="261">
        <v>2231</v>
      </c>
      <c r="J8" s="261">
        <v>2622</v>
      </c>
      <c r="K8" s="261">
        <v>2586</v>
      </c>
      <c r="L8" s="262">
        <v>10817</v>
      </c>
      <c r="M8" s="263">
        <v>10817</v>
      </c>
      <c r="N8" s="257">
        <v>0</v>
      </c>
      <c r="O8" s="261">
        <v>0</v>
      </c>
      <c r="P8" s="258">
        <v>0</v>
      </c>
      <c r="Q8" s="260">
        <v>0</v>
      </c>
      <c r="R8" s="261">
        <v>5</v>
      </c>
      <c r="S8" s="261">
        <v>5</v>
      </c>
      <c r="T8" s="261">
        <v>36</v>
      </c>
      <c r="U8" s="261">
        <v>35</v>
      </c>
      <c r="V8" s="261">
        <v>132</v>
      </c>
      <c r="W8" s="258">
        <v>213</v>
      </c>
      <c r="X8" s="263">
        <v>213</v>
      </c>
      <c r="Y8" s="257">
        <v>173</v>
      </c>
      <c r="Z8" s="261">
        <v>356</v>
      </c>
      <c r="AA8" s="258">
        <v>529</v>
      </c>
      <c r="AB8" s="260">
        <v>0</v>
      </c>
      <c r="AC8" s="261">
        <v>1610</v>
      </c>
      <c r="AD8" s="261">
        <v>1995</v>
      </c>
      <c r="AE8" s="261">
        <v>1009</v>
      </c>
      <c r="AF8" s="261">
        <v>1050</v>
      </c>
      <c r="AG8" s="261">
        <v>873</v>
      </c>
      <c r="AH8" s="258">
        <v>6537</v>
      </c>
      <c r="AI8" s="263">
        <v>7066</v>
      </c>
      <c r="AJ8" s="257">
        <v>20</v>
      </c>
      <c r="AK8" s="261">
        <v>80</v>
      </c>
      <c r="AL8" s="258">
        <v>100</v>
      </c>
      <c r="AM8" s="260">
        <v>0</v>
      </c>
      <c r="AN8" s="261">
        <v>189</v>
      </c>
      <c r="AO8" s="261">
        <v>262</v>
      </c>
      <c r="AP8" s="261">
        <v>48</v>
      </c>
      <c r="AQ8" s="261">
        <v>147</v>
      </c>
      <c r="AR8" s="261">
        <v>26</v>
      </c>
      <c r="AS8" s="258">
        <v>672</v>
      </c>
      <c r="AT8" s="263">
        <v>772</v>
      </c>
      <c r="AU8" s="257">
        <v>0</v>
      </c>
      <c r="AV8" s="261">
        <v>0</v>
      </c>
      <c r="AW8" s="258">
        <v>0</v>
      </c>
      <c r="AX8" s="260">
        <v>0</v>
      </c>
      <c r="AY8" s="261">
        <v>1601</v>
      </c>
      <c r="AZ8" s="261">
        <v>1622</v>
      </c>
      <c r="BA8" s="261">
        <v>765</v>
      </c>
      <c r="BB8" s="261">
        <v>452</v>
      </c>
      <c r="BC8" s="261">
        <v>173</v>
      </c>
      <c r="BD8" s="262">
        <v>4613</v>
      </c>
      <c r="BE8" s="263">
        <v>4613</v>
      </c>
      <c r="BF8" s="257">
        <v>0</v>
      </c>
      <c r="BG8" s="261">
        <v>0</v>
      </c>
      <c r="BH8" s="258">
        <v>0</v>
      </c>
      <c r="BI8" s="260">
        <v>0</v>
      </c>
      <c r="BJ8" s="261">
        <v>250</v>
      </c>
      <c r="BK8" s="261">
        <v>464</v>
      </c>
      <c r="BL8" s="261">
        <v>275</v>
      </c>
      <c r="BM8" s="261">
        <v>158</v>
      </c>
      <c r="BN8" s="261">
        <v>113</v>
      </c>
      <c r="BO8" s="258">
        <v>1260</v>
      </c>
      <c r="BP8" s="263">
        <v>1260</v>
      </c>
      <c r="BQ8" s="257">
        <v>10</v>
      </c>
      <c r="BR8" s="261">
        <v>15</v>
      </c>
      <c r="BS8" s="258">
        <v>25</v>
      </c>
      <c r="BT8" s="260">
        <v>0</v>
      </c>
      <c r="BU8" s="261">
        <v>172</v>
      </c>
      <c r="BV8" s="261">
        <v>196</v>
      </c>
      <c r="BW8" s="261">
        <v>260</v>
      </c>
      <c r="BX8" s="261">
        <v>150</v>
      </c>
      <c r="BY8" s="261">
        <v>111</v>
      </c>
      <c r="BZ8" s="258">
        <v>889</v>
      </c>
      <c r="CA8" s="263">
        <v>914</v>
      </c>
      <c r="CB8" s="257">
        <v>0</v>
      </c>
      <c r="CC8" s="261">
        <v>0</v>
      </c>
      <c r="CD8" s="258">
        <v>0</v>
      </c>
      <c r="CE8" s="260">
        <v>0</v>
      </c>
      <c r="CF8" s="261">
        <v>10</v>
      </c>
      <c r="CG8" s="261">
        <v>23</v>
      </c>
      <c r="CH8" s="261">
        <v>61</v>
      </c>
      <c r="CI8" s="261">
        <v>63</v>
      </c>
      <c r="CJ8" s="261">
        <v>17</v>
      </c>
      <c r="CK8" s="258">
        <v>174</v>
      </c>
      <c r="CL8" s="263">
        <v>174</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716</v>
      </c>
      <c r="H9" s="261">
        <v>1376</v>
      </c>
      <c r="I9" s="261">
        <v>1312</v>
      </c>
      <c r="J9" s="261">
        <v>1354</v>
      </c>
      <c r="K9" s="261">
        <v>1353</v>
      </c>
      <c r="L9" s="262">
        <v>6111</v>
      </c>
      <c r="M9" s="263">
        <v>6111</v>
      </c>
      <c r="N9" s="257">
        <v>0</v>
      </c>
      <c r="O9" s="261">
        <v>7</v>
      </c>
      <c r="P9" s="258">
        <v>7</v>
      </c>
      <c r="Q9" s="260">
        <v>0</v>
      </c>
      <c r="R9" s="261">
        <v>0</v>
      </c>
      <c r="S9" s="261">
        <v>3</v>
      </c>
      <c r="T9" s="261">
        <v>8</v>
      </c>
      <c r="U9" s="261">
        <v>22</v>
      </c>
      <c r="V9" s="261">
        <v>51</v>
      </c>
      <c r="W9" s="258">
        <v>84</v>
      </c>
      <c r="X9" s="263">
        <v>91</v>
      </c>
      <c r="Y9" s="257">
        <v>48</v>
      </c>
      <c r="Z9" s="261">
        <v>171</v>
      </c>
      <c r="AA9" s="258">
        <v>219</v>
      </c>
      <c r="AB9" s="260">
        <v>0</v>
      </c>
      <c r="AC9" s="261">
        <v>412</v>
      </c>
      <c r="AD9" s="261">
        <v>881</v>
      </c>
      <c r="AE9" s="261">
        <v>523</v>
      </c>
      <c r="AF9" s="261">
        <v>453</v>
      </c>
      <c r="AG9" s="261">
        <v>378</v>
      </c>
      <c r="AH9" s="258">
        <v>2647</v>
      </c>
      <c r="AI9" s="263">
        <v>2866</v>
      </c>
      <c r="AJ9" s="257">
        <v>0</v>
      </c>
      <c r="AK9" s="261">
        <v>35</v>
      </c>
      <c r="AL9" s="258">
        <v>35</v>
      </c>
      <c r="AM9" s="260">
        <v>0</v>
      </c>
      <c r="AN9" s="261">
        <v>10</v>
      </c>
      <c r="AO9" s="261">
        <v>6</v>
      </c>
      <c r="AP9" s="261">
        <v>14</v>
      </c>
      <c r="AQ9" s="261">
        <v>79</v>
      </c>
      <c r="AR9" s="261">
        <v>0</v>
      </c>
      <c r="AS9" s="258">
        <v>109</v>
      </c>
      <c r="AT9" s="263">
        <v>144</v>
      </c>
      <c r="AU9" s="257">
        <v>0</v>
      </c>
      <c r="AV9" s="261">
        <v>0</v>
      </c>
      <c r="AW9" s="258">
        <v>0</v>
      </c>
      <c r="AX9" s="260">
        <v>0</v>
      </c>
      <c r="AY9" s="261">
        <v>1002</v>
      </c>
      <c r="AZ9" s="261">
        <v>1070</v>
      </c>
      <c r="BA9" s="261">
        <v>821</v>
      </c>
      <c r="BB9" s="261">
        <v>382</v>
      </c>
      <c r="BC9" s="261">
        <v>124</v>
      </c>
      <c r="BD9" s="262">
        <v>3399</v>
      </c>
      <c r="BE9" s="263">
        <v>3399</v>
      </c>
      <c r="BF9" s="257">
        <v>0</v>
      </c>
      <c r="BG9" s="261">
        <v>0</v>
      </c>
      <c r="BH9" s="258">
        <v>0</v>
      </c>
      <c r="BI9" s="260">
        <v>0</v>
      </c>
      <c r="BJ9" s="261">
        <v>84</v>
      </c>
      <c r="BK9" s="261">
        <v>289</v>
      </c>
      <c r="BL9" s="261">
        <v>128</v>
      </c>
      <c r="BM9" s="261">
        <v>77</v>
      </c>
      <c r="BN9" s="261">
        <v>0</v>
      </c>
      <c r="BO9" s="258">
        <v>578</v>
      </c>
      <c r="BP9" s="263">
        <v>578</v>
      </c>
      <c r="BQ9" s="257">
        <v>0</v>
      </c>
      <c r="BR9" s="261">
        <v>5</v>
      </c>
      <c r="BS9" s="258">
        <v>5</v>
      </c>
      <c r="BT9" s="260">
        <v>0</v>
      </c>
      <c r="BU9" s="261">
        <v>94</v>
      </c>
      <c r="BV9" s="261">
        <v>241</v>
      </c>
      <c r="BW9" s="261">
        <v>228</v>
      </c>
      <c r="BX9" s="261">
        <v>253</v>
      </c>
      <c r="BY9" s="261">
        <v>160</v>
      </c>
      <c r="BZ9" s="258">
        <v>976</v>
      </c>
      <c r="CA9" s="263">
        <v>981</v>
      </c>
      <c r="CB9" s="257">
        <v>0</v>
      </c>
      <c r="CC9" s="261">
        <v>0</v>
      </c>
      <c r="CD9" s="258">
        <v>0</v>
      </c>
      <c r="CE9" s="260">
        <v>0</v>
      </c>
      <c r="CF9" s="261">
        <v>0</v>
      </c>
      <c r="CG9" s="261">
        <v>26</v>
      </c>
      <c r="CH9" s="261">
        <v>2</v>
      </c>
      <c r="CI9" s="261">
        <v>3</v>
      </c>
      <c r="CJ9" s="261">
        <v>4</v>
      </c>
      <c r="CK9" s="258">
        <v>35</v>
      </c>
      <c r="CL9" s="263">
        <v>35</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462</v>
      </c>
      <c r="H10" s="261">
        <v>1792</v>
      </c>
      <c r="I10" s="261">
        <v>1354</v>
      </c>
      <c r="J10" s="261">
        <v>1707</v>
      </c>
      <c r="K10" s="261">
        <v>1300</v>
      </c>
      <c r="L10" s="262">
        <v>7615</v>
      </c>
      <c r="M10" s="263">
        <v>7615</v>
      </c>
      <c r="N10" s="257">
        <v>0</v>
      </c>
      <c r="O10" s="261">
        <v>0</v>
      </c>
      <c r="P10" s="258">
        <v>0</v>
      </c>
      <c r="Q10" s="260">
        <v>0</v>
      </c>
      <c r="R10" s="261">
        <v>8</v>
      </c>
      <c r="S10" s="261">
        <v>25</v>
      </c>
      <c r="T10" s="261">
        <v>37</v>
      </c>
      <c r="U10" s="261">
        <v>66</v>
      </c>
      <c r="V10" s="261">
        <v>85</v>
      </c>
      <c r="W10" s="258">
        <v>221</v>
      </c>
      <c r="X10" s="263">
        <v>221</v>
      </c>
      <c r="Y10" s="257">
        <v>18</v>
      </c>
      <c r="Z10" s="261">
        <v>9</v>
      </c>
      <c r="AA10" s="258">
        <v>27</v>
      </c>
      <c r="AB10" s="260">
        <v>0</v>
      </c>
      <c r="AC10" s="261">
        <v>517</v>
      </c>
      <c r="AD10" s="261">
        <v>508</v>
      </c>
      <c r="AE10" s="261">
        <v>354</v>
      </c>
      <c r="AF10" s="261">
        <v>332</v>
      </c>
      <c r="AG10" s="261">
        <v>267</v>
      </c>
      <c r="AH10" s="258">
        <v>1978</v>
      </c>
      <c r="AI10" s="263">
        <v>2005</v>
      </c>
      <c r="AJ10" s="257">
        <v>0</v>
      </c>
      <c r="AK10" s="261">
        <v>0</v>
      </c>
      <c r="AL10" s="258">
        <v>0</v>
      </c>
      <c r="AM10" s="260">
        <v>0</v>
      </c>
      <c r="AN10" s="261">
        <v>103</v>
      </c>
      <c r="AO10" s="261">
        <v>46</v>
      </c>
      <c r="AP10" s="261">
        <v>135</v>
      </c>
      <c r="AQ10" s="261">
        <v>71</v>
      </c>
      <c r="AR10" s="261">
        <v>6</v>
      </c>
      <c r="AS10" s="258">
        <v>361</v>
      </c>
      <c r="AT10" s="263">
        <v>361</v>
      </c>
      <c r="AU10" s="257">
        <v>0</v>
      </c>
      <c r="AV10" s="261">
        <v>0</v>
      </c>
      <c r="AW10" s="258">
        <v>0</v>
      </c>
      <c r="AX10" s="260">
        <v>0</v>
      </c>
      <c r="AY10" s="261">
        <v>1252</v>
      </c>
      <c r="AZ10" s="261">
        <v>743</v>
      </c>
      <c r="BA10" s="261">
        <v>341</v>
      </c>
      <c r="BB10" s="261">
        <v>197</v>
      </c>
      <c r="BC10" s="261">
        <v>88</v>
      </c>
      <c r="BD10" s="262">
        <v>2621</v>
      </c>
      <c r="BE10" s="263">
        <v>2621</v>
      </c>
      <c r="BF10" s="257">
        <v>0</v>
      </c>
      <c r="BG10" s="261">
        <v>0</v>
      </c>
      <c r="BH10" s="258">
        <v>0</v>
      </c>
      <c r="BI10" s="260">
        <v>0</v>
      </c>
      <c r="BJ10" s="261">
        <v>158</v>
      </c>
      <c r="BK10" s="261">
        <v>169</v>
      </c>
      <c r="BL10" s="261">
        <v>122</v>
      </c>
      <c r="BM10" s="261">
        <v>31</v>
      </c>
      <c r="BN10" s="261">
        <v>5</v>
      </c>
      <c r="BO10" s="258">
        <v>485</v>
      </c>
      <c r="BP10" s="263">
        <v>485</v>
      </c>
      <c r="BQ10" s="257">
        <v>0</v>
      </c>
      <c r="BR10" s="261">
        <v>7</v>
      </c>
      <c r="BS10" s="258">
        <v>7</v>
      </c>
      <c r="BT10" s="260">
        <v>0</v>
      </c>
      <c r="BU10" s="261">
        <v>129</v>
      </c>
      <c r="BV10" s="261">
        <v>231</v>
      </c>
      <c r="BW10" s="261">
        <v>199</v>
      </c>
      <c r="BX10" s="261">
        <v>125</v>
      </c>
      <c r="BY10" s="261">
        <v>109</v>
      </c>
      <c r="BZ10" s="258">
        <v>793</v>
      </c>
      <c r="CA10" s="263">
        <v>800</v>
      </c>
      <c r="CB10" s="257">
        <v>0</v>
      </c>
      <c r="CC10" s="261">
        <v>0</v>
      </c>
      <c r="CD10" s="258">
        <v>0</v>
      </c>
      <c r="CE10" s="260">
        <v>0</v>
      </c>
      <c r="CF10" s="261">
        <v>0</v>
      </c>
      <c r="CG10" s="261">
        <v>16</v>
      </c>
      <c r="CH10" s="261">
        <v>22</v>
      </c>
      <c r="CI10" s="261">
        <v>8</v>
      </c>
      <c r="CJ10" s="261">
        <v>3</v>
      </c>
      <c r="CK10" s="258">
        <v>49</v>
      </c>
      <c r="CL10" s="263">
        <v>49</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222</v>
      </c>
      <c r="H11" s="261">
        <v>720</v>
      </c>
      <c r="I11" s="261">
        <v>786</v>
      </c>
      <c r="J11" s="261">
        <v>534</v>
      </c>
      <c r="K11" s="261">
        <v>639</v>
      </c>
      <c r="L11" s="262">
        <v>2901</v>
      </c>
      <c r="M11" s="263">
        <v>2901</v>
      </c>
      <c r="N11" s="257">
        <v>0</v>
      </c>
      <c r="O11" s="261">
        <v>0</v>
      </c>
      <c r="P11" s="258">
        <v>0</v>
      </c>
      <c r="Q11" s="260">
        <v>0</v>
      </c>
      <c r="R11" s="261">
        <v>0</v>
      </c>
      <c r="S11" s="261">
        <v>0</v>
      </c>
      <c r="T11" s="261">
        <v>0</v>
      </c>
      <c r="U11" s="261">
        <v>2</v>
      </c>
      <c r="V11" s="261">
        <v>30</v>
      </c>
      <c r="W11" s="258">
        <v>32</v>
      </c>
      <c r="X11" s="263">
        <v>32</v>
      </c>
      <c r="Y11" s="257">
        <v>6</v>
      </c>
      <c r="Z11" s="261">
        <v>10</v>
      </c>
      <c r="AA11" s="258">
        <v>16</v>
      </c>
      <c r="AB11" s="260">
        <v>0</v>
      </c>
      <c r="AC11" s="261">
        <v>157</v>
      </c>
      <c r="AD11" s="261">
        <v>180</v>
      </c>
      <c r="AE11" s="261">
        <v>205</v>
      </c>
      <c r="AF11" s="261">
        <v>113</v>
      </c>
      <c r="AG11" s="261">
        <v>95</v>
      </c>
      <c r="AH11" s="258">
        <v>750</v>
      </c>
      <c r="AI11" s="263">
        <v>766</v>
      </c>
      <c r="AJ11" s="257">
        <v>0</v>
      </c>
      <c r="AK11" s="261">
        <v>44</v>
      </c>
      <c r="AL11" s="258">
        <v>44</v>
      </c>
      <c r="AM11" s="260">
        <v>0</v>
      </c>
      <c r="AN11" s="261">
        <v>28</v>
      </c>
      <c r="AO11" s="261">
        <v>54</v>
      </c>
      <c r="AP11" s="261">
        <v>45</v>
      </c>
      <c r="AQ11" s="261">
        <v>38</v>
      </c>
      <c r="AR11" s="261">
        <v>0</v>
      </c>
      <c r="AS11" s="258">
        <v>165</v>
      </c>
      <c r="AT11" s="263">
        <v>209</v>
      </c>
      <c r="AU11" s="257">
        <v>0</v>
      </c>
      <c r="AV11" s="261">
        <v>0</v>
      </c>
      <c r="AW11" s="258">
        <v>0</v>
      </c>
      <c r="AX11" s="260">
        <v>0</v>
      </c>
      <c r="AY11" s="261">
        <v>290</v>
      </c>
      <c r="AZ11" s="261">
        <v>303</v>
      </c>
      <c r="BA11" s="261">
        <v>284</v>
      </c>
      <c r="BB11" s="261">
        <v>134</v>
      </c>
      <c r="BC11" s="261">
        <v>72</v>
      </c>
      <c r="BD11" s="262">
        <v>1083</v>
      </c>
      <c r="BE11" s="263">
        <v>1083</v>
      </c>
      <c r="BF11" s="257">
        <v>0</v>
      </c>
      <c r="BG11" s="261">
        <v>0</v>
      </c>
      <c r="BH11" s="258">
        <v>0</v>
      </c>
      <c r="BI11" s="260">
        <v>0</v>
      </c>
      <c r="BJ11" s="261">
        <v>66</v>
      </c>
      <c r="BK11" s="261">
        <v>66</v>
      </c>
      <c r="BL11" s="261">
        <v>44</v>
      </c>
      <c r="BM11" s="261">
        <v>20</v>
      </c>
      <c r="BN11" s="261">
        <v>8</v>
      </c>
      <c r="BO11" s="258">
        <v>204</v>
      </c>
      <c r="BP11" s="263">
        <v>204</v>
      </c>
      <c r="BQ11" s="257">
        <v>6</v>
      </c>
      <c r="BR11" s="261">
        <v>0</v>
      </c>
      <c r="BS11" s="258">
        <v>6</v>
      </c>
      <c r="BT11" s="260">
        <v>0</v>
      </c>
      <c r="BU11" s="261">
        <v>31</v>
      </c>
      <c r="BV11" s="261">
        <v>35</v>
      </c>
      <c r="BW11" s="261">
        <v>223</v>
      </c>
      <c r="BX11" s="261">
        <v>76</v>
      </c>
      <c r="BY11" s="261">
        <v>50</v>
      </c>
      <c r="BZ11" s="258">
        <v>415</v>
      </c>
      <c r="CA11" s="263">
        <v>421</v>
      </c>
      <c r="CB11" s="257">
        <v>0</v>
      </c>
      <c r="CC11" s="261">
        <v>0</v>
      </c>
      <c r="CD11" s="258">
        <v>0</v>
      </c>
      <c r="CE11" s="260">
        <v>0</v>
      </c>
      <c r="CF11" s="261">
        <v>0</v>
      </c>
      <c r="CG11" s="261">
        <v>0</v>
      </c>
      <c r="CH11" s="261">
        <v>9</v>
      </c>
      <c r="CI11" s="261">
        <v>0</v>
      </c>
      <c r="CJ11" s="261">
        <v>0</v>
      </c>
      <c r="CK11" s="258">
        <v>9</v>
      </c>
      <c r="CL11" s="263">
        <v>9</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649</v>
      </c>
      <c r="H12" s="261">
        <v>737</v>
      </c>
      <c r="I12" s="261">
        <v>1152</v>
      </c>
      <c r="J12" s="261">
        <v>1356</v>
      </c>
      <c r="K12" s="261">
        <v>1100</v>
      </c>
      <c r="L12" s="262">
        <v>4994</v>
      </c>
      <c r="M12" s="263">
        <v>4994</v>
      </c>
      <c r="N12" s="257">
        <v>0</v>
      </c>
      <c r="O12" s="261">
        <v>0</v>
      </c>
      <c r="P12" s="258">
        <v>0</v>
      </c>
      <c r="Q12" s="260">
        <v>0</v>
      </c>
      <c r="R12" s="261">
        <v>0</v>
      </c>
      <c r="S12" s="261">
        <v>1</v>
      </c>
      <c r="T12" s="261">
        <v>16</v>
      </c>
      <c r="U12" s="261">
        <v>18</v>
      </c>
      <c r="V12" s="261">
        <v>28</v>
      </c>
      <c r="W12" s="258">
        <v>63</v>
      </c>
      <c r="X12" s="263">
        <v>63</v>
      </c>
      <c r="Y12" s="257">
        <v>38</v>
      </c>
      <c r="Z12" s="261">
        <v>55</v>
      </c>
      <c r="AA12" s="258">
        <v>93</v>
      </c>
      <c r="AB12" s="260">
        <v>0</v>
      </c>
      <c r="AC12" s="261">
        <v>451</v>
      </c>
      <c r="AD12" s="261">
        <v>461</v>
      </c>
      <c r="AE12" s="261">
        <v>374</v>
      </c>
      <c r="AF12" s="261">
        <v>309</v>
      </c>
      <c r="AG12" s="261">
        <v>252</v>
      </c>
      <c r="AH12" s="258">
        <v>1847</v>
      </c>
      <c r="AI12" s="263">
        <v>1940</v>
      </c>
      <c r="AJ12" s="257">
        <v>8</v>
      </c>
      <c r="AK12" s="261">
        <v>0</v>
      </c>
      <c r="AL12" s="258">
        <v>8</v>
      </c>
      <c r="AM12" s="260">
        <v>0</v>
      </c>
      <c r="AN12" s="261">
        <v>21</v>
      </c>
      <c r="AO12" s="261">
        <v>57</v>
      </c>
      <c r="AP12" s="261">
        <v>35</v>
      </c>
      <c r="AQ12" s="261">
        <v>55</v>
      </c>
      <c r="AR12" s="261">
        <v>15</v>
      </c>
      <c r="AS12" s="258">
        <v>183</v>
      </c>
      <c r="AT12" s="263">
        <v>191</v>
      </c>
      <c r="AU12" s="257">
        <v>0</v>
      </c>
      <c r="AV12" s="261">
        <v>0</v>
      </c>
      <c r="AW12" s="258">
        <v>0</v>
      </c>
      <c r="AX12" s="260">
        <v>0</v>
      </c>
      <c r="AY12" s="261">
        <v>328</v>
      </c>
      <c r="AZ12" s="261">
        <v>332</v>
      </c>
      <c r="BA12" s="261">
        <v>214</v>
      </c>
      <c r="BB12" s="261">
        <v>121</v>
      </c>
      <c r="BC12" s="261">
        <v>18</v>
      </c>
      <c r="BD12" s="262">
        <v>1013</v>
      </c>
      <c r="BE12" s="263">
        <v>1013</v>
      </c>
      <c r="BF12" s="257">
        <v>0</v>
      </c>
      <c r="BG12" s="261">
        <v>0</v>
      </c>
      <c r="BH12" s="258">
        <v>0</v>
      </c>
      <c r="BI12" s="260">
        <v>0</v>
      </c>
      <c r="BJ12" s="261">
        <v>161</v>
      </c>
      <c r="BK12" s="261">
        <v>92</v>
      </c>
      <c r="BL12" s="261">
        <v>127</v>
      </c>
      <c r="BM12" s="261">
        <v>51</v>
      </c>
      <c r="BN12" s="261">
        <v>18</v>
      </c>
      <c r="BO12" s="258">
        <v>449</v>
      </c>
      <c r="BP12" s="263">
        <v>449</v>
      </c>
      <c r="BQ12" s="257">
        <v>0</v>
      </c>
      <c r="BR12" s="261">
        <v>0</v>
      </c>
      <c r="BS12" s="258">
        <v>0</v>
      </c>
      <c r="BT12" s="260">
        <v>0</v>
      </c>
      <c r="BU12" s="261">
        <v>46</v>
      </c>
      <c r="BV12" s="261">
        <v>51</v>
      </c>
      <c r="BW12" s="261">
        <v>80</v>
      </c>
      <c r="BX12" s="261">
        <v>130</v>
      </c>
      <c r="BY12" s="261">
        <v>20</v>
      </c>
      <c r="BZ12" s="258">
        <v>327</v>
      </c>
      <c r="CA12" s="263">
        <v>327</v>
      </c>
      <c r="CB12" s="257">
        <v>0</v>
      </c>
      <c r="CC12" s="261">
        <v>0</v>
      </c>
      <c r="CD12" s="258">
        <v>0</v>
      </c>
      <c r="CE12" s="260">
        <v>0</v>
      </c>
      <c r="CF12" s="261">
        <v>0</v>
      </c>
      <c r="CG12" s="261">
        <v>10</v>
      </c>
      <c r="CH12" s="261">
        <v>17</v>
      </c>
      <c r="CI12" s="261">
        <v>26</v>
      </c>
      <c r="CJ12" s="261">
        <v>5</v>
      </c>
      <c r="CK12" s="258">
        <v>58</v>
      </c>
      <c r="CL12" s="263">
        <v>58</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244</v>
      </c>
      <c r="H13" s="261">
        <v>1135</v>
      </c>
      <c r="I13" s="261">
        <v>585</v>
      </c>
      <c r="J13" s="261">
        <v>1387</v>
      </c>
      <c r="K13" s="261">
        <v>1058</v>
      </c>
      <c r="L13" s="262">
        <v>5409</v>
      </c>
      <c r="M13" s="263">
        <v>5409</v>
      </c>
      <c r="N13" s="257">
        <v>0</v>
      </c>
      <c r="O13" s="261">
        <v>0</v>
      </c>
      <c r="P13" s="258">
        <v>0</v>
      </c>
      <c r="Q13" s="260">
        <v>0</v>
      </c>
      <c r="R13" s="261">
        <v>0</v>
      </c>
      <c r="S13" s="261">
        <v>6</v>
      </c>
      <c r="T13" s="261">
        <v>12</v>
      </c>
      <c r="U13" s="261">
        <v>43</v>
      </c>
      <c r="V13" s="261">
        <v>52</v>
      </c>
      <c r="W13" s="258">
        <v>113</v>
      </c>
      <c r="X13" s="263">
        <v>113</v>
      </c>
      <c r="Y13" s="257">
        <v>59</v>
      </c>
      <c r="Z13" s="261">
        <v>132</v>
      </c>
      <c r="AA13" s="258">
        <v>191</v>
      </c>
      <c r="AB13" s="260">
        <v>0</v>
      </c>
      <c r="AC13" s="261">
        <v>703</v>
      </c>
      <c r="AD13" s="261">
        <v>405</v>
      </c>
      <c r="AE13" s="261">
        <v>246</v>
      </c>
      <c r="AF13" s="261">
        <v>329</v>
      </c>
      <c r="AG13" s="261">
        <v>140</v>
      </c>
      <c r="AH13" s="258">
        <v>1823</v>
      </c>
      <c r="AI13" s="263">
        <v>2014</v>
      </c>
      <c r="AJ13" s="257">
        <v>12</v>
      </c>
      <c r="AK13" s="261">
        <v>37</v>
      </c>
      <c r="AL13" s="258">
        <v>49</v>
      </c>
      <c r="AM13" s="260">
        <v>0</v>
      </c>
      <c r="AN13" s="261">
        <v>106</v>
      </c>
      <c r="AO13" s="261">
        <v>120</v>
      </c>
      <c r="AP13" s="261">
        <v>34</v>
      </c>
      <c r="AQ13" s="261">
        <v>71</v>
      </c>
      <c r="AR13" s="261">
        <v>61</v>
      </c>
      <c r="AS13" s="258">
        <v>392</v>
      </c>
      <c r="AT13" s="263">
        <v>441</v>
      </c>
      <c r="AU13" s="257">
        <v>0</v>
      </c>
      <c r="AV13" s="261">
        <v>0</v>
      </c>
      <c r="AW13" s="258">
        <v>0</v>
      </c>
      <c r="AX13" s="260">
        <v>0</v>
      </c>
      <c r="AY13" s="261">
        <v>1045</v>
      </c>
      <c r="AZ13" s="261">
        <v>562</v>
      </c>
      <c r="BA13" s="261">
        <v>314</v>
      </c>
      <c r="BB13" s="261">
        <v>256</v>
      </c>
      <c r="BC13" s="261">
        <v>56</v>
      </c>
      <c r="BD13" s="262">
        <v>2233</v>
      </c>
      <c r="BE13" s="263">
        <v>2233</v>
      </c>
      <c r="BF13" s="257">
        <v>0</v>
      </c>
      <c r="BG13" s="261">
        <v>0</v>
      </c>
      <c r="BH13" s="258">
        <v>0</v>
      </c>
      <c r="BI13" s="260">
        <v>0</v>
      </c>
      <c r="BJ13" s="261">
        <v>169</v>
      </c>
      <c r="BK13" s="261">
        <v>81</v>
      </c>
      <c r="BL13" s="261">
        <v>42</v>
      </c>
      <c r="BM13" s="261">
        <v>27</v>
      </c>
      <c r="BN13" s="261">
        <v>25</v>
      </c>
      <c r="BO13" s="258">
        <v>344</v>
      </c>
      <c r="BP13" s="263">
        <v>344</v>
      </c>
      <c r="BQ13" s="257">
        <v>0</v>
      </c>
      <c r="BR13" s="261">
        <v>12</v>
      </c>
      <c r="BS13" s="258">
        <v>12</v>
      </c>
      <c r="BT13" s="260">
        <v>0</v>
      </c>
      <c r="BU13" s="261">
        <v>85</v>
      </c>
      <c r="BV13" s="261">
        <v>99</v>
      </c>
      <c r="BW13" s="261">
        <v>156</v>
      </c>
      <c r="BX13" s="261">
        <v>189</v>
      </c>
      <c r="BY13" s="261">
        <v>6</v>
      </c>
      <c r="BZ13" s="258">
        <v>535</v>
      </c>
      <c r="CA13" s="263">
        <v>547</v>
      </c>
      <c r="CB13" s="257">
        <v>0</v>
      </c>
      <c r="CC13" s="261">
        <v>0</v>
      </c>
      <c r="CD13" s="258">
        <v>0</v>
      </c>
      <c r="CE13" s="260">
        <v>0</v>
      </c>
      <c r="CF13" s="261">
        <v>0</v>
      </c>
      <c r="CG13" s="261">
        <v>13</v>
      </c>
      <c r="CH13" s="261">
        <v>40</v>
      </c>
      <c r="CI13" s="261">
        <v>5</v>
      </c>
      <c r="CJ13" s="261">
        <v>3</v>
      </c>
      <c r="CK13" s="258">
        <v>61</v>
      </c>
      <c r="CL13" s="263">
        <v>61</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90</v>
      </c>
      <c r="H14" s="261">
        <v>163</v>
      </c>
      <c r="I14" s="261">
        <v>312</v>
      </c>
      <c r="J14" s="261">
        <v>477</v>
      </c>
      <c r="K14" s="261">
        <v>467</v>
      </c>
      <c r="L14" s="262">
        <v>1509</v>
      </c>
      <c r="M14" s="263">
        <v>1509</v>
      </c>
      <c r="N14" s="257">
        <v>0</v>
      </c>
      <c r="O14" s="261">
        <v>0</v>
      </c>
      <c r="P14" s="258">
        <v>0</v>
      </c>
      <c r="Q14" s="260">
        <v>0</v>
      </c>
      <c r="R14" s="261">
        <v>0</v>
      </c>
      <c r="S14" s="261">
        <v>13</v>
      </c>
      <c r="T14" s="261">
        <v>2</v>
      </c>
      <c r="U14" s="261">
        <v>21</v>
      </c>
      <c r="V14" s="261">
        <v>16</v>
      </c>
      <c r="W14" s="258">
        <v>52</v>
      </c>
      <c r="X14" s="263">
        <v>52</v>
      </c>
      <c r="Y14" s="257">
        <v>25</v>
      </c>
      <c r="Z14" s="261">
        <v>34</v>
      </c>
      <c r="AA14" s="258">
        <v>59</v>
      </c>
      <c r="AB14" s="260">
        <v>0</v>
      </c>
      <c r="AC14" s="261">
        <v>158</v>
      </c>
      <c r="AD14" s="261">
        <v>129</v>
      </c>
      <c r="AE14" s="261">
        <v>142</v>
      </c>
      <c r="AF14" s="261">
        <v>116</v>
      </c>
      <c r="AG14" s="261">
        <v>62</v>
      </c>
      <c r="AH14" s="258">
        <v>607</v>
      </c>
      <c r="AI14" s="263">
        <v>666</v>
      </c>
      <c r="AJ14" s="257">
        <v>0</v>
      </c>
      <c r="AK14" s="261">
        <v>23</v>
      </c>
      <c r="AL14" s="258">
        <v>23</v>
      </c>
      <c r="AM14" s="260">
        <v>0</v>
      </c>
      <c r="AN14" s="261">
        <v>33</v>
      </c>
      <c r="AO14" s="261">
        <v>18</v>
      </c>
      <c r="AP14" s="261">
        <v>27</v>
      </c>
      <c r="AQ14" s="261">
        <v>55</v>
      </c>
      <c r="AR14" s="261">
        <v>16</v>
      </c>
      <c r="AS14" s="258">
        <v>149</v>
      </c>
      <c r="AT14" s="263">
        <v>172</v>
      </c>
      <c r="AU14" s="257">
        <v>0</v>
      </c>
      <c r="AV14" s="261">
        <v>0</v>
      </c>
      <c r="AW14" s="258">
        <v>0</v>
      </c>
      <c r="AX14" s="260">
        <v>0</v>
      </c>
      <c r="AY14" s="261">
        <v>302</v>
      </c>
      <c r="AZ14" s="261">
        <v>231</v>
      </c>
      <c r="BA14" s="261">
        <v>190</v>
      </c>
      <c r="BB14" s="261">
        <v>130</v>
      </c>
      <c r="BC14" s="261">
        <v>30</v>
      </c>
      <c r="BD14" s="262">
        <v>883</v>
      </c>
      <c r="BE14" s="263">
        <v>883</v>
      </c>
      <c r="BF14" s="257">
        <v>0</v>
      </c>
      <c r="BG14" s="261">
        <v>0</v>
      </c>
      <c r="BH14" s="258">
        <v>0</v>
      </c>
      <c r="BI14" s="260">
        <v>0</v>
      </c>
      <c r="BJ14" s="261">
        <v>140</v>
      </c>
      <c r="BK14" s="261">
        <v>91</v>
      </c>
      <c r="BL14" s="261">
        <v>46</v>
      </c>
      <c r="BM14" s="261">
        <v>88</v>
      </c>
      <c r="BN14" s="261">
        <v>3</v>
      </c>
      <c r="BO14" s="258">
        <v>368</v>
      </c>
      <c r="BP14" s="263">
        <v>368</v>
      </c>
      <c r="BQ14" s="257">
        <v>0</v>
      </c>
      <c r="BR14" s="261">
        <v>0</v>
      </c>
      <c r="BS14" s="258">
        <v>0</v>
      </c>
      <c r="BT14" s="260">
        <v>0</v>
      </c>
      <c r="BU14" s="261">
        <v>43</v>
      </c>
      <c r="BV14" s="261">
        <v>67</v>
      </c>
      <c r="BW14" s="261">
        <v>76</v>
      </c>
      <c r="BX14" s="261">
        <v>18</v>
      </c>
      <c r="BY14" s="261">
        <v>0</v>
      </c>
      <c r="BZ14" s="258">
        <v>204</v>
      </c>
      <c r="CA14" s="263">
        <v>204</v>
      </c>
      <c r="CB14" s="257">
        <v>0</v>
      </c>
      <c r="CC14" s="261">
        <v>0</v>
      </c>
      <c r="CD14" s="258">
        <v>0</v>
      </c>
      <c r="CE14" s="260">
        <v>0</v>
      </c>
      <c r="CF14" s="261">
        <v>0</v>
      </c>
      <c r="CG14" s="261">
        <v>12</v>
      </c>
      <c r="CH14" s="261">
        <v>2</v>
      </c>
      <c r="CI14" s="261">
        <v>5</v>
      </c>
      <c r="CJ14" s="261">
        <v>0</v>
      </c>
      <c r="CK14" s="258">
        <v>19</v>
      </c>
      <c r="CL14" s="263">
        <v>19</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491</v>
      </c>
      <c r="H15" s="261">
        <v>815</v>
      </c>
      <c r="I15" s="261">
        <v>713</v>
      </c>
      <c r="J15" s="261">
        <v>1128</v>
      </c>
      <c r="K15" s="261">
        <v>474</v>
      </c>
      <c r="L15" s="262">
        <v>3621</v>
      </c>
      <c r="M15" s="263">
        <v>3621</v>
      </c>
      <c r="N15" s="257">
        <v>0</v>
      </c>
      <c r="O15" s="261">
        <v>0</v>
      </c>
      <c r="P15" s="258">
        <v>0</v>
      </c>
      <c r="Q15" s="260">
        <v>0</v>
      </c>
      <c r="R15" s="261">
        <v>0</v>
      </c>
      <c r="S15" s="261">
        <v>8</v>
      </c>
      <c r="T15" s="261">
        <v>4</v>
      </c>
      <c r="U15" s="261">
        <v>29</v>
      </c>
      <c r="V15" s="261">
        <v>13</v>
      </c>
      <c r="W15" s="258">
        <v>54</v>
      </c>
      <c r="X15" s="263">
        <v>54</v>
      </c>
      <c r="Y15" s="257">
        <v>62</v>
      </c>
      <c r="Z15" s="261">
        <v>114</v>
      </c>
      <c r="AA15" s="258">
        <v>176</v>
      </c>
      <c r="AB15" s="260">
        <v>0</v>
      </c>
      <c r="AC15" s="261">
        <v>128</v>
      </c>
      <c r="AD15" s="261">
        <v>292</v>
      </c>
      <c r="AE15" s="261">
        <v>176</v>
      </c>
      <c r="AF15" s="261">
        <v>138</v>
      </c>
      <c r="AG15" s="261">
        <v>111</v>
      </c>
      <c r="AH15" s="258">
        <v>845</v>
      </c>
      <c r="AI15" s="263">
        <v>1021</v>
      </c>
      <c r="AJ15" s="257">
        <v>0</v>
      </c>
      <c r="AK15" s="261">
        <v>18</v>
      </c>
      <c r="AL15" s="258">
        <v>18</v>
      </c>
      <c r="AM15" s="260">
        <v>0</v>
      </c>
      <c r="AN15" s="261">
        <v>0</v>
      </c>
      <c r="AO15" s="261">
        <v>55</v>
      </c>
      <c r="AP15" s="261">
        <v>18</v>
      </c>
      <c r="AQ15" s="261">
        <v>0</v>
      </c>
      <c r="AR15" s="261">
        <v>9</v>
      </c>
      <c r="AS15" s="258">
        <v>82</v>
      </c>
      <c r="AT15" s="263">
        <v>100</v>
      </c>
      <c r="AU15" s="257">
        <v>0</v>
      </c>
      <c r="AV15" s="261">
        <v>0</v>
      </c>
      <c r="AW15" s="258">
        <v>0</v>
      </c>
      <c r="AX15" s="260">
        <v>0</v>
      </c>
      <c r="AY15" s="261">
        <v>454</v>
      </c>
      <c r="AZ15" s="261">
        <v>307</v>
      </c>
      <c r="BA15" s="261">
        <v>238</v>
      </c>
      <c r="BB15" s="261">
        <v>99</v>
      </c>
      <c r="BC15" s="261">
        <v>0</v>
      </c>
      <c r="BD15" s="262">
        <v>1098</v>
      </c>
      <c r="BE15" s="263">
        <v>1098</v>
      </c>
      <c r="BF15" s="257">
        <v>0</v>
      </c>
      <c r="BG15" s="261">
        <v>0</v>
      </c>
      <c r="BH15" s="258">
        <v>0</v>
      </c>
      <c r="BI15" s="260">
        <v>0</v>
      </c>
      <c r="BJ15" s="261">
        <v>56</v>
      </c>
      <c r="BK15" s="261">
        <v>117</v>
      </c>
      <c r="BL15" s="261">
        <v>112</v>
      </c>
      <c r="BM15" s="261">
        <v>50</v>
      </c>
      <c r="BN15" s="261">
        <v>5</v>
      </c>
      <c r="BO15" s="258">
        <v>340</v>
      </c>
      <c r="BP15" s="263">
        <v>340</v>
      </c>
      <c r="BQ15" s="257">
        <v>4</v>
      </c>
      <c r="BR15" s="261">
        <v>9</v>
      </c>
      <c r="BS15" s="258">
        <v>13</v>
      </c>
      <c r="BT15" s="260">
        <v>0</v>
      </c>
      <c r="BU15" s="261">
        <v>68</v>
      </c>
      <c r="BV15" s="261">
        <v>33</v>
      </c>
      <c r="BW15" s="261">
        <v>26</v>
      </c>
      <c r="BX15" s="261">
        <v>59</v>
      </c>
      <c r="BY15" s="261">
        <v>29</v>
      </c>
      <c r="BZ15" s="258">
        <v>215</v>
      </c>
      <c r="CA15" s="263">
        <v>228</v>
      </c>
      <c r="CB15" s="257">
        <v>0</v>
      </c>
      <c r="CC15" s="261">
        <v>0</v>
      </c>
      <c r="CD15" s="258">
        <v>0</v>
      </c>
      <c r="CE15" s="260">
        <v>0</v>
      </c>
      <c r="CF15" s="261">
        <v>0</v>
      </c>
      <c r="CG15" s="261">
        <v>0</v>
      </c>
      <c r="CH15" s="261">
        <v>9</v>
      </c>
      <c r="CI15" s="261">
        <v>0</v>
      </c>
      <c r="CJ15" s="261">
        <v>0</v>
      </c>
      <c r="CK15" s="258">
        <v>9</v>
      </c>
      <c r="CL15" s="263">
        <v>9</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213</v>
      </c>
      <c r="H16" s="261">
        <v>172</v>
      </c>
      <c r="I16" s="261">
        <v>645</v>
      </c>
      <c r="J16" s="261">
        <v>688</v>
      </c>
      <c r="K16" s="261">
        <v>348</v>
      </c>
      <c r="L16" s="262">
        <v>2066</v>
      </c>
      <c r="M16" s="263">
        <v>2066</v>
      </c>
      <c r="N16" s="257">
        <v>0</v>
      </c>
      <c r="O16" s="261">
        <v>0</v>
      </c>
      <c r="P16" s="258">
        <v>0</v>
      </c>
      <c r="Q16" s="260">
        <v>0</v>
      </c>
      <c r="R16" s="261">
        <v>0</v>
      </c>
      <c r="S16" s="261">
        <v>0</v>
      </c>
      <c r="T16" s="261">
        <v>0</v>
      </c>
      <c r="U16" s="261">
        <v>24</v>
      </c>
      <c r="V16" s="261">
        <v>33</v>
      </c>
      <c r="W16" s="258">
        <v>57</v>
      </c>
      <c r="X16" s="263">
        <v>57</v>
      </c>
      <c r="Y16" s="257">
        <v>9</v>
      </c>
      <c r="Z16" s="261">
        <v>21</v>
      </c>
      <c r="AA16" s="258">
        <v>30</v>
      </c>
      <c r="AB16" s="260">
        <v>0</v>
      </c>
      <c r="AC16" s="261">
        <v>80</v>
      </c>
      <c r="AD16" s="261">
        <v>99</v>
      </c>
      <c r="AE16" s="261">
        <v>132</v>
      </c>
      <c r="AF16" s="261">
        <v>88</v>
      </c>
      <c r="AG16" s="261">
        <v>88</v>
      </c>
      <c r="AH16" s="258">
        <v>487</v>
      </c>
      <c r="AI16" s="263">
        <v>517</v>
      </c>
      <c r="AJ16" s="257">
        <v>0</v>
      </c>
      <c r="AK16" s="261">
        <v>6</v>
      </c>
      <c r="AL16" s="258">
        <v>6</v>
      </c>
      <c r="AM16" s="260">
        <v>0</v>
      </c>
      <c r="AN16" s="261">
        <v>16</v>
      </c>
      <c r="AO16" s="261">
        <v>0</v>
      </c>
      <c r="AP16" s="261">
        <v>0</v>
      </c>
      <c r="AQ16" s="261">
        <v>20</v>
      </c>
      <c r="AR16" s="261">
        <v>6</v>
      </c>
      <c r="AS16" s="258">
        <v>42</v>
      </c>
      <c r="AT16" s="263">
        <v>48</v>
      </c>
      <c r="AU16" s="257">
        <v>0</v>
      </c>
      <c r="AV16" s="261">
        <v>0</v>
      </c>
      <c r="AW16" s="258">
        <v>0</v>
      </c>
      <c r="AX16" s="260">
        <v>0</v>
      </c>
      <c r="AY16" s="261">
        <v>126</v>
      </c>
      <c r="AZ16" s="261">
        <v>107</v>
      </c>
      <c r="BA16" s="261">
        <v>155</v>
      </c>
      <c r="BB16" s="261">
        <v>55</v>
      </c>
      <c r="BC16" s="261">
        <v>47</v>
      </c>
      <c r="BD16" s="262">
        <v>490</v>
      </c>
      <c r="BE16" s="263">
        <v>490</v>
      </c>
      <c r="BF16" s="257">
        <v>0</v>
      </c>
      <c r="BG16" s="261">
        <v>0</v>
      </c>
      <c r="BH16" s="258">
        <v>0</v>
      </c>
      <c r="BI16" s="260">
        <v>0</v>
      </c>
      <c r="BJ16" s="261">
        <v>11</v>
      </c>
      <c r="BK16" s="261">
        <v>29</v>
      </c>
      <c r="BL16" s="261">
        <v>13</v>
      </c>
      <c r="BM16" s="261">
        <v>35</v>
      </c>
      <c r="BN16" s="261">
        <v>9</v>
      </c>
      <c r="BO16" s="258">
        <v>97</v>
      </c>
      <c r="BP16" s="263">
        <v>97</v>
      </c>
      <c r="BQ16" s="257">
        <v>0</v>
      </c>
      <c r="BR16" s="261">
        <v>0</v>
      </c>
      <c r="BS16" s="258">
        <v>0</v>
      </c>
      <c r="BT16" s="260">
        <v>0</v>
      </c>
      <c r="BU16" s="261">
        <v>11</v>
      </c>
      <c r="BV16" s="261">
        <v>50</v>
      </c>
      <c r="BW16" s="261">
        <v>37</v>
      </c>
      <c r="BX16" s="261">
        <v>23</v>
      </c>
      <c r="BY16" s="261">
        <v>3</v>
      </c>
      <c r="BZ16" s="258">
        <v>124</v>
      </c>
      <c r="CA16" s="263">
        <v>124</v>
      </c>
      <c r="CB16" s="257">
        <v>0</v>
      </c>
      <c r="CC16" s="261">
        <v>0</v>
      </c>
      <c r="CD16" s="258">
        <v>0</v>
      </c>
      <c r="CE16" s="260">
        <v>0</v>
      </c>
      <c r="CF16" s="261">
        <v>0</v>
      </c>
      <c r="CG16" s="261">
        <v>6</v>
      </c>
      <c r="CH16" s="261">
        <v>0</v>
      </c>
      <c r="CI16" s="261">
        <v>0</v>
      </c>
      <c r="CJ16" s="261">
        <v>0</v>
      </c>
      <c r="CK16" s="258">
        <v>6</v>
      </c>
      <c r="CL16" s="263">
        <v>6</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31</v>
      </c>
      <c r="H17" s="261">
        <v>139</v>
      </c>
      <c r="I17" s="261">
        <v>134</v>
      </c>
      <c r="J17" s="261">
        <v>166</v>
      </c>
      <c r="K17" s="261">
        <v>103</v>
      </c>
      <c r="L17" s="262">
        <v>573</v>
      </c>
      <c r="M17" s="263">
        <v>573</v>
      </c>
      <c r="N17" s="257">
        <v>0</v>
      </c>
      <c r="O17" s="261">
        <v>0</v>
      </c>
      <c r="P17" s="258">
        <v>0</v>
      </c>
      <c r="Q17" s="260">
        <v>0</v>
      </c>
      <c r="R17" s="261">
        <v>0</v>
      </c>
      <c r="S17" s="261">
        <v>0</v>
      </c>
      <c r="T17" s="261">
        <v>0</v>
      </c>
      <c r="U17" s="261">
        <v>4</v>
      </c>
      <c r="V17" s="261">
        <v>0</v>
      </c>
      <c r="W17" s="258">
        <v>4</v>
      </c>
      <c r="X17" s="263">
        <v>4</v>
      </c>
      <c r="Y17" s="257">
        <v>0</v>
      </c>
      <c r="Z17" s="261">
        <v>8</v>
      </c>
      <c r="AA17" s="258">
        <v>8</v>
      </c>
      <c r="AB17" s="260">
        <v>0</v>
      </c>
      <c r="AC17" s="261">
        <v>38</v>
      </c>
      <c r="AD17" s="261">
        <v>47</v>
      </c>
      <c r="AE17" s="261">
        <v>27</v>
      </c>
      <c r="AF17" s="261">
        <v>26</v>
      </c>
      <c r="AG17" s="261">
        <v>21</v>
      </c>
      <c r="AH17" s="258">
        <v>159</v>
      </c>
      <c r="AI17" s="263">
        <v>167</v>
      </c>
      <c r="AJ17" s="257">
        <v>0</v>
      </c>
      <c r="AK17" s="261">
        <v>0</v>
      </c>
      <c r="AL17" s="258">
        <v>0</v>
      </c>
      <c r="AM17" s="260">
        <v>0</v>
      </c>
      <c r="AN17" s="261">
        <v>10</v>
      </c>
      <c r="AO17" s="261">
        <v>27</v>
      </c>
      <c r="AP17" s="261">
        <v>0</v>
      </c>
      <c r="AQ17" s="261">
        <v>0</v>
      </c>
      <c r="AR17" s="261">
        <v>12</v>
      </c>
      <c r="AS17" s="258">
        <v>49</v>
      </c>
      <c r="AT17" s="263">
        <v>49</v>
      </c>
      <c r="AU17" s="257">
        <v>0</v>
      </c>
      <c r="AV17" s="261">
        <v>0</v>
      </c>
      <c r="AW17" s="258">
        <v>0</v>
      </c>
      <c r="AX17" s="260">
        <v>0</v>
      </c>
      <c r="AY17" s="261">
        <v>48</v>
      </c>
      <c r="AZ17" s="261">
        <v>48</v>
      </c>
      <c r="BA17" s="261">
        <v>46</v>
      </c>
      <c r="BB17" s="261">
        <v>8</v>
      </c>
      <c r="BC17" s="261">
        <v>8</v>
      </c>
      <c r="BD17" s="262">
        <v>158</v>
      </c>
      <c r="BE17" s="263">
        <v>158</v>
      </c>
      <c r="BF17" s="257">
        <v>0</v>
      </c>
      <c r="BG17" s="261">
        <v>0</v>
      </c>
      <c r="BH17" s="258">
        <v>0</v>
      </c>
      <c r="BI17" s="260">
        <v>0</v>
      </c>
      <c r="BJ17" s="261">
        <v>9</v>
      </c>
      <c r="BK17" s="261">
        <v>26</v>
      </c>
      <c r="BL17" s="261">
        <v>35</v>
      </c>
      <c r="BM17" s="261">
        <v>5</v>
      </c>
      <c r="BN17" s="261">
        <v>0</v>
      </c>
      <c r="BO17" s="258">
        <v>75</v>
      </c>
      <c r="BP17" s="263">
        <v>75</v>
      </c>
      <c r="BQ17" s="257">
        <v>0</v>
      </c>
      <c r="BR17" s="261">
        <v>4</v>
      </c>
      <c r="BS17" s="258">
        <v>4</v>
      </c>
      <c r="BT17" s="260">
        <v>0</v>
      </c>
      <c r="BU17" s="261">
        <v>3</v>
      </c>
      <c r="BV17" s="261">
        <v>6</v>
      </c>
      <c r="BW17" s="261">
        <v>32</v>
      </c>
      <c r="BX17" s="261">
        <v>88</v>
      </c>
      <c r="BY17" s="261">
        <v>96</v>
      </c>
      <c r="BZ17" s="258">
        <v>225</v>
      </c>
      <c r="CA17" s="263">
        <v>229</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139</v>
      </c>
      <c r="H18" s="261">
        <v>71</v>
      </c>
      <c r="I18" s="261">
        <v>88</v>
      </c>
      <c r="J18" s="261">
        <v>131</v>
      </c>
      <c r="K18" s="261">
        <v>81</v>
      </c>
      <c r="L18" s="262">
        <v>510</v>
      </c>
      <c r="M18" s="263">
        <v>510</v>
      </c>
      <c r="N18" s="257">
        <v>0</v>
      </c>
      <c r="O18" s="261">
        <v>0</v>
      </c>
      <c r="P18" s="258">
        <v>0</v>
      </c>
      <c r="Q18" s="260">
        <v>0</v>
      </c>
      <c r="R18" s="261">
        <v>0</v>
      </c>
      <c r="S18" s="261">
        <v>0</v>
      </c>
      <c r="T18" s="261">
        <v>1</v>
      </c>
      <c r="U18" s="261">
        <v>3</v>
      </c>
      <c r="V18" s="261">
        <v>15</v>
      </c>
      <c r="W18" s="258">
        <v>19</v>
      </c>
      <c r="X18" s="263">
        <v>19</v>
      </c>
      <c r="Y18" s="257">
        <v>10</v>
      </c>
      <c r="Z18" s="261">
        <v>16</v>
      </c>
      <c r="AA18" s="258">
        <v>26</v>
      </c>
      <c r="AB18" s="260">
        <v>0</v>
      </c>
      <c r="AC18" s="261">
        <v>85</v>
      </c>
      <c r="AD18" s="261">
        <v>100</v>
      </c>
      <c r="AE18" s="261">
        <v>102</v>
      </c>
      <c r="AF18" s="261">
        <v>159</v>
      </c>
      <c r="AG18" s="261">
        <v>29</v>
      </c>
      <c r="AH18" s="258">
        <v>475</v>
      </c>
      <c r="AI18" s="263">
        <v>501</v>
      </c>
      <c r="AJ18" s="257">
        <v>0</v>
      </c>
      <c r="AK18" s="261">
        <v>22</v>
      </c>
      <c r="AL18" s="258">
        <v>22</v>
      </c>
      <c r="AM18" s="260">
        <v>0</v>
      </c>
      <c r="AN18" s="261">
        <v>0</v>
      </c>
      <c r="AO18" s="261">
        <v>32</v>
      </c>
      <c r="AP18" s="261">
        <v>24</v>
      </c>
      <c r="AQ18" s="261">
        <v>0</v>
      </c>
      <c r="AR18" s="261">
        <v>0</v>
      </c>
      <c r="AS18" s="258">
        <v>56</v>
      </c>
      <c r="AT18" s="263">
        <v>78</v>
      </c>
      <c r="AU18" s="257">
        <v>0</v>
      </c>
      <c r="AV18" s="261">
        <v>0</v>
      </c>
      <c r="AW18" s="258">
        <v>0</v>
      </c>
      <c r="AX18" s="260">
        <v>0</v>
      </c>
      <c r="AY18" s="261">
        <v>180</v>
      </c>
      <c r="AZ18" s="261">
        <v>214</v>
      </c>
      <c r="BA18" s="261">
        <v>63</v>
      </c>
      <c r="BB18" s="261">
        <v>89</v>
      </c>
      <c r="BC18" s="261">
        <v>3</v>
      </c>
      <c r="BD18" s="262">
        <v>549</v>
      </c>
      <c r="BE18" s="263">
        <v>549</v>
      </c>
      <c r="BF18" s="257">
        <v>0</v>
      </c>
      <c r="BG18" s="261">
        <v>0</v>
      </c>
      <c r="BH18" s="258">
        <v>0</v>
      </c>
      <c r="BI18" s="260">
        <v>0</v>
      </c>
      <c r="BJ18" s="261">
        <v>147</v>
      </c>
      <c r="BK18" s="261">
        <v>219</v>
      </c>
      <c r="BL18" s="261">
        <v>38</v>
      </c>
      <c r="BM18" s="261">
        <v>23</v>
      </c>
      <c r="BN18" s="261">
        <v>0</v>
      </c>
      <c r="BO18" s="258">
        <v>427</v>
      </c>
      <c r="BP18" s="263">
        <v>427</v>
      </c>
      <c r="BQ18" s="257">
        <v>0</v>
      </c>
      <c r="BR18" s="261">
        <v>0</v>
      </c>
      <c r="BS18" s="258">
        <v>0</v>
      </c>
      <c r="BT18" s="260">
        <v>0</v>
      </c>
      <c r="BU18" s="261">
        <v>7</v>
      </c>
      <c r="BV18" s="261">
        <v>16</v>
      </c>
      <c r="BW18" s="261">
        <v>10</v>
      </c>
      <c r="BX18" s="261">
        <v>36</v>
      </c>
      <c r="BY18" s="261">
        <v>0</v>
      </c>
      <c r="BZ18" s="258">
        <v>69</v>
      </c>
      <c r="CA18" s="263">
        <v>69</v>
      </c>
      <c r="CB18" s="257">
        <v>0</v>
      </c>
      <c r="CC18" s="261">
        <v>0</v>
      </c>
      <c r="CD18" s="258">
        <v>0</v>
      </c>
      <c r="CE18" s="260">
        <v>0</v>
      </c>
      <c r="CF18" s="261">
        <v>0</v>
      </c>
      <c r="CG18" s="261">
        <v>17</v>
      </c>
      <c r="CH18" s="261">
        <v>0</v>
      </c>
      <c r="CI18" s="261">
        <v>3</v>
      </c>
      <c r="CJ18" s="261">
        <v>0</v>
      </c>
      <c r="CK18" s="258">
        <v>20</v>
      </c>
      <c r="CL18" s="263">
        <v>20</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61</v>
      </c>
      <c r="H19" s="261">
        <v>238</v>
      </c>
      <c r="I19" s="261">
        <v>649</v>
      </c>
      <c r="J19" s="261">
        <v>89</v>
      </c>
      <c r="K19" s="261">
        <v>528</v>
      </c>
      <c r="L19" s="262">
        <v>1565</v>
      </c>
      <c r="M19" s="263">
        <v>1565</v>
      </c>
      <c r="N19" s="257">
        <v>0</v>
      </c>
      <c r="O19" s="261">
        <v>0</v>
      </c>
      <c r="P19" s="258">
        <v>0</v>
      </c>
      <c r="Q19" s="260">
        <v>0</v>
      </c>
      <c r="R19" s="261">
        <v>0</v>
      </c>
      <c r="S19" s="261">
        <v>1</v>
      </c>
      <c r="T19" s="261">
        <v>0</v>
      </c>
      <c r="U19" s="261">
        <v>4</v>
      </c>
      <c r="V19" s="261">
        <v>16</v>
      </c>
      <c r="W19" s="258">
        <v>21</v>
      </c>
      <c r="X19" s="263">
        <v>21</v>
      </c>
      <c r="Y19" s="257">
        <v>5</v>
      </c>
      <c r="Z19" s="261">
        <v>24</v>
      </c>
      <c r="AA19" s="258">
        <v>29</v>
      </c>
      <c r="AB19" s="260">
        <v>0</v>
      </c>
      <c r="AC19" s="261">
        <v>55</v>
      </c>
      <c r="AD19" s="261">
        <v>78</v>
      </c>
      <c r="AE19" s="261">
        <v>93</v>
      </c>
      <c r="AF19" s="261">
        <v>24</v>
      </c>
      <c r="AG19" s="261">
        <v>75</v>
      </c>
      <c r="AH19" s="258">
        <v>325</v>
      </c>
      <c r="AI19" s="263">
        <v>354</v>
      </c>
      <c r="AJ19" s="257">
        <v>0</v>
      </c>
      <c r="AK19" s="261">
        <v>39</v>
      </c>
      <c r="AL19" s="258">
        <v>39</v>
      </c>
      <c r="AM19" s="260">
        <v>0</v>
      </c>
      <c r="AN19" s="261">
        <v>0</v>
      </c>
      <c r="AO19" s="261">
        <v>20</v>
      </c>
      <c r="AP19" s="261">
        <v>27</v>
      </c>
      <c r="AQ19" s="261">
        <v>9</v>
      </c>
      <c r="AR19" s="261">
        <v>0</v>
      </c>
      <c r="AS19" s="258">
        <v>56</v>
      </c>
      <c r="AT19" s="263">
        <v>95</v>
      </c>
      <c r="AU19" s="257">
        <v>0</v>
      </c>
      <c r="AV19" s="261">
        <v>0</v>
      </c>
      <c r="AW19" s="258">
        <v>0</v>
      </c>
      <c r="AX19" s="260">
        <v>0</v>
      </c>
      <c r="AY19" s="261">
        <v>182</v>
      </c>
      <c r="AZ19" s="261">
        <v>249</v>
      </c>
      <c r="BA19" s="261">
        <v>88</v>
      </c>
      <c r="BB19" s="261">
        <v>82</v>
      </c>
      <c r="BC19" s="261">
        <v>28</v>
      </c>
      <c r="BD19" s="262">
        <v>629</v>
      </c>
      <c r="BE19" s="263">
        <v>629</v>
      </c>
      <c r="BF19" s="257">
        <v>0</v>
      </c>
      <c r="BG19" s="261">
        <v>0</v>
      </c>
      <c r="BH19" s="258">
        <v>0</v>
      </c>
      <c r="BI19" s="260">
        <v>0</v>
      </c>
      <c r="BJ19" s="261">
        <v>0</v>
      </c>
      <c r="BK19" s="261">
        <v>116</v>
      </c>
      <c r="BL19" s="261">
        <v>32</v>
      </c>
      <c r="BM19" s="261">
        <v>10</v>
      </c>
      <c r="BN19" s="261">
        <v>10</v>
      </c>
      <c r="BO19" s="258">
        <v>168</v>
      </c>
      <c r="BP19" s="263">
        <v>168</v>
      </c>
      <c r="BQ19" s="257">
        <v>0</v>
      </c>
      <c r="BR19" s="261">
        <v>0</v>
      </c>
      <c r="BS19" s="258">
        <v>0</v>
      </c>
      <c r="BT19" s="260">
        <v>0</v>
      </c>
      <c r="BU19" s="261">
        <v>14</v>
      </c>
      <c r="BV19" s="261">
        <v>45</v>
      </c>
      <c r="BW19" s="261">
        <v>25</v>
      </c>
      <c r="BX19" s="261">
        <v>117</v>
      </c>
      <c r="BY19" s="261">
        <v>23</v>
      </c>
      <c r="BZ19" s="258">
        <v>224</v>
      </c>
      <c r="CA19" s="263">
        <v>224</v>
      </c>
      <c r="CB19" s="257">
        <v>0</v>
      </c>
      <c r="CC19" s="261">
        <v>0</v>
      </c>
      <c r="CD19" s="258">
        <v>0</v>
      </c>
      <c r="CE19" s="260">
        <v>0</v>
      </c>
      <c r="CF19" s="261">
        <v>0</v>
      </c>
      <c r="CG19" s="261">
        <v>8</v>
      </c>
      <c r="CH19" s="261">
        <v>7</v>
      </c>
      <c r="CI19" s="261">
        <v>0</v>
      </c>
      <c r="CJ19" s="261">
        <v>0</v>
      </c>
      <c r="CK19" s="258">
        <v>15</v>
      </c>
      <c r="CL19" s="263">
        <v>15</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232</v>
      </c>
      <c r="H20" s="261">
        <v>342</v>
      </c>
      <c r="I20" s="261">
        <v>599</v>
      </c>
      <c r="J20" s="261">
        <v>510</v>
      </c>
      <c r="K20" s="261">
        <v>293</v>
      </c>
      <c r="L20" s="262">
        <v>1976</v>
      </c>
      <c r="M20" s="263">
        <v>1976</v>
      </c>
      <c r="N20" s="257">
        <v>0</v>
      </c>
      <c r="O20" s="261">
        <v>0</v>
      </c>
      <c r="P20" s="258">
        <v>0</v>
      </c>
      <c r="Q20" s="260">
        <v>0</v>
      </c>
      <c r="R20" s="261">
        <v>0</v>
      </c>
      <c r="S20" s="261">
        <v>0</v>
      </c>
      <c r="T20" s="261">
        <v>3</v>
      </c>
      <c r="U20" s="261">
        <v>7</v>
      </c>
      <c r="V20" s="261">
        <v>6</v>
      </c>
      <c r="W20" s="258">
        <v>16</v>
      </c>
      <c r="X20" s="263">
        <v>16</v>
      </c>
      <c r="Y20" s="257">
        <v>33</v>
      </c>
      <c r="Z20" s="261">
        <v>39</v>
      </c>
      <c r="AA20" s="258">
        <v>72</v>
      </c>
      <c r="AB20" s="260">
        <v>0</v>
      </c>
      <c r="AC20" s="261">
        <v>161</v>
      </c>
      <c r="AD20" s="261">
        <v>124</v>
      </c>
      <c r="AE20" s="261">
        <v>189</v>
      </c>
      <c r="AF20" s="261">
        <v>94</v>
      </c>
      <c r="AG20" s="261">
        <v>30</v>
      </c>
      <c r="AH20" s="258">
        <v>598</v>
      </c>
      <c r="AI20" s="263">
        <v>670</v>
      </c>
      <c r="AJ20" s="257">
        <v>0</v>
      </c>
      <c r="AK20" s="261">
        <v>18</v>
      </c>
      <c r="AL20" s="258">
        <v>18</v>
      </c>
      <c r="AM20" s="260">
        <v>0</v>
      </c>
      <c r="AN20" s="261">
        <v>17</v>
      </c>
      <c r="AO20" s="261">
        <v>86</v>
      </c>
      <c r="AP20" s="261">
        <v>0</v>
      </c>
      <c r="AQ20" s="261">
        <v>113</v>
      </c>
      <c r="AR20" s="261">
        <v>0</v>
      </c>
      <c r="AS20" s="258">
        <v>216</v>
      </c>
      <c r="AT20" s="263">
        <v>234</v>
      </c>
      <c r="AU20" s="257">
        <v>0</v>
      </c>
      <c r="AV20" s="261">
        <v>0</v>
      </c>
      <c r="AW20" s="258">
        <v>0</v>
      </c>
      <c r="AX20" s="260">
        <v>0</v>
      </c>
      <c r="AY20" s="261">
        <v>358</v>
      </c>
      <c r="AZ20" s="261">
        <v>323</v>
      </c>
      <c r="BA20" s="261">
        <v>212</v>
      </c>
      <c r="BB20" s="261">
        <v>119</v>
      </c>
      <c r="BC20" s="261">
        <v>21</v>
      </c>
      <c r="BD20" s="262">
        <v>1033</v>
      </c>
      <c r="BE20" s="263">
        <v>1033</v>
      </c>
      <c r="BF20" s="257">
        <v>0</v>
      </c>
      <c r="BG20" s="261">
        <v>0</v>
      </c>
      <c r="BH20" s="258">
        <v>0</v>
      </c>
      <c r="BI20" s="260">
        <v>0</v>
      </c>
      <c r="BJ20" s="261">
        <v>86</v>
      </c>
      <c r="BK20" s="261">
        <v>135</v>
      </c>
      <c r="BL20" s="261">
        <v>69</v>
      </c>
      <c r="BM20" s="261">
        <v>9</v>
      </c>
      <c r="BN20" s="261">
        <v>11</v>
      </c>
      <c r="BO20" s="258">
        <v>310</v>
      </c>
      <c r="BP20" s="263">
        <v>310</v>
      </c>
      <c r="BQ20" s="257">
        <v>0</v>
      </c>
      <c r="BR20" s="261">
        <v>3</v>
      </c>
      <c r="BS20" s="258">
        <v>3</v>
      </c>
      <c r="BT20" s="260">
        <v>0</v>
      </c>
      <c r="BU20" s="261">
        <v>0</v>
      </c>
      <c r="BV20" s="261">
        <v>54</v>
      </c>
      <c r="BW20" s="261">
        <v>128</v>
      </c>
      <c r="BX20" s="261">
        <v>47</v>
      </c>
      <c r="BY20" s="261">
        <v>44</v>
      </c>
      <c r="BZ20" s="258">
        <v>273</v>
      </c>
      <c r="CA20" s="263">
        <v>276</v>
      </c>
      <c r="CB20" s="257">
        <v>0</v>
      </c>
      <c r="CC20" s="261">
        <v>0</v>
      </c>
      <c r="CD20" s="258">
        <v>0</v>
      </c>
      <c r="CE20" s="260">
        <v>0</v>
      </c>
      <c r="CF20" s="261">
        <v>0</v>
      </c>
      <c r="CG20" s="261">
        <v>0</v>
      </c>
      <c r="CH20" s="261">
        <v>11</v>
      </c>
      <c r="CI20" s="261">
        <v>0</v>
      </c>
      <c r="CJ20" s="261">
        <v>0</v>
      </c>
      <c r="CK20" s="258">
        <v>11</v>
      </c>
      <c r="CL20" s="263">
        <v>11</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93</v>
      </c>
      <c r="H21" s="261">
        <v>117</v>
      </c>
      <c r="I21" s="261">
        <v>77</v>
      </c>
      <c r="J21" s="261">
        <v>195</v>
      </c>
      <c r="K21" s="261">
        <v>131</v>
      </c>
      <c r="L21" s="262">
        <v>613</v>
      </c>
      <c r="M21" s="263">
        <v>613</v>
      </c>
      <c r="N21" s="257">
        <v>0</v>
      </c>
      <c r="O21" s="261">
        <v>0</v>
      </c>
      <c r="P21" s="258">
        <v>0</v>
      </c>
      <c r="Q21" s="260">
        <v>0</v>
      </c>
      <c r="R21" s="261">
        <v>0</v>
      </c>
      <c r="S21" s="261">
        <v>0</v>
      </c>
      <c r="T21" s="261">
        <v>20</v>
      </c>
      <c r="U21" s="261">
        <v>1</v>
      </c>
      <c r="V21" s="261">
        <v>9</v>
      </c>
      <c r="W21" s="258">
        <v>30</v>
      </c>
      <c r="X21" s="263">
        <v>30</v>
      </c>
      <c r="Y21" s="257">
        <v>11</v>
      </c>
      <c r="Z21" s="261">
        <v>7</v>
      </c>
      <c r="AA21" s="258">
        <v>18</v>
      </c>
      <c r="AB21" s="260">
        <v>0</v>
      </c>
      <c r="AC21" s="261">
        <v>72</v>
      </c>
      <c r="AD21" s="261">
        <v>65</v>
      </c>
      <c r="AE21" s="261">
        <v>79</v>
      </c>
      <c r="AF21" s="261">
        <v>60</v>
      </c>
      <c r="AG21" s="261">
        <v>58</v>
      </c>
      <c r="AH21" s="258">
        <v>334</v>
      </c>
      <c r="AI21" s="263">
        <v>352</v>
      </c>
      <c r="AJ21" s="257">
        <v>0</v>
      </c>
      <c r="AK21" s="261">
        <v>0</v>
      </c>
      <c r="AL21" s="258">
        <v>0</v>
      </c>
      <c r="AM21" s="260">
        <v>0</v>
      </c>
      <c r="AN21" s="261">
        <v>15</v>
      </c>
      <c r="AO21" s="261">
        <v>-1</v>
      </c>
      <c r="AP21" s="261">
        <v>0</v>
      </c>
      <c r="AQ21" s="261">
        <v>10</v>
      </c>
      <c r="AR21" s="261">
        <v>0</v>
      </c>
      <c r="AS21" s="258">
        <v>24</v>
      </c>
      <c r="AT21" s="263">
        <v>24</v>
      </c>
      <c r="AU21" s="257">
        <v>0</v>
      </c>
      <c r="AV21" s="261">
        <v>0</v>
      </c>
      <c r="AW21" s="258">
        <v>0</v>
      </c>
      <c r="AX21" s="260">
        <v>0</v>
      </c>
      <c r="AY21" s="261">
        <v>174</v>
      </c>
      <c r="AZ21" s="261">
        <v>114</v>
      </c>
      <c r="BA21" s="261">
        <v>53</v>
      </c>
      <c r="BB21" s="261">
        <v>3</v>
      </c>
      <c r="BC21" s="261">
        <v>0</v>
      </c>
      <c r="BD21" s="262">
        <v>344</v>
      </c>
      <c r="BE21" s="263">
        <v>344</v>
      </c>
      <c r="BF21" s="257">
        <v>0</v>
      </c>
      <c r="BG21" s="261">
        <v>0</v>
      </c>
      <c r="BH21" s="258">
        <v>0</v>
      </c>
      <c r="BI21" s="260">
        <v>0</v>
      </c>
      <c r="BJ21" s="261">
        <v>96</v>
      </c>
      <c r="BK21" s="261">
        <v>54</v>
      </c>
      <c r="BL21" s="261">
        <v>22</v>
      </c>
      <c r="BM21" s="261">
        <v>8</v>
      </c>
      <c r="BN21" s="261">
        <v>0</v>
      </c>
      <c r="BO21" s="258">
        <v>180</v>
      </c>
      <c r="BP21" s="263">
        <v>180</v>
      </c>
      <c r="BQ21" s="257">
        <v>0</v>
      </c>
      <c r="BR21" s="261">
        <v>0</v>
      </c>
      <c r="BS21" s="258">
        <v>0</v>
      </c>
      <c r="BT21" s="260">
        <v>0</v>
      </c>
      <c r="BU21" s="261">
        <v>12</v>
      </c>
      <c r="BV21" s="261">
        <v>19</v>
      </c>
      <c r="BW21" s="261">
        <v>0</v>
      </c>
      <c r="BX21" s="261">
        <v>0</v>
      </c>
      <c r="BY21" s="261">
        <v>28</v>
      </c>
      <c r="BZ21" s="258">
        <v>59</v>
      </c>
      <c r="CA21" s="263">
        <v>59</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267</v>
      </c>
      <c r="H22" s="261">
        <v>389</v>
      </c>
      <c r="I22" s="261">
        <v>196</v>
      </c>
      <c r="J22" s="261">
        <v>147</v>
      </c>
      <c r="K22" s="261">
        <v>300</v>
      </c>
      <c r="L22" s="262">
        <v>1299</v>
      </c>
      <c r="M22" s="263">
        <v>1299</v>
      </c>
      <c r="N22" s="257">
        <v>0</v>
      </c>
      <c r="O22" s="261">
        <v>0</v>
      </c>
      <c r="P22" s="258">
        <v>0</v>
      </c>
      <c r="Q22" s="260">
        <v>0</v>
      </c>
      <c r="R22" s="261">
        <v>0</v>
      </c>
      <c r="S22" s="261">
        <v>0</v>
      </c>
      <c r="T22" s="261">
        <v>0</v>
      </c>
      <c r="U22" s="261">
        <v>4</v>
      </c>
      <c r="V22" s="261">
        <v>13</v>
      </c>
      <c r="W22" s="258">
        <v>17</v>
      </c>
      <c r="X22" s="263">
        <v>17</v>
      </c>
      <c r="Y22" s="257">
        <v>50</v>
      </c>
      <c r="Z22" s="261">
        <v>15</v>
      </c>
      <c r="AA22" s="258">
        <v>65</v>
      </c>
      <c r="AB22" s="260">
        <v>0</v>
      </c>
      <c r="AC22" s="261">
        <v>225</v>
      </c>
      <c r="AD22" s="261">
        <v>220</v>
      </c>
      <c r="AE22" s="261">
        <v>69</v>
      </c>
      <c r="AF22" s="261">
        <v>70</v>
      </c>
      <c r="AG22" s="261">
        <v>77</v>
      </c>
      <c r="AH22" s="258">
        <v>661</v>
      </c>
      <c r="AI22" s="263">
        <v>726</v>
      </c>
      <c r="AJ22" s="257">
        <v>8</v>
      </c>
      <c r="AK22" s="261">
        <v>26</v>
      </c>
      <c r="AL22" s="258">
        <v>34</v>
      </c>
      <c r="AM22" s="260">
        <v>0</v>
      </c>
      <c r="AN22" s="261">
        <v>103</v>
      </c>
      <c r="AO22" s="261">
        <v>117</v>
      </c>
      <c r="AP22" s="261">
        <v>57</v>
      </c>
      <c r="AQ22" s="261">
        <v>70</v>
      </c>
      <c r="AR22" s="261">
        <v>0</v>
      </c>
      <c r="AS22" s="258">
        <v>347</v>
      </c>
      <c r="AT22" s="263">
        <v>381</v>
      </c>
      <c r="AU22" s="257">
        <v>0</v>
      </c>
      <c r="AV22" s="261">
        <v>0</v>
      </c>
      <c r="AW22" s="258">
        <v>0</v>
      </c>
      <c r="AX22" s="260">
        <v>0</v>
      </c>
      <c r="AY22" s="261">
        <v>207</v>
      </c>
      <c r="AZ22" s="261">
        <v>218</v>
      </c>
      <c r="BA22" s="261">
        <v>111</v>
      </c>
      <c r="BB22" s="261">
        <v>97</v>
      </c>
      <c r="BC22" s="261">
        <v>0</v>
      </c>
      <c r="BD22" s="262">
        <v>633</v>
      </c>
      <c r="BE22" s="263">
        <v>633</v>
      </c>
      <c r="BF22" s="257">
        <v>0</v>
      </c>
      <c r="BG22" s="261">
        <v>0</v>
      </c>
      <c r="BH22" s="258">
        <v>0</v>
      </c>
      <c r="BI22" s="260">
        <v>0</v>
      </c>
      <c r="BJ22" s="261">
        <v>56</v>
      </c>
      <c r="BK22" s="261">
        <v>81</v>
      </c>
      <c r="BL22" s="261">
        <v>54</v>
      </c>
      <c r="BM22" s="261">
        <v>40</v>
      </c>
      <c r="BN22" s="261">
        <v>0</v>
      </c>
      <c r="BO22" s="258">
        <v>231</v>
      </c>
      <c r="BP22" s="263">
        <v>231</v>
      </c>
      <c r="BQ22" s="257">
        <v>0</v>
      </c>
      <c r="BR22" s="261">
        <v>0</v>
      </c>
      <c r="BS22" s="258">
        <v>0</v>
      </c>
      <c r="BT22" s="260">
        <v>0</v>
      </c>
      <c r="BU22" s="261">
        <v>25</v>
      </c>
      <c r="BV22" s="261">
        <v>67</v>
      </c>
      <c r="BW22" s="261">
        <v>50</v>
      </c>
      <c r="BX22" s="261">
        <v>170</v>
      </c>
      <c r="BY22" s="261">
        <v>21</v>
      </c>
      <c r="BZ22" s="258">
        <v>333</v>
      </c>
      <c r="CA22" s="263">
        <v>333</v>
      </c>
      <c r="CB22" s="257">
        <v>0</v>
      </c>
      <c r="CC22" s="261">
        <v>0</v>
      </c>
      <c r="CD22" s="258">
        <v>0</v>
      </c>
      <c r="CE22" s="260">
        <v>0</v>
      </c>
      <c r="CF22" s="261">
        <v>0</v>
      </c>
      <c r="CG22" s="261">
        <v>0</v>
      </c>
      <c r="CH22" s="261">
        <v>6</v>
      </c>
      <c r="CI22" s="261">
        <v>12</v>
      </c>
      <c r="CJ22" s="261">
        <v>0</v>
      </c>
      <c r="CK22" s="258">
        <v>18</v>
      </c>
      <c r="CL22" s="263">
        <v>18</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100</v>
      </c>
      <c r="H23" s="261">
        <v>146</v>
      </c>
      <c r="I23" s="261">
        <v>216</v>
      </c>
      <c r="J23" s="261">
        <v>371</v>
      </c>
      <c r="K23" s="261">
        <v>125</v>
      </c>
      <c r="L23" s="262">
        <v>958</v>
      </c>
      <c r="M23" s="263">
        <v>958</v>
      </c>
      <c r="N23" s="257">
        <v>0</v>
      </c>
      <c r="O23" s="261">
        <v>0</v>
      </c>
      <c r="P23" s="258">
        <v>0</v>
      </c>
      <c r="Q23" s="260">
        <v>0</v>
      </c>
      <c r="R23" s="261">
        <v>0</v>
      </c>
      <c r="S23" s="261">
        <v>0</v>
      </c>
      <c r="T23" s="261">
        <v>0</v>
      </c>
      <c r="U23" s="261">
        <v>1</v>
      </c>
      <c r="V23" s="261">
        <v>16</v>
      </c>
      <c r="W23" s="258">
        <v>17</v>
      </c>
      <c r="X23" s="263">
        <v>17</v>
      </c>
      <c r="Y23" s="257">
        <v>27</v>
      </c>
      <c r="Z23" s="261">
        <v>18</v>
      </c>
      <c r="AA23" s="258">
        <v>45</v>
      </c>
      <c r="AB23" s="260">
        <v>0</v>
      </c>
      <c r="AC23" s="261">
        <v>113</v>
      </c>
      <c r="AD23" s="261">
        <v>248</v>
      </c>
      <c r="AE23" s="261">
        <v>149</v>
      </c>
      <c r="AF23" s="261">
        <v>129</v>
      </c>
      <c r="AG23" s="261">
        <v>132</v>
      </c>
      <c r="AH23" s="258">
        <v>771</v>
      </c>
      <c r="AI23" s="263">
        <v>816</v>
      </c>
      <c r="AJ23" s="257">
        <v>0</v>
      </c>
      <c r="AK23" s="261">
        <v>18</v>
      </c>
      <c r="AL23" s="258">
        <v>18</v>
      </c>
      <c r="AM23" s="260">
        <v>0</v>
      </c>
      <c r="AN23" s="261">
        <v>20</v>
      </c>
      <c r="AO23" s="261">
        <v>26</v>
      </c>
      <c r="AP23" s="261">
        <v>24</v>
      </c>
      <c r="AQ23" s="261">
        <v>26</v>
      </c>
      <c r="AR23" s="261">
        <v>14</v>
      </c>
      <c r="AS23" s="258">
        <v>110</v>
      </c>
      <c r="AT23" s="263">
        <v>128</v>
      </c>
      <c r="AU23" s="257">
        <v>0</v>
      </c>
      <c r="AV23" s="261">
        <v>0</v>
      </c>
      <c r="AW23" s="258">
        <v>0</v>
      </c>
      <c r="AX23" s="260">
        <v>0</v>
      </c>
      <c r="AY23" s="261">
        <v>133</v>
      </c>
      <c r="AZ23" s="261">
        <v>131</v>
      </c>
      <c r="BA23" s="261">
        <v>114</v>
      </c>
      <c r="BB23" s="261">
        <v>33</v>
      </c>
      <c r="BC23" s="261">
        <v>30</v>
      </c>
      <c r="BD23" s="262">
        <v>441</v>
      </c>
      <c r="BE23" s="263">
        <v>441</v>
      </c>
      <c r="BF23" s="257">
        <v>0</v>
      </c>
      <c r="BG23" s="261">
        <v>0</v>
      </c>
      <c r="BH23" s="258">
        <v>0</v>
      </c>
      <c r="BI23" s="260">
        <v>0</v>
      </c>
      <c r="BJ23" s="261">
        <v>59</v>
      </c>
      <c r="BK23" s="261">
        <v>70</v>
      </c>
      <c r="BL23" s="261">
        <v>17</v>
      </c>
      <c r="BM23" s="261">
        <v>0</v>
      </c>
      <c r="BN23" s="261">
        <v>0</v>
      </c>
      <c r="BO23" s="258">
        <v>146</v>
      </c>
      <c r="BP23" s="263">
        <v>146</v>
      </c>
      <c r="BQ23" s="257">
        <v>0</v>
      </c>
      <c r="BR23" s="261">
        <v>0</v>
      </c>
      <c r="BS23" s="258">
        <v>0</v>
      </c>
      <c r="BT23" s="260">
        <v>0</v>
      </c>
      <c r="BU23" s="261">
        <v>4</v>
      </c>
      <c r="BV23" s="261">
        <v>7</v>
      </c>
      <c r="BW23" s="261">
        <v>82</v>
      </c>
      <c r="BX23" s="261">
        <v>70</v>
      </c>
      <c r="BY23" s="261">
        <v>29</v>
      </c>
      <c r="BZ23" s="258">
        <v>192</v>
      </c>
      <c r="CA23" s="263">
        <v>192</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66</v>
      </c>
      <c r="H24" s="261">
        <v>92</v>
      </c>
      <c r="I24" s="261">
        <v>13</v>
      </c>
      <c r="J24" s="261">
        <v>183</v>
      </c>
      <c r="K24" s="261">
        <v>111</v>
      </c>
      <c r="L24" s="262">
        <v>465</v>
      </c>
      <c r="M24" s="263">
        <v>465</v>
      </c>
      <c r="N24" s="257">
        <v>0</v>
      </c>
      <c r="O24" s="261">
        <v>0</v>
      </c>
      <c r="P24" s="258">
        <v>0</v>
      </c>
      <c r="Q24" s="260">
        <v>0</v>
      </c>
      <c r="R24" s="261">
        <v>4</v>
      </c>
      <c r="S24" s="261">
        <v>0</v>
      </c>
      <c r="T24" s="261">
        <v>0</v>
      </c>
      <c r="U24" s="261">
        <v>8</v>
      </c>
      <c r="V24" s="261">
        <v>0</v>
      </c>
      <c r="W24" s="258">
        <v>12</v>
      </c>
      <c r="X24" s="263">
        <v>12</v>
      </c>
      <c r="Y24" s="257">
        <v>0</v>
      </c>
      <c r="Z24" s="261">
        <v>2</v>
      </c>
      <c r="AA24" s="258">
        <v>2</v>
      </c>
      <c r="AB24" s="260">
        <v>0</v>
      </c>
      <c r="AC24" s="261">
        <v>14</v>
      </c>
      <c r="AD24" s="261">
        <v>50</v>
      </c>
      <c r="AE24" s="261">
        <v>35</v>
      </c>
      <c r="AF24" s="261">
        <v>6</v>
      </c>
      <c r="AG24" s="261">
        <v>14</v>
      </c>
      <c r="AH24" s="258">
        <v>119</v>
      </c>
      <c r="AI24" s="263">
        <v>121</v>
      </c>
      <c r="AJ24" s="257">
        <v>0</v>
      </c>
      <c r="AK24" s="261">
        <v>0</v>
      </c>
      <c r="AL24" s="258">
        <v>0</v>
      </c>
      <c r="AM24" s="260">
        <v>0</v>
      </c>
      <c r="AN24" s="261">
        <v>0</v>
      </c>
      <c r="AO24" s="261">
        <v>27</v>
      </c>
      <c r="AP24" s="261">
        <v>0</v>
      </c>
      <c r="AQ24" s="261">
        <v>0</v>
      </c>
      <c r="AR24" s="261">
        <v>0</v>
      </c>
      <c r="AS24" s="258">
        <v>27</v>
      </c>
      <c r="AT24" s="263">
        <v>27</v>
      </c>
      <c r="AU24" s="257">
        <v>0</v>
      </c>
      <c r="AV24" s="261">
        <v>0</v>
      </c>
      <c r="AW24" s="258">
        <v>0</v>
      </c>
      <c r="AX24" s="260">
        <v>0</v>
      </c>
      <c r="AY24" s="261">
        <v>106</v>
      </c>
      <c r="AZ24" s="261">
        <v>60</v>
      </c>
      <c r="BA24" s="261">
        <v>31</v>
      </c>
      <c r="BB24" s="261">
        <v>23</v>
      </c>
      <c r="BC24" s="261">
        <v>52</v>
      </c>
      <c r="BD24" s="262">
        <v>272</v>
      </c>
      <c r="BE24" s="263">
        <v>272</v>
      </c>
      <c r="BF24" s="257">
        <v>0</v>
      </c>
      <c r="BG24" s="261">
        <v>0</v>
      </c>
      <c r="BH24" s="258">
        <v>0</v>
      </c>
      <c r="BI24" s="260">
        <v>0</v>
      </c>
      <c r="BJ24" s="261">
        <v>16</v>
      </c>
      <c r="BK24" s="261">
        <v>26</v>
      </c>
      <c r="BL24" s="261">
        <v>9</v>
      </c>
      <c r="BM24" s="261">
        <v>0</v>
      </c>
      <c r="BN24" s="261">
        <v>13</v>
      </c>
      <c r="BO24" s="258">
        <v>64</v>
      </c>
      <c r="BP24" s="263">
        <v>64</v>
      </c>
      <c r="BQ24" s="257">
        <v>0</v>
      </c>
      <c r="BR24" s="261">
        <v>0</v>
      </c>
      <c r="BS24" s="258">
        <v>0</v>
      </c>
      <c r="BT24" s="260">
        <v>0</v>
      </c>
      <c r="BU24" s="261">
        <v>29</v>
      </c>
      <c r="BV24" s="261">
        <v>3</v>
      </c>
      <c r="BW24" s="261">
        <v>3</v>
      </c>
      <c r="BX24" s="261">
        <v>68</v>
      </c>
      <c r="BY24" s="261">
        <v>19</v>
      </c>
      <c r="BZ24" s="258">
        <v>122</v>
      </c>
      <c r="CA24" s="263">
        <v>122</v>
      </c>
      <c r="CB24" s="257">
        <v>0</v>
      </c>
      <c r="CC24" s="261">
        <v>0</v>
      </c>
      <c r="CD24" s="258">
        <v>0</v>
      </c>
      <c r="CE24" s="260">
        <v>0</v>
      </c>
      <c r="CF24" s="261">
        <v>0</v>
      </c>
      <c r="CG24" s="261">
        <v>2</v>
      </c>
      <c r="CH24" s="261">
        <v>0</v>
      </c>
      <c r="CI24" s="261">
        <v>0</v>
      </c>
      <c r="CJ24" s="261">
        <v>0</v>
      </c>
      <c r="CK24" s="258">
        <v>2</v>
      </c>
      <c r="CL24" s="263">
        <v>2</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38</v>
      </c>
      <c r="H25" s="261">
        <v>197</v>
      </c>
      <c r="I25" s="261">
        <v>171</v>
      </c>
      <c r="J25" s="261">
        <v>74</v>
      </c>
      <c r="K25" s="261">
        <v>128</v>
      </c>
      <c r="L25" s="262">
        <v>608</v>
      </c>
      <c r="M25" s="263">
        <v>608</v>
      </c>
      <c r="N25" s="257">
        <v>0</v>
      </c>
      <c r="O25" s="261">
        <v>0</v>
      </c>
      <c r="P25" s="258">
        <v>0</v>
      </c>
      <c r="Q25" s="260">
        <v>0</v>
      </c>
      <c r="R25" s="261">
        <v>0</v>
      </c>
      <c r="S25" s="261">
        <v>0</v>
      </c>
      <c r="T25" s="261">
        <v>0</v>
      </c>
      <c r="U25" s="261">
        <v>11</v>
      </c>
      <c r="V25" s="261">
        <v>0</v>
      </c>
      <c r="W25" s="258">
        <v>11</v>
      </c>
      <c r="X25" s="263">
        <v>11</v>
      </c>
      <c r="Y25" s="257">
        <v>16</v>
      </c>
      <c r="Z25" s="261">
        <v>35</v>
      </c>
      <c r="AA25" s="258">
        <v>51</v>
      </c>
      <c r="AB25" s="260">
        <v>0</v>
      </c>
      <c r="AC25" s="261">
        <v>59</v>
      </c>
      <c r="AD25" s="261">
        <v>168</v>
      </c>
      <c r="AE25" s="261">
        <v>40</v>
      </c>
      <c r="AF25" s="261">
        <v>33</v>
      </c>
      <c r="AG25" s="261">
        <v>30</v>
      </c>
      <c r="AH25" s="258">
        <v>330</v>
      </c>
      <c r="AI25" s="263">
        <v>381</v>
      </c>
      <c r="AJ25" s="257">
        <v>0</v>
      </c>
      <c r="AK25" s="261">
        <v>8</v>
      </c>
      <c r="AL25" s="258">
        <v>8</v>
      </c>
      <c r="AM25" s="260">
        <v>0</v>
      </c>
      <c r="AN25" s="261">
        <v>0</v>
      </c>
      <c r="AO25" s="261">
        <v>12</v>
      </c>
      <c r="AP25" s="261">
        <v>0</v>
      </c>
      <c r="AQ25" s="261">
        <v>0</v>
      </c>
      <c r="AR25" s="261">
        <v>0</v>
      </c>
      <c r="AS25" s="258">
        <v>12</v>
      </c>
      <c r="AT25" s="263">
        <v>20</v>
      </c>
      <c r="AU25" s="257">
        <v>0</v>
      </c>
      <c r="AV25" s="261">
        <v>0</v>
      </c>
      <c r="AW25" s="258">
        <v>0</v>
      </c>
      <c r="AX25" s="260">
        <v>0</v>
      </c>
      <c r="AY25" s="261">
        <v>146</v>
      </c>
      <c r="AZ25" s="261">
        <v>135</v>
      </c>
      <c r="BA25" s="261">
        <v>99</v>
      </c>
      <c r="BB25" s="261">
        <v>62</v>
      </c>
      <c r="BC25" s="261">
        <v>28</v>
      </c>
      <c r="BD25" s="262">
        <v>470</v>
      </c>
      <c r="BE25" s="263">
        <v>470</v>
      </c>
      <c r="BF25" s="257">
        <v>0</v>
      </c>
      <c r="BG25" s="261">
        <v>0</v>
      </c>
      <c r="BH25" s="258">
        <v>0</v>
      </c>
      <c r="BI25" s="260">
        <v>0</v>
      </c>
      <c r="BJ25" s="261">
        <v>35</v>
      </c>
      <c r="BK25" s="261">
        <v>21</v>
      </c>
      <c r="BL25" s="261">
        <v>29</v>
      </c>
      <c r="BM25" s="261">
        <v>13</v>
      </c>
      <c r="BN25" s="261">
        <v>6</v>
      </c>
      <c r="BO25" s="258">
        <v>104</v>
      </c>
      <c r="BP25" s="263">
        <v>104</v>
      </c>
      <c r="BQ25" s="257">
        <v>0</v>
      </c>
      <c r="BR25" s="261">
        <v>0</v>
      </c>
      <c r="BS25" s="258">
        <v>0</v>
      </c>
      <c r="BT25" s="260">
        <v>0</v>
      </c>
      <c r="BU25" s="261">
        <v>1</v>
      </c>
      <c r="BV25" s="261">
        <v>54</v>
      </c>
      <c r="BW25" s="261">
        <v>7</v>
      </c>
      <c r="BX25" s="261">
        <v>44</v>
      </c>
      <c r="BY25" s="261">
        <v>8</v>
      </c>
      <c r="BZ25" s="258">
        <v>114</v>
      </c>
      <c r="CA25" s="263">
        <v>114</v>
      </c>
      <c r="CB25" s="257">
        <v>3</v>
      </c>
      <c r="CC25" s="261">
        <v>0</v>
      </c>
      <c r="CD25" s="258">
        <v>3</v>
      </c>
      <c r="CE25" s="260">
        <v>0</v>
      </c>
      <c r="CF25" s="261">
        <v>3</v>
      </c>
      <c r="CG25" s="261">
        <v>0</v>
      </c>
      <c r="CH25" s="261">
        <v>0</v>
      </c>
      <c r="CI25" s="261">
        <v>0</v>
      </c>
      <c r="CJ25" s="261">
        <v>8</v>
      </c>
      <c r="CK25" s="258">
        <v>11</v>
      </c>
      <c r="CL25" s="263">
        <v>14</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207</v>
      </c>
      <c r="H26" s="261">
        <v>85</v>
      </c>
      <c r="I26" s="261">
        <v>73</v>
      </c>
      <c r="J26" s="261">
        <v>0</v>
      </c>
      <c r="K26" s="261">
        <v>149</v>
      </c>
      <c r="L26" s="262">
        <v>514</v>
      </c>
      <c r="M26" s="263">
        <v>514</v>
      </c>
      <c r="N26" s="257">
        <v>0</v>
      </c>
      <c r="O26" s="261">
        <v>0</v>
      </c>
      <c r="P26" s="258">
        <v>0</v>
      </c>
      <c r="Q26" s="260">
        <v>0</v>
      </c>
      <c r="R26" s="261">
        <v>0</v>
      </c>
      <c r="S26" s="261">
        <v>0</v>
      </c>
      <c r="T26" s="261">
        <v>4</v>
      </c>
      <c r="U26" s="261">
        <v>4</v>
      </c>
      <c r="V26" s="261">
        <v>9</v>
      </c>
      <c r="W26" s="258">
        <v>17</v>
      </c>
      <c r="X26" s="263">
        <v>17</v>
      </c>
      <c r="Y26" s="257">
        <v>20</v>
      </c>
      <c r="Z26" s="261">
        <v>14</v>
      </c>
      <c r="AA26" s="258">
        <v>34</v>
      </c>
      <c r="AB26" s="260">
        <v>0</v>
      </c>
      <c r="AC26" s="261">
        <v>58</v>
      </c>
      <c r="AD26" s="261">
        <v>53</v>
      </c>
      <c r="AE26" s="261">
        <v>37</v>
      </c>
      <c r="AF26" s="261">
        <v>26</v>
      </c>
      <c r="AG26" s="261">
        <v>9</v>
      </c>
      <c r="AH26" s="258">
        <v>183</v>
      </c>
      <c r="AI26" s="263">
        <v>217</v>
      </c>
      <c r="AJ26" s="257">
        <v>0</v>
      </c>
      <c r="AK26" s="261">
        <v>0</v>
      </c>
      <c r="AL26" s="258">
        <v>0</v>
      </c>
      <c r="AM26" s="260">
        <v>0</v>
      </c>
      <c r="AN26" s="261">
        <v>15</v>
      </c>
      <c r="AO26" s="261">
        <v>30</v>
      </c>
      <c r="AP26" s="261">
        <v>16</v>
      </c>
      <c r="AQ26" s="261">
        <v>0</v>
      </c>
      <c r="AR26" s="261">
        <v>0</v>
      </c>
      <c r="AS26" s="258">
        <v>61</v>
      </c>
      <c r="AT26" s="263">
        <v>61</v>
      </c>
      <c r="AU26" s="257">
        <v>0</v>
      </c>
      <c r="AV26" s="261">
        <v>0</v>
      </c>
      <c r="AW26" s="258">
        <v>0</v>
      </c>
      <c r="AX26" s="260">
        <v>0</v>
      </c>
      <c r="AY26" s="261">
        <v>93</v>
      </c>
      <c r="AZ26" s="261">
        <v>89</v>
      </c>
      <c r="BA26" s="261">
        <v>43</v>
      </c>
      <c r="BB26" s="261">
        <v>0</v>
      </c>
      <c r="BC26" s="261">
        <v>0</v>
      </c>
      <c r="BD26" s="262">
        <v>225</v>
      </c>
      <c r="BE26" s="263">
        <v>225</v>
      </c>
      <c r="BF26" s="257">
        <v>0</v>
      </c>
      <c r="BG26" s="261">
        <v>0</v>
      </c>
      <c r="BH26" s="258">
        <v>0</v>
      </c>
      <c r="BI26" s="260">
        <v>0</v>
      </c>
      <c r="BJ26" s="261">
        <v>8</v>
      </c>
      <c r="BK26" s="261">
        <v>41</v>
      </c>
      <c r="BL26" s="261">
        <v>31</v>
      </c>
      <c r="BM26" s="261">
        <v>13</v>
      </c>
      <c r="BN26" s="261">
        <v>0</v>
      </c>
      <c r="BO26" s="258">
        <v>93</v>
      </c>
      <c r="BP26" s="263">
        <v>93</v>
      </c>
      <c r="BQ26" s="257">
        <v>0</v>
      </c>
      <c r="BR26" s="261">
        <v>0</v>
      </c>
      <c r="BS26" s="258">
        <v>0</v>
      </c>
      <c r="BT26" s="260">
        <v>0</v>
      </c>
      <c r="BU26" s="261">
        <v>0</v>
      </c>
      <c r="BV26" s="261">
        <v>20</v>
      </c>
      <c r="BW26" s="261">
        <v>3</v>
      </c>
      <c r="BX26" s="261">
        <v>4</v>
      </c>
      <c r="BY26" s="261">
        <v>0</v>
      </c>
      <c r="BZ26" s="258">
        <v>27</v>
      </c>
      <c r="CA26" s="263">
        <v>27</v>
      </c>
      <c r="CB26" s="257">
        <v>0</v>
      </c>
      <c r="CC26" s="261">
        <v>0</v>
      </c>
      <c r="CD26" s="258">
        <v>0</v>
      </c>
      <c r="CE26" s="260">
        <v>0</v>
      </c>
      <c r="CF26" s="261">
        <v>0</v>
      </c>
      <c r="CG26" s="261">
        <v>19</v>
      </c>
      <c r="CH26" s="261">
        <v>0</v>
      </c>
      <c r="CI26" s="261">
        <v>0</v>
      </c>
      <c r="CJ26" s="261">
        <v>0</v>
      </c>
      <c r="CK26" s="258">
        <v>19</v>
      </c>
      <c r="CL26" s="263">
        <v>19</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71</v>
      </c>
      <c r="H27" s="261">
        <v>35</v>
      </c>
      <c r="I27" s="261">
        <v>22</v>
      </c>
      <c r="J27" s="261">
        <v>18</v>
      </c>
      <c r="K27" s="261">
        <v>158</v>
      </c>
      <c r="L27" s="262">
        <v>304</v>
      </c>
      <c r="M27" s="263">
        <v>304</v>
      </c>
      <c r="N27" s="257">
        <v>0</v>
      </c>
      <c r="O27" s="261">
        <v>0</v>
      </c>
      <c r="P27" s="258">
        <v>0</v>
      </c>
      <c r="Q27" s="260">
        <v>0</v>
      </c>
      <c r="R27" s="261">
        <v>0</v>
      </c>
      <c r="S27" s="261">
        <v>0</v>
      </c>
      <c r="T27" s="261">
        <v>3</v>
      </c>
      <c r="U27" s="261">
        <v>9</v>
      </c>
      <c r="V27" s="261">
        <v>0</v>
      </c>
      <c r="W27" s="258">
        <v>12</v>
      </c>
      <c r="X27" s="263">
        <v>12</v>
      </c>
      <c r="Y27" s="257">
        <v>0</v>
      </c>
      <c r="Z27" s="261">
        <v>12</v>
      </c>
      <c r="AA27" s="258">
        <v>12</v>
      </c>
      <c r="AB27" s="260">
        <v>0</v>
      </c>
      <c r="AC27" s="261">
        <v>25</v>
      </c>
      <c r="AD27" s="261">
        <v>8</v>
      </c>
      <c r="AE27" s="261">
        <v>14</v>
      </c>
      <c r="AF27" s="261">
        <v>12</v>
      </c>
      <c r="AG27" s="261">
        <v>30</v>
      </c>
      <c r="AH27" s="258">
        <v>89</v>
      </c>
      <c r="AI27" s="263">
        <v>101</v>
      </c>
      <c r="AJ27" s="257">
        <v>0</v>
      </c>
      <c r="AK27" s="261">
        <v>28</v>
      </c>
      <c r="AL27" s="258">
        <v>28</v>
      </c>
      <c r="AM27" s="260">
        <v>0</v>
      </c>
      <c r="AN27" s="261">
        <v>0</v>
      </c>
      <c r="AO27" s="261">
        <v>0</v>
      </c>
      <c r="AP27" s="261">
        <v>10</v>
      </c>
      <c r="AQ27" s="261">
        <v>0</v>
      </c>
      <c r="AR27" s="261">
        <v>0</v>
      </c>
      <c r="AS27" s="258">
        <v>10</v>
      </c>
      <c r="AT27" s="263">
        <v>38</v>
      </c>
      <c r="AU27" s="257">
        <v>0</v>
      </c>
      <c r="AV27" s="261">
        <v>0</v>
      </c>
      <c r="AW27" s="258">
        <v>0</v>
      </c>
      <c r="AX27" s="260">
        <v>0</v>
      </c>
      <c r="AY27" s="261">
        <v>79</v>
      </c>
      <c r="AZ27" s="261">
        <v>9</v>
      </c>
      <c r="BA27" s="261">
        <v>8</v>
      </c>
      <c r="BB27" s="261">
        <v>34</v>
      </c>
      <c r="BC27" s="261">
        <v>0</v>
      </c>
      <c r="BD27" s="262">
        <v>130</v>
      </c>
      <c r="BE27" s="263">
        <v>130</v>
      </c>
      <c r="BF27" s="257">
        <v>0</v>
      </c>
      <c r="BG27" s="261">
        <v>0</v>
      </c>
      <c r="BH27" s="258">
        <v>0</v>
      </c>
      <c r="BI27" s="260">
        <v>0</v>
      </c>
      <c r="BJ27" s="261">
        <v>28</v>
      </c>
      <c r="BK27" s="261">
        <v>38</v>
      </c>
      <c r="BL27" s="261">
        <v>27</v>
      </c>
      <c r="BM27" s="261">
        <v>9</v>
      </c>
      <c r="BN27" s="261">
        <v>34</v>
      </c>
      <c r="BO27" s="258">
        <v>136</v>
      </c>
      <c r="BP27" s="263">
        <v>136</v>
      </c>
      <c r="BQ27" s="257">
        <v>0</v>
      </c>
      <c r="BR27" s="261">
        <v>2</v>
      </c>
      <c r="BS27" s="258">
        <v>2</v>
      </c>
      <c r="BT27" s="260">
        <v>0</v>
      </c>
      <c r="BU27" s="261">
        <v>28</v>
      </c>
      <c r="BV27" s="261">
        <v>10</v>
      </c>
      <c r="BW27" s="261">
        <v>36</v>
      </c>
      <c r="BX27" s="261">
        <v>16</v>
      </c>
      <c r="BY27" s="261">
        <v>0</v>
      </c>
      <c r="BZ27" s="258">
        <v>90</v>
      </c>
      <c r="CA27" s="263">
        <v>92</v>
      </c>
      <c r="CB27" s="257">
        <v>0</v>
      </c>
      <c r="CC27" s="261">
        <v>0</v>
      </c>
      <c r="CD27" s="258">
        <v>0</v>
      </c>
      <c r="CE27" s="260">
        <v>0</v>
      </c>
      <c r="CF27" s="261">
        <v>0</v>
      </c>
      <c r="CG27" s="261">
        <v>0</v>
      </c>
      <c r="CH27" s="261">
        <v>7</v>
      </c>
      <c r="CI27" s="261">
        <v>0</v>
      </c>
      <c r="CJ27" s="261">
        <v>0</v>
      </c>
      <c r="CK27" s="258">
        <v>7</v>
      </c>
      <c r="CL27" s="263">
        <v>7</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7</v>
      </c>
      <c r="H28" s="261">
        <v>44</v>
      </c>
      <c r="I28" s="261">
        <v>260</v>
      </c>
      <c r="J28" s="261">
        <v>13</v>
      </c>
      <c r="K28" s="261">
        <v>30</v>
      </c>
      <c r="L28" s="262">
        <v>434</v>
      </c>
      <c r="M28" s="263">
        <v>434</v>
      </c>
      <c r="N28" s="257">
        <v>0</v>
      </c>
      <c r="O28" s="261">
        <v>0</v>
      </c>
      <c r="P28" s="258">
        <v>0</v>
      </c>
      <c r="Q28" s="260">
        <v>0</v>
      </c>
      <c r="R28" s="261">
        <v>0</v>
      </c>
      <c r="S28" s="261">
        <v>0</v>
      </c>
      <c r="T28" s="261">
        <v>0</v>
      </c>
      <c r="U28" s="261">
        <v>13</v>
      </c>
      <c r="V28" s="261">
        <v>6</v>
      </c>
      <c r="W28" s="258">
        <v>19</v>
      </c>
      <c r="X28" s="263">
        <v>19</v>
      </c>
      <c r="Y28" s="257">
        <v>0</v>
      </c>
      <c r="Z28" s="261">
        <v>0</v>
      </c>
      <c r="AA28" s="258">
        <v>0</v>
      </c>
      <c r="AB28" s="260">
        <v>0</v>
      </c>
      <c r="AC28" s="261">
        <v>11</v>
      </c>
      <c r="AD28" s="261">
        <v>13</v>
      </c>
      <c r="AE28" s="261">
        <v>24</v>
      </c>
      <c r="AF28" s="261">
        <v>16</v>
      </c>
      <c r="AG28" s="261">
        <v>5</v>
      </c>
      <c r="AH28" s="258">
        <v>69</v>
      </c>
      <c r="AI28" s="263">
        <v>69</v>
      </c>
      <c r="AJ28" s="257">
        <v>9</v>
      </c>
      <c r="AK28" s="261">
        <v>0</v>
      </c>
      <c r="AL28" s="258">
        <v>9</v>
      </c>
      <c r="AM28" s="260">
        <v>0</v>
      </c>
      <c r="AN28" s="261">
        <v>2</v>
      </c>
      <c r="AO28" s="261">
        <v>38</v>
      </c>
      <c r="AP28" s="261">
        <v>6</v>
      </c>
      <c r="AQ28" s="261">
        <v>0</v>
      </c>
      <c r="AR28" s="261">
        <v>0</v>
      </c>
      <c r="AS28" s="258">
        <v>46</v>
      </c>
      <c r="AT28" s="263">
        <v>55</v>
      </c>
      <c r="AU28" s="257">
        <v>0</v>
      </c>
      <c r="AV28" s="261">
        <v>0</v>
      </c>
      <c r="AW28" s="258">
        <v>0</v>
      </c>
      <c r="AX28" s="260">
        <v>0</v>
      </c>
      <c r="AY28" s="261">
        <v>69</v>
      </c>
      <c r="AZ28" s="261">
        <v>67</v>
      </c>
      <c r="BA28" s="261">
        <v>21</v>
      </c>
      <c r="BB28" s="261">
        <v>0</v>
      </c>
      <c r="BC28" s="261">
        <v>0</v>
      </c>
      <c r="BD28" s="262">
        <v>157</v>
      </c>
      <c r="BE28" s="263">
        <v>157</v>
      </c>
      <c r="BF28" s="257">
        <v>0</v>
      </c>
      <c r="BG28" s="261">
        <v>0</v>
      </c>
      <c r="BH28" s="258">
        <v>0</v>
      </c>
      <c r="BI28" s="260">
        <v>0</v>
      </c>
      <c r="BJ28" s="261">
        <v>16</v>
      </c>
      <c r="BK28" s="261">
        <v>12</v>
      </c>
      <c r="BL28" s="261">
        <v>9</v>
      </c>
      <c r="BM28" s="261">
        <v>0</v>
      </c>
      <c r="BN28" s="261">
        <v>0</v>
      </c>
      <c r="BO28" s="258">
        <v>37</v>
      </c>
      <c r="BP28" s="263">
        <v>37</v>
      </c>
      <c r="BQ28" s="257">
        <v>0</v>
      </c>
      <c r="BR28" s="261">
        <v>0</v>
      </c>
      <c r="BS28" s="258">
        <v>0</v>
      </c>
      <c r="BT28" s="260">
        <v>0</v>
      </c>
      <c r="BU28" s="261">
        <v>16</v>
      </c>
      <c r="BV28" s="261">
        <v>32</v>
      </c>
      <c r="BW28" s="261">
        <v>0</v>
      </c>
      <c r="BX28" s="261">
        <v>0</v>
      </c>
      <c r="BY28" s="261">
        <v>2</v>
      </c>
      <c r="BZ28" s="258">
        <v>50</v>
      </c>
      <c r="CA28" s="263">
        <v>50</v>
      </c>
      <c r="CB28" s="257">
        <v>0</v>
      </c>
      <c r="CC28" s="261">
        <v>0</v>
      </c>
      <c r="CD28" s="258">
        <v>0</v>
      </c>
      <c r="CE28" s="260">
        <v>0</v>
      </c>
      <c r="CF28" s="261">
        <v>0</v>
      </c>
      <c r="CG28" s="261">
        <v>0</v>
      </c>
      <c r="CH28" s="261">
        <v>9</v>
      </c>
      <c r="CI28" s="261">
        <v>0</v>
      </c>
      <c r="CJ28" s="261">
        <v>0</v>
      </c>
      <c r="CK28" s="258">
        <v>9</v>
      </c>
      <c r="CL28" s="263">
        <v>9</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20</v>
      </c>
      <c r="H29" s="261">
        <v>40</v>
      </c>
      <c r="I29" s="261">
        <v>104</v>
      </c>
      <c r="J29" s="261">
        <v>137</v>
      </c>
      <c r="K29" s="261">
        <v>81</v>
      </c>
      <c r="L29" s="262">
        <v>382</v>
      </c>
      <c r="M29" s="263">
        <v>382</v>
      </c>
      <c r="N29" s="257">
        <v>0</v>
      </c>
      <c r="O29" s="261">
        <v>0</v>
      </c>
      <c r="P29" s="258">
        <v>0</v>
      </c>
      <c r="Q29" s="260">
        <v>0</v>
      </c>
      <c r="R29" s="261">
        <v>0</v>
      </c>
      <c r="S29" s="261">
        <v>0</v>
      </c>
      <c r="T29" s="261">
        <v>5</v>
      </c>
      <c r="U29" s="261">
        <v>2</v>
      </c>
      <c r="V29" s="261">
        <v>4</v>
      </c>
      <c r="W29" s="258">
        <v>11</v>
      </c>
      <c r="X29" s="263">
        <v>11</v>
      </c>
      <c r="Y29" s="257">
        <v>0</v>
      </c>
      <c r="Z29" s="261">
        <v>28</v>
      </c>
      <c r="AA29" s="258">
        <v>28</v>
      </c>
      <c r="AB29" s="260">
        <v>0</v>
      </c>
      <c r="AC29" s="261">
        <v>42</v>
      </c>
      <c r="AD29" s="261">
        <v>51</v>
      </c>
      <c r="AE29" s="261">
        <v>41</v>
      </c>
      <c r="AF29" s="261">
        <v>51</v>
      </c>
      <c r="AG29" s="261">
        <v>35</v>
      </c>
      <c r="AH29" s="258">
        <v>220</v>
      </c>
      <c r="AI29" s="263">
        <v>248</v>
      </c>
      <c r="AJ29" s="257">
        <v>0</v>
      </c>
      <c r="AK29" s="261">
        <v>0</v>
      </c>
      <c r="AL29" s="258">
        <v>0</v>
      </c>
      <c r="AM29" s="260">
        <v>0</v>
      </c>
      <c r="AN29" s="261">
        <v>0</v>
      </c>
      <c r="AO29" s="261">
        <v>9</v>
      </c>
      <c r="AP29" s="261">
        <v>0</v>
      </c>
      <c r="AQ29" s="261">
        <v>0</v>
      </c>
      <c r="AR29" s="261">
        <v>0</v>
      </c>
      <c r="AS29" s="258">
        <v>9</v>
      </c>
      <c r="AT29" s="263">
        <v>9</v>
      </c>
      <c r="AU29" s="257">
        <v>0</v>
      </c>
      <c r="AV29" s="261">
        <v>0</v>
      </c>
      <c r="AW29" s="258">
        <v>0</v>
      </c>
      <c r="AX29" s="260">
        <v>0</v>
      </c>
      <c r="AY29" s="261">
        <v>93</v>
      </c>
      <c r="AZ29" s="261">
        <v>94</v>
      </c>
      <c r="BA29" s="261">
        <v>74</v>
      </c>
      <c r="BB29" s="261">
        <v>38</v>
      </c>
      <c r="BC29" s="261">
        <v>0</v>
      </c>
      <c r="BD29" s="262">
        <v>299</v>
      </c>
      <c r="BE29" s="263">
        <v>299</v>
      </c>
      <c r="BF29" s="257">
        <v>0</v>
      </c>
      <c r="BG29" s="261">
        <v>0</v>
      </c>
      <c r="BH29" s="258">
        <v>0</v>
      </c>
      <c r="BI29" s="260">
        <v>0</v>
      </c>
      <c r="BJ29" s="261">
        <v>0</v>
      </c>
      <c r="BK29" s="261">
        <v>22</v>
      </c>
      <c r="BL29" s="261">
        <v>17</v>
      </c>
      <c r="BM29" s="261">
        <v>0</v>
      </c>
      <c r="BN29" s="261">
        <v>0</v>
      </c>
      <c r="BO29" s="258">
        <v>39</v>
      </c>
      <c r="BP29" s="263">
        <v>39</v>
      </c>
      <c r="BQ29" s="257">
        <v>0</v>
      </c>
      <c r="BR29" s="261">
        <v>0</v>
      </c>
      <c r="BS29" s="258">
        <v>0</v>
      </c>
      <c r="BT29" s="260">
        <v>0</v>
      </c>
      <c r="BU29" s="261">
        <v>0</v>
      </c>
      <c r="BV29" s="261">
        <v>0</v>
      </c>
      <c r="BW29" s="261">
        <v>34</v>
      </c>
      <c r="BX29" s="261">
        <v>0</v>
      </c>
      <c r="BY29" s="261">
        <v>12</v>
      </c>
      <c r="BZ29" s="258">
        <v>46</v>
      </c>
      <c r="CA29" s="263">
        <v>46</v>
      </c>
      <c r="CB29" s="257">
        <v>0</v>
      </c>
      <c r="CC29" s="261">
        <v>0</v>
      </c>
      <c r="CD29" s="258">
        <v>0</v>
      </c>
      <c r="CE29" s="260">
        <v>0</v>
      </c>
      <c r="CF29" s="261">
        <v>3</v>
      </c>
      <c r="CG29" s="261">
        <v>0</v>
      </c>
      <c r="CH29" s="261">
        <v>4</v>
      </c>
      <c r="CI29" s="261">
        <v>0</v>
      </c>
      <c r="CJ29" s="261">
        <v>0</v>
      </c>
      <c r="CK29" s="258">
        <v>7</v>
      </c>
      <c r="CL29" s="263">
        <v>7</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0</v>
      </c>
      <c r="H30" s="261">
        <v>0</v>
      </c>
      <c r="I30" s="261">
        <v>0</v>
      </c>
      <c r="J30" s="261">
        <v>28</v>
      </c>
      <c r="K30" s="261">
        <v>0</v>
      </c>
      <c r="L30" s="262">
        <v>28</v>
      </c>
      <c r="M30" s="263">
        <v>28</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20</v>
      </c>
      <c r="AE30" s="261">
        <v>0</v>
      </c>
      <c r="AF30" s="261">
        <v>8</v>
      </c>
      <c r="AG30" s="261">
        <v>0</v>
      </c>
      <c r="AH30" s="258">
        <v>28</v>
      </c>
      <c r="AI30" s="263">
        <v>28</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13</v>
      </c>
      <c r="AZ30" s="261">
        <v>24</v>
      </c>
      <c r="BA30" s="261">
        <v>0</v>
      </c>
      <c r="BB30" s="261">
        <v>0</v>
      </c>
      <c r="BC30" s="261">
        <v>0</v>
      </c>
      <c r="BD30" s="262">
        <v>37</v>
      </c>
      <c r="BE30" s="263">
        <v>37</v>
      </c>
      <c r="BF30" s="257">
        <v>0</v>
      </c>
      <c r="BG30" s="261">
        <v>0</v>
      </c>
      <c r="BH30" s="258">
        <v>0</v>
      </c>
      <c r="BI30" s="260">
        <v>0</v>
      </c>
      <c r="BJ30" s="261">
        <v>0</v>
      </c>
      <c r="BK30" s="261">
        <v>0</v>
      </c>
      <c r="BL30" s="261">
        <v>7</v>
      </c>
      <c r="BM30" s="261">
        <v>0</v>
      </c>
      <c r="BN30" s="261">
        <v>0</v>
      </c>
      <c r="BO30" s="258">
        <v>7</v>
      </c>
      <c r="BP30" s="263">
        <v>7</v>
      </c>
      <c r="BQ30" s="257">
        <v>0</v>
      </c>
      <c r="BR30" s="261">
        <v>0</v>
      </c>
      <c r="BS30" s="258">
        <v>0</v>
      </c>
      <c r="BT30" s="260">
        <v>0</v>
      </c>
      <c r="BU30" s="261">
        <v>0</v>
      </c>
      <c r="BV30" s="261">
        <v>0</v>
      </c>
      <c r="BW30" s="261">
        <v>0</v>
      </c>
      <c r="BX30" s="261">
        <v>0</v>
      </c>
      <c r="BY30" s="261">
        <v>22</v>
      </c>
      <c r="BZ30" s="258">
        <v>22</v>
      </c>
      <c r="CA30" s="263">
        <v>22</v>
      </c>
      <c r="CB30" s="257">
        <v>0</v>
      </c>
      <c r="CC30" s="261">
        <v>0</v>
      </c>
      <c r="CD30" s="258">
        <v>0</v>
      </c>
      <c r="CE30" s="260">
        <v>0</v>
      </c>
      <c r="CF30" s="261">
        <v>0</v>
      </c>
      <c r="CG30" s="261">
        <v>0</v>
      </c>
      <c r="CH30" s="261">
        <v>11</v>
      </c>
      <c r="CI30" s="261">
        <v>0</v>
      </c>
      <c r="CJ30" s="261">
        <v>0</v>
      </c>
      <c r="CK30" s="258">
        <v>11</v>
      </c>
      <c r="CL30" s="263">
        <v>11</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0</v>
      </c>
      <c r="H31" s="261">
        <v>39</v>
      </c>
      <c r="I31" s="261">
        <v>0</v>
      </c>
      <c r="J31" s="261">
        <v>3</v>
      </c>
      <c r="K31" s="261">
        <v>0</v>
      </c>
      <c r="L31" s="262">
        <v>42</v>
      </c>
      <c r="M31" s="263">
        <v>42</v>
      </c>
      <c r="N31" s="257">
        <v>0</v>
      </c>
      <c r="O31" s="261">
        <v>0</v>
      </c>
      <c r="P31" s="258">
        <v>0</v>
      </c>
      <c r="Q31" s="260">
        <v>0</v>
      </c>
      <c r="R31" s="261">
        <v>0</v>
      </c>
      <c r="S31" s="261">
        <v>0</v>
      </c>
      <c r="T31" s="261">
        <v>0</v>
      </c>
      <c r="U31" s="261">
        <v>0</v>
      </c>
      <c r="V31" s="261">
        <v>3</v>
      </c>
      <c r="W31" s="258">
        <v>3</v>
      </c>
      <c r="X31" s="263">
        <v>3</v>
      </c>
      <c r="Y31" s="257">
        <v>0</v>
      </c>
      <c r="Z31" s="261">
        <v>2</v>
      </c>
      <c r="AA31" s="258">
        <v>2</v>
      </c>
      <c r="AB31" s="260">
        <v>0</v>
      </c>
      <c r="AC31" s="261">
        <v>0</v>
      </c>
      <c r="AD31" s="261">
        <v>9</v>
      </c>
      <c r="AE31" s="261">
        <v>0</v>
      </c>
      <c r="AF31" s="261">
        <v>0</v>
      </c>
      <c r="AG31" s="261">
        <v>0</v>
      </c>
      <c r="AH31" s="258">
        <v>9</v>
      </c>
      <c r="AI31" s="263">
        <v>11</v>
      </c>
      <c r="AJ31" s="257">
        <v>0</v>
      </c>
      <c r="AK31" s="261">
        <v>0</v>
      </c>
      <c r="AL31" s="258">
        <v>0</v>
      </c>
      <c r="AM31" s="260">
        <v>0</v>
      </c>
      <c r="AN31" s="261">
        <v>42</v>
      </c>
      <c r="AO31" s="261">
        <v>12</v>
      </c>
      <c r="AP31" s="261">
        <v>0</v>
      </c>
      <c r="AQ31" s="261">
        <v>0</v>
      </c>
      <c r="AR31" s="261">
        <v>0</v>
      </c>
      <c r="AS31" s="258">
        <v>54</v>
      </c>
      <c r="AT31" s="263">
        <v>54</v>
      </c>
      <c r="AU31" s="257">
        <v>0</v>
      </c>
      <c r="AV31" s="261">
        <v>0</v>
      </c>
      <c r="AW31" s="258">
        <v>0</v>
      </c>
      <c r="AX31" s="260">
        <v>0</v>
      </c>
      <c r="AY31" s="261">
        <v>30</v>
      </c>
      <c r="AZ31" s="261">
        <v>31</v>
      </c>
      <c r="BA31" s="261">
        <v>5</v>
      </c>
      <c r="BB31" s="261">
        <v>1</v>
      </c>
      <c r="BC31" s="261">
        <v>0</v>
      </c>
      <c r="BD31" s="262">
        <v>67</v>
      </c>
      <c r="BE31" s="263">
        <v>67</v>
      </c>
      <c r="BF31" s="257">
        <v>0</v>
      </c>
      <c r="BG31" s="261">
        <v>0</v>
      </c>
      <c r="BH31" s="258">
        <v>0</v>
      </c>
      <c r="BI31" s="260">
        <v>0</v>
      </c>
      <c r="BJ31" s="261">
        <v>0</v>
      </c>
      <c r="BK31" s="261">
        <v>0</v>
      </c>
      <c r="BL31" s="261">
        <v>0</v>
      </c>
      <c r="BM31" s="261">
        <v>0</v>
      </c>
      <c r="BN31" s="261">
        <v>0</v>
      </c>
      <c r="BO31" s="258">
        <v>0</v>
      </c>
      <c r="BP31" s="263">
        <v>0</v>
      </c>
      <c r="BQ31" s="257">
        <v>0</v>
      </c>
      <c r="BR31" s="261">
        <v>0</v>
      </c>
      <c r="BS31" s="258">
        <v>0</v>
      </c>
      <c r="BT31" s="260">
        <v>0</v>
      </c>
      <c r="BU31" s="261">
        <v>0</v>
      </c>
      <c r="BV31" s="261">
        <v>0</v>
      </c>
      <c r="BW31" s="261">
        <v>9</v>
      </c>
      <c r="BX31" s="261">
        <v>0</v>
      </c>
      <c r="BY31" s="261">
        <v>8</v>
      </c>
      <c r="BZ31" s="258">
        <v>17</v>
      </c>
      <c r="CA31" s="263">
        <v>17</v>
      </c>
      <c r="CB31" s="257">
        <v>0</v>
      </c>
      <c r="CC31" s="261">
        <v>0</v>
      </c>
      <c r="CD31" s="258">
        <v>0</v>
      </c>
      <c r="CE31" s="260">
        <v>0</v>
      </c>
      <c r="CF31" s="261">
        <v>0</v>
      </c>
      <c r="CG31" s="261">
        <v>0</v>
      </c>
      <c r="CH31" s="261">
        <v>0</v>
      </c>
      <c r="CI31" s="261">
        <v>0</v>
      </c>
      <c r="CJ31" s="261">
        <v>4</v>
      </c>
      <c r="CK31" s="258">
        <v>4</v>
      </c>
      <c r="CL31" s="263">
        <v>4</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13</v>
      </c>
      <c r="H32" s="261">
        <v>0</v>
      </c>
      <c r="I32" s="261">
        <v>22</v>
      </c>
      <c r="J32" s="261">
        <v>14</v>
      </c>
      <c r="K32" s="261">
        <v>40</v>
      </c>
      <c r="L32" s="262">
        <v>89</v>
      </c>
      <c r="M32" s="263">
        <v>89</v>
      </c>
      <c r="N32" s="257">
        <v>0</v>
      </c>
      <c r="O32" s="261">
        <v>0</v>
      </c>
      <c r="P32" s="258">
        <v>0</v>
      </c>
      <c r="Q32" s="260">
        <v>0</v>
      </c>
      <c r="R32" s="261">
        <v>0</v>
      </c>
      <c r="S32" s="261">
        <v>0</v>
      </c>
      <c r="T32" s="261">
        <v>0</v>
      </c>
      <c r="U32" s="261">
        <v>0</v>
      </c>
      <c r="V32" s="261">
        <v>0</v>
      </c>
      <c r="W32" s="258">
        <v>0</v>
      </c>
      <c r="X32" s="263">
        <v>0</v>
      </c>
      <c r="Y32" s="257">
        <v>0</v>
      </c>
      <c r="Z32" s="261">
        <v>12</v>
      </c>
      <c r="AA32" s="258">
        <v>12</v>
      </c>
      <c r="AB32" s="260">
        <v>0</v>
      </c>
      <c r="AC32" s="261">
        <v>6</v>
      </c>
      <c r="AD32" s="261">
        <v>0</v>
      </c>
      <c r="AE32" s="261">
        <v>4</v>
      </c>
      <c r="AF32" s="261">
        <v>4</v>
      </c>
      <c r="AG32" s="261">
        <v>8</v>
      </c>
      <c r="AH32" s="258">
        <v>22</v>
      </c>
      <c r="AI32" s="263">
        <v>34</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0</v>
      </c>
      <c r="AZ32" s="261">
        <v>0</v>
      </c>
      <c r="BA32" s="261">
        <v>0</v>
      </c>
      <c r="BB32" s="261">
        <v>14</v>
      </c>
      <c r="BC32" s="261">
        <v>0</v>
      </c>
      <c r="BD32" s="262">
        <v>14</v>
      </c>
      <c r="BE32" s="263">
        <v>14</v>
      </c>
      <c r="BF32" s="257">
        <v>0</v>
      </c>
      <c r="BG32" s="261">
        <v>0</v>
      </c>
      <c r="BH32" s="258">
        <v>0</v>
      </c>
      <c r="BI32" s="260">
        <v>0</v>
      </c>
      <c r="BJ32" s="261">
        <v>0</v>
      </c>
      <c r="BK32" s="261">
        <v>0</v>
      </c>
      <c r="BL32" s="261">
        <v>16</v>
      </c>
      <c r="BM32" s="261">
        <v>0</v>
      </c>
      <c r="BN32" s="261">
        <v>0</v>
      </c>
      <c r="BO32" s="258">
        <v>16</v>
      </c>
      <c r="BP32" s="263">
        <v>16</v>
      </c>
      <c r="BQ32" s="257">
        <v>0</v>
      </c>
      <c r="BR32" s="261">
        <v>0</v>
      </c>
      <c r="BS32" s="258">
        <v>0</v>
      </c>
      <c r="BT32" s="260">
        <v>0</v>
      </c>
      <c r="BU32" s="261">
        <v>0</v>
      </c>
      <c r="BV32" s="261">
        <v>0</v>
      </c>
      <c r="BW32" s="261">
        <v>10</v>
      </c>
      <c r="BX32" s="261">
        <v>8</v>
      </c>
      <c r="BY32" s="261">
        <v>0</v>
      </c>
      <c r="BZ32" s="258">
        <v>18</v>
      </c>
      <c r="CA32" s="263">
        <v>18</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4</v>
      </c>
      <c r="H33" s="261">
        <v>0</v>
      </c>
      <c r="I33" s="261">
        <v>1</v>
      </c>
      <c r="J33" s="261">
        <v>0</v>
      </c>
      <c r="K33" s="261">
        <v>0</v>
      </c>
      <c r="L33" s="262">
        <v>5</v>
      </c>
      <c r="M33" s="263">
        <v>5</v>
      </c>
      <c r="N33" s="257">
        <v>0</v>
      </c>
      <c r="O33" s="261">
        <v>0</v>
      </c>
      <c r="P33" s="258">
        <v>0</v>
      </c>
      <c r="Q33" s="260">
        <v>0</v>
      </c>
      <c r="R33" s="261">
        <v>0</v>
      </c>
      <c r="S33" s="261">
        <v>5</v>
      </c>
      <c r="T33" s="261">
        <v>9</v>
      </c>
      <c r="U33" s="261">
        <v>0</v>
      </c>
      <c r="V33" s="261">
        <v>0</v>
      </c>
      <c r="W33" s="258">
        <v>14</v>
      </c>
      <c r="X33" s="263">
        <v>14</v>
      </c>
      <c r="Y33" s="257">
        <v>2</v>
      </c>
      <c r="Z33" s="261">
        <v>0</v>
      </c>
      <c r="AA33" s="258">
        <v>2</v>
      </c>
      <c r="AB33" s="260">
        <v>0</v>
      </c>
      <c r="AC33" s="261">
        <v>0</v>
      </c>
      <c r="AD33" s="261">
        <v>0</v>
      </c>
      <c r="AE33" s="261">
        <v>9</v>
      </c>
      <c r="AF33" s="261">
        <v>8</v>
      </c>
      <c r="AG33" s="261">
        <v>0</v>
      </c>
      <c r="AH33" s="258">
        <v>17</v>
      </c>
      <c r="AI33" s="263">
        <v>19</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5</v>
      </c>
      <c r="AZ33" s="261">
        <v>28</v>
      </c>
      <c r="BA33" s="261">
        <v>0</v>
      </c>
      <c r="BB33" s="261">
        <v>4</v>
      </c>
      <c r="BC33" s="261">
        <v>0</v>
      </c>
      <c r="BD33" s="262">
        <v>37</v>
      </c>
      <c r="BE33" s="263">
        <v>37</v>
      </c>
      <c r="BF33" s="257">
        <v>0</v>
      </c>
      <c r="BG33" s="261">
        <v>0</v>
      </c>
      <c r="BH33" s="258">
        <v>0</v>
      </c>
      <c r="BI33" s="260">
        <v>0</v>
      </c>
      <c r="BJ33" s="261">
        <v>7</v>
      </c>
      <c r="BK33" s="261">
        <v>8</v>
      </c>
      <c r="BL33" s="261">
        <v>11</v>
      </c>
      <c r="BM33" s="261">
        <v>3</v>
      </c>
      <c r="BN33" s="261">
        <v>0</v>
      </c>
      <c r="BO33" s="258">
        <v>29</v>
      </c>
      <c r="BP33" s="263">
        <v>29</v>
      </c>
      <c r="BQ33" s="257">
        <v>0</v>
      </c>
      <c r="BR33" s="261">
        <v>0</v>
      </c>
      <c r="BS33" s="258">
        <v>0</v>
      </c>
      <c r="BT33" s="260">
        <v>0</v>
      </c>
      <c r="BU33" s="261">
        <v>0</v>
      </c>
      <c r="BV33" s="261">
        <v>0</v>
      </c>
      <c r="BW33" s="261">
        <v>10</v>
      </c>
      <c r="BX33" s="261">
        <v>3</v>
      </c>
      <c r="BY33" s="261">
        <v>0</v>
      </c>
      <c r="BZ33" s="258">
        <v>13</v>
      </c>
      <c r="CA33" s="263">
        <v>13</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15</v>
      </c>
      <c r="H34" s="261">
        <v>39</v>
      </c>
      <c r="I34" s="261">
        <v>17</v>
      </c>
      <c r="J34" s="261">
        <v>120</v>
      </c>
      <c r="K34" s="261">
        <v>85</v>
      </c>
      <c r="L34" s="262">
        <v>276</v>
      </c>
      <c r="M34" s="263">
        <v>276</v>
      </c>
      <c r="N34" s="257">
        <v>0</v>
      </c>
      <c r="O34" s="261">
        <v>0</v>
      </c>
      <c r="P34" s="258">
        <v>0</v>
      </c>
      <c r="Q34" s="260">
        <v>0</v>
      </c>
      <c r="R34" s="261">
        <v>0</v>
      </c>
      <c r="S34" s="261">
        <v>0</v>
      </c>
      <c r="T34" s="261">
        <v>0</v>
      </c>
      <c r="U34" s="261">
        <v>0</v>
      </c>
      <c r="V34" s="261">
        <v>4</v>
      </c>
      <c r="W34" s="258">
        <v>4</v>
      </c>
      <c r="X34" s="263">
        <v>4</v>
      </c>
      <c r="Y34" s="257">
        <v>0</v>
      </c>
      <c r="Z34" s="261">
        <v>2</v>
      </c>
      <c r="AA34" s="258">
        <v>2</v>
      </c>
      <c r="AB34" s="260">
        <v>0</v>
      </c>
      <c r="AC34" s="261">
        <v>10</v>
      </c>
      <c r="AD34" s="261">
        <v>25</v>
      </c>
      <c r="AE34" s="261">
        <v>16</v>
      </c>
      <c r="AF34" s="261">
        <v>0</v>
      </c>
      <c r="AG34" s="261">
        <v>0</v>
      </c>
      <c r="AH34" s="258">
        <v>51</v>
      </c>
      <c r="AI34" s="263">
        <v>53</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17</v>
      </c>
      <c r="AZ34" s="261">
        <v>42</v>
      </c>
      <c r="BA34" s="261">
        <v>9</v>
      </c>
      <c r="BB34" s="261">
        <v>0</v>
      </c>
      <c r="BC34" s="261">
        <v>12</v>
      </c>
      <c r="BD34" s="262">
        <v>80</v>
      </c>
      <c r="BE34" s="263">
        <v>80</v>
      </c>
      <c r="BF34" s="257">
        <v>0</v>
      </c>
      <c r="BG34" s="261">
        <v>0</v>
      </c>
      <c r="BH34" s="258">
        <v>0</v>
      </c>
      <c r="BI34" s="260">
        <v>0</v>
      </c>
      <c r="BJ34" s="261">
        <v>10</v>
      </c>
      <c r="BK34" s="261">
        <v>19</v>
      </c>
      <c r="BL34" s="261">
        <v>0</v>
      </c>
      <c r="BM34" s="261">
        <v>0</v>
      </c>
      <c r="BN34" s="261">
        <v>3</v>
      </c>
      <c r="BO34" s="258">
        <v>32</v>
      </c>
      <c r="BP34" s="263">
        <v>32</v>
      </c>
      <c r="BQ34" s="257">
        <v>0</v>
      </c>
      <c r="BR34" s="261">
        <v>0</v>
      </c>
      <c r="BS34" s="258">
        <v>0</v>
      </c>
      <c r="BT34" s="260">
        <v>0</v>
      </c>
      <c r="BU34" s="261">
        <v>0</v>
      </c>
      <c r="BV34" s="261">
        <v>0</v>
      </c>
      <c r="BW34" s="261">
        <v>0</v>
      </c>
      <c r="BX34" s="261">
        <v>0</v>
      </c>
      <c r="BY34" s="261">
        <v>7</v>
      </c>
      <c r="BZ34" s="258">
        <v>7</v>
      </c>
      <c r="CA34" s="263">
        <v>7</v>
      </c>
      <c r="CB34" s="257">
        <v>0</v>
      </c>
      <c r="CC34" s="261">
        <v>0</v>
      </c>
      <c r="CD34" s="258">
        <v>0</v>
      </c>
      <c r="CE34" s="260">
        <v>0</v>
      </c>
      <c r="CF34" s="261">
        <v>0</v>
      </c>
      <c r="CG34" s="261">
        <v>0</v>
      </c>
      <c r="CH34" s="261">
        <v>8</v>
      </c>
      <c r="CI34" s="261">
        <v>0</v>
      </c>
      <c r="CJ34" s="261">
        <v>0</v>
      </c>
      <c r="CK34" s="258">
        <v>8</v>
      </c>
      <c r="CL34" s="263">
        <v>8</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5</v>
      </c>
      <c r="H35" s="261">
        <v>18</v>
      </c>
      <c r="I35" s="261">
        <v>13</v>
      </c>
      <c r="J35" s="261">
        <v>0</v>
      </c>
      <c r="K35" s="261">
        <v>0</v>
      </c>
      <c r="L35" s="262">
        <v>36</v>
      </c>
      <c r="M35" s="263">
        <v>36</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4</v>
      </c>
      <c r="AD35" s="261">
        <v>4</v>
      </c>
      <c r="AE35" s="261">
        <v>5</v>
      </c>
      <c r="AF35" s="261">
        <v>0</v>
      </c>
      <c r="AG35" s="261">
        <v>0</v>
      </c>
      <c r="AH35" s="258">
        <v>13</v>
      </c>
      <c r="AI35" s="263">
        <v>13</v>
      </c>
      <c r="AJ35" s="257">
        <v>24</v>
      </c>
      <c r="AK35" s="261">
        <v>9</v>
      </c>
      <c r="AL35" s="258">
        <v>33</v>
      </c>
      <c r="AM35" s="260">
        <v>0</v>
      </c>
      <c r="AN35" s="261">
        <v>12</v>
      </c>
      <c r="AO35" s="261">
        <v>0</v>
      </c>
      <c r="AP35" s="261">
        <v>30</v>
      </c>
      <c r="AQ35" s="261">
        <v>0</v>
      </c>
      <c r="AR35" s="261">
        <v>0</v>
      </c>
      <c r="AS35" s="258">
        <v>42</v>
      </c>
      <c r="AT35" s="263">
        <v>75</v>
      </c>
      <c r="AU35" s="257">
        <v>0</v>
      </c>
      <c r="AV35" s="261">
        <v>0</v>
      </c>
      <c r="AW35" s="258">
        <v>0</v>
      </c>
      <c r="AX35" s="260">
        <v>0</v>
      </c>
      <c r="AY35" s="261">
        <v>4</v>
      </c>
      <c r="AZ35" s="261">
        <v>0</v>
      </c>
      <c r="BA35" s="261">
        <v>0</v>
      </c>
      <c r="BB35" s="261">
        <v>0</v>
      </c>
      <c r="BC35" s="261">
        <v>0</v>
      </c>
      <c r="BD35" s="262">
        <v>4</v>
      </c>
      <c r="BE35" s="263">
        <v>4</v>
      </c>
      <c r="BF35" s="257">
        <v>0</v>
      </c>
      <c r="BG35" s="261">
        <v>0</v>
      </c>
      <c r="BH35" s="258">
        <v>0</v>
      </c>
      <c r="BI35" s="260">
        <v>0</v>
      </c>
      <c r="BJ35" s="261">
        <v>8</v>
      </c>
      <c r="BK35" s="261">
        <v>8</v>
      </c>
      <c r="BL35" s="261">
        <v>0</v>
      </c>
      <c r="BM35" s="261">
        <v>0</v>
      </c>
      <c r="BN35" s="261">
        <v>0</v>
      </c>
      <c r="BO35" s="258">
        <v>16</v>
      </c>
      <c r="BP35" s="263">
        <v>16</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2</v>
      </c>
      <c r="AD36" s="261">
        <v>4</v>
      </c>
      <c r="AE36" s="261">
        <v>0</v>
      </c>
      <c r="AF36" s="261">
        <v>0</v>
      </c>
      <c r="AG36" s="261">
        <v>0</v>
      </c>
      <c r="AH36" s="258">
        <v>6</v>
      </c>
      <c r="AI36" s="263">
        <v>6</v>
      </c>
      <c r="AJ36" s="257">
        <v>0</v>
      </c>
      <c r="AK36" s="261">
        <v>0</v>
      </c>
      <c r="AL36" s="258">
        <v>0</v>
      </c>
      <c r="AM36" s="260">
        <v>0</v>
      </c>
      <c r="AN36" s="261">
        <v>0</v>
      </c>
      <c r="AO36" s="261">
        <v>41</v>
      </c>
      <c r="AP36" s="261">
        <v>0</v>
      </c>
      <c r="AQ36" s="261">
        <v>0</v>
      </c>
      <c r="AR36" s="261">
        <v>0</v>
      </c>
      <c r="AS36" s="258">
        <v>41</v>
      </c>
      <c r="AT36" s="263">
        <v>41</v>
      </c>
      <c r="AU36" s="257">
        <v>0</v>
      </c>
      <c r="AV36" s="261">
        <v>0</v>
      </c>
      <c r="AW36" s="258">
        <v>0</v>
      </c>
      <c r="AX36" s="260">
        <v>0</v>
      </c>
      <c r="AY36" s="261">
        <v>0</v>
      </c>
      <c r="AZ36" s="261">
        <v>7</v>
      </c>
      <c r="BA36" s="261">
        <v>0</v>
      </c>
      <c r="BB36" s="261">
        <v>4</v>
      </c>
      <c r="BC36" s="261">
        <v>0</v>
      </c>
      <c r="BD36" s="262">
        <v>11</v>
      </c>
      <c r="BE36" s="263">
        <v>11</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93</v>
      </c>
      <c r="H37" s="261">
        <v>14</v>
      </c>
      <c r="I37" s="261">
        <v>0</v>
      </c>
      <c r="J37" s="261">
        <v>55</v>
      </c>
      <c r="K37" s="261">
        <v>81</v>
      </c>
      <c r="L37" s="262">
        <v>243</v>
      </c>
      <c r="M37" s="263">
        <v>243</v>
      </c>
      <c r="N37" s="257">
        <v>0</v>
      </c>
      <c r="O37" s="261">
        <v>0</v>
      </c>
      <c r="P37" s="258">
        <v>0</v>
      </c>
      <c r="Q37" s="260">
        <v>0</v>
      </c>
      <c r="R37" s="261">
        <v>0</v>
      </c>
      <c r="S37" s="261">
        <v>0</v>
      </c>
      <c r="T37" s="261">
        <v>0</v>
      </c>
      <c r="U37" s="261">
        <v>2</v>
      </c>
      <c r="V37" s="261">
        <v>13</v>
      </c>
      <c r="W37" s="258">
        <v>15</v>
      </c>
      <c r="X37" s="263">
        <v>15</v>
      </c>
      <c r="Y37" s="257">
        <v>0</v>
      </c>
      <c r="Z37" s="261">
        <v>0</v>
      </c>
      <c r="AA37" s="258">
        <v>0</v>
      </c>
      <c r="AB37" s="260">
        <v>0</v>
      </c>
      <c r="AC37" s="261">
        <v>9</v>
      </c>
      <c r="AD37" s="261">
        <v>8</v>
      </c>
      <c r="AE37" s="261">
        <v>0</v>
      </c>
      <c r="AF37" s="261">
        <v>0</v>
      </c>
      <c r="AG37" s="261">
        <v>33</v>
      </c>
      <c r="AH37" s="258">
        <v>50</v>
      </c>
      <c r="AI37" s="263">
        <v>50</v>
      </c>
      <c r="AJ37" s="257">
        <v>20</v>
      </c>
      <c r="AK37" s="261">
        <v>0</v>
      </c>
      <c r="AL37" s="258">
        <v>20</v>
      </c>
      <c r="AM37" s="260">
        <v>0</v>
      </c>
      <c r="AN37" s="261">
        <v>24</v>
      </c>
      <c r="AO37" s="261">
        <v>0</v>
      </c>
      <c r="AP37" s="261">
        <v>0</v>
      </c>
      <c r="AQ37" s="261">
        <v>0</v>
      </c>
      <c r="AR37" s="261">
        <v>4</v>
      </c>
      <c r="AS37" s="258">
        <v>28</v>
      </c>
      <c r="AT37" s="263">
        <v>48</v>
      </c>
      <c r="AU37" s="257">
        <v>0</v>
      </c>
      <c r="AV37" s="261">
        <v>0</v>
      </c>
      <c r="AW37" s="258">
        <v>0</v>
      </c>
      <c r="AX37" s="260">
        <v>0</v>
      </c>
      <c r="AY37" s="261">
        <v>37</v>
      </c>
      <c r="AZ37" s="261">
        <v>34</v>
      </c>
      <c r="BA37" s="261">
        <v>32</v>
      </c>
      <c r="BB37" s="261">
        <v>0</v>
      </c>
      <c r="BC37" s="261">
        <v>0</v>
      </c>
      <c r="BD37" s="262">
        <v>103</v>
      </c>
      <c r="BE37" s="263">
        <v>103</v>
      </c>
      <c r="BF37" s="257">
        <v>0</v>
      </c>
      <c r="BG37" s="261">
        <v>0</v>
      </c>
      <c r="BH37" s="258">
        <v>0</v>
      </c>
      <c r="BI37" s="260">
        <v>0</v>
      </c>
      <c r="BJ37" s="261">
        <v>8</v>
      </c>
      <c r="BK37" s="261">
        <v>0</v>
      </c>
      <c r="BL37" s="261">
        <v>0</v>
      </c>
      <c r="BM37" s="261">
        <v>11</v>
      </c>
      <c r="BN37" s="261">
        <v>0</v>
      </c>
      <c r="BO37" s="258">
        <v>19</v>
      </c>
      <c r="BP37" s="263">
        <v>19</v>
      </c>
      <c r="BQ37" s="257">
        <v>0</v>
      </c>
      <c r="BR37" s="261">
        <v>0</v>
      </c>
      <c r="BS37" s="258">
        <v>0</v>
      </c>
      <c r="BT37" s="260">
        <v>0</v>
      </c>
      <c r="BU37" s="261">
        <v>0</v>
      </c>
      <c r="BV37" s="261">
        <v>8</v>
      </c>
      <c r="BW37" s="261">
        <v>0</v>
      </c>
      <c r="BX37" s="261">
        <v>0</v>
      </c>
      <c r="BY37" s="261">
        <v>0</v>
      </c>
      <c r="BZ37" s="258">
        <v>8</v>
      </c>
      <c r="CA37" s="263">
        <v>8</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9</v>
      </c>
      <c r="H38" s="261">
        <v>65</v>
      </c>
      <c r="I38" s="261">
        <v>8</v>
      </c>
      <c r="J38" s="261">
        <v>26</v>
      </c>
      <c r="K38" s="261">
        <v>168</v>
      </c>
      <c r="L38" s="262">
        <v>276</v>
      </c>
      <c r="M38" s="263">
        <v>276</v>
      </c>
      <c r="N38" s="257">
        <v>0</v>
      </c>
      <c r="O38" s="261">
        <v>0</v>
      </c>
      <c r="P38" s="258">
        <v>0</v>
      </c>
      <c r="Q38" s="260">
        <v>0</v>
      </c>
      <c r="R38" s="261">
        <v>0</v>
      </c>
      <c r="S38" s="261">
        <v>0</v>
      </c>
      <c r="T38" s="261">
        <v>0</v>
      </c>
      <c r="U38" s="261">
        <v>4</v>
      </c>
      <c r="V38" s="261">
        <v>0</v>
      </c>
      <c r="W38" s="258">
        <v>4</v>
      </c>
      <c r="X38" s="263">
        <v>4</v>
      </c>
      <c r="Y38" s="257">
        <v>0</v>
      </c>
      <c r="Z38" s="261">
        <v>25</v>
      </c>
      <c r="AA38" s="258">
        <v>25</v>
      </c>
      <c r="AB38" s="260">
        <v>0</v>
      </c>
      <c r="AC38" s="261">
        <v>27</v>
      </c>
      <c r="AD38" s="261">
        <v>0</v>
      </c>
      <c r="AE38" s="261">
        <v>0</v>
      </c>
      <c r="AF38" s="261">
        <v>0</v>
      </c>
      <c r="AG38" s="261">
        <v>14</v>
      </c>
      <c r="AH38" s="258">
        <v>41</v>
      </c>
      <c r="AI38" s="263">
        <v>66</v>
      </c>
      <c r="AJ38" s="257">
        <v>0</v>
      </c>
      <c r="AK38" s="261">
        <v>8</v>
      </c>
      <c r="AL38" s="258">
        <v>8</v>
      </c>
      <c r="AM38" s="260">
        <v>0</v>
      </c>
      <c r="AN38" s="261">
        <v>0</v>
      </c>
      <c r="AO38" s="261">
        <v>8</v>
      </c>
      <c r="AP38" s="261">
        <v>0</v>
      </c>
      <c r="AQ38" s="261">
        <v>0</v>
      </c>
      <c r="AR38" s="261">
        <v>0</v>
      </c>
      <c r="AS38" s="258">
        <v>8</v>
      </c>
      <c r="AT38" s="263">
        <v>16</v>
      </c>
      <c r="AU38" s="257">
        <v>0</v>
      </c>
      <c r="AV38" s="261">
        <v>0</v>
      </c>
      <c r="AW38" s="258">
        <v>0</v>
      </c>
      <c r="AX38" s="260">
        <v>0</v>
      </c>
      <c r="AY38" s="261">
        <v>19</v>
      </c>
      <c r="AZ38" s="261">
        <v>7</v>
      </c>
      <c r="BA38" s="261">
        <v>5</v>
      </c>
      <c r="BB38" s="261">
        <v>0</v>
      </c>
      <c r="BC38" s="261">
        <v>4</v>
      </c>
      <c r="BD38" s="262">
        <v>35</v>
      </c>
      <c r="BE38" s="263">
        <v>35</v>
      </c>
      <c r="BF38" s="257">
        <v>0</v>
      </c>
      <c r="BG38" s="261">
        <v>0</v>
      </c>
      <c r="BH38" s="258">
        <v>0</v>
      </c>
      <c r="BI38" s="260">
        <v>0</v>
      </c>
      <c r="BJ38" s="261">
        <v>0</v>
      </c>
      <c r="BK38" s="261">
        <v>0</v>
      </c>
      <c r="BL38" s="261">
        <v>0</v>
      </c>
      <c r="BM38" s="261">
        <v>8</v>
      </c>
      <c r="BN38" s="261">
        <v>0</v>
      </c>
      <c r="BO38" s="258">
        <v>8</v>
      </c>
      <c r="BP38" s="263">
        <v>8</v>
      </c>
      <c r="BQ38" s="257">
        <v>0</v>
      </c>
      <c r="BR38" s="261">
        <v>0</v>
      </c>
      <c r="BS38" s="258">
        <v>0</v>
      </c>
      <c r="BT38" s="260">
        <v>0</v>
      </c>
      <c r="BU38" s="261">
        <v>0</v>
      </c>
      <c r="BV38" s="261">
        <v>2</v>
      </c>
      <c r="BW38" s="261">
        <v>15</v>
      </c>
      <c r="BX38" s="261">
        <v>0</v>
      </c>
      <c r="BY38" s="261">
        <v>0</v>
      </c>
      <c r="BZ38" s="258">
        <v>17</v>
      </c>
      <c r="CA38" s="263">
        <v>17</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2</v>
      </c>
      <c r="AD39" s="268">
        <v>0</v>
      </c>
      <c r="AE39" s="268">
        <v>0</v>
      </c>
      <c r="AF39" s="268">
        <v>0</v>
      </c>
      <c r="AG39" s="268">
        <v>0</v>
      </c>
      <c r="AH39" s="265">
        <v>2</v>
      </c>
      <c r="AI39" s="270">
        <v>2</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13</v>
      </c>
      <c r="BA39" s="268">
        <v>0</v>
      </c>
      <c r="BB39" s="268">
        <v>0</v>
      </c>
      <c r="BC39" s="268">
        <v>0</v>
      </c>
      <c r="BD39" s="269">
        <v>13</v>
      </c>
      <c r="BE39" s="270">
        <v>13</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8</v>
      </c>
      <c r="M1" s="504">
        <f>IF(L1&lt;3,L1+12-2,L1-2)</f>
        <v>6</v>
      </c>
      <c r="N1" s="504"/>
    </row>
    <row r="2" spans="2:112" ht="24" customHeight="1" thickBot="1" x14ac:dyDescent="0.25">
      <c r="B2" s="271" t="s">
        <v>153</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60</v>
      </c>
      <c r="CN3" s="522"/>
      <c r="CO3" s="522"/>
      <c r="CP3" s="522"/>
      <c r="CQ3" s="522"/>
      <c r="CR3" s="522"/>
      <c r="CS3" s="522"/>
      <c r="CT3" s="522"/>
      <c r="CU3" s="522"/>
      <c r="CV3" s="522"/>
      <c r="CW3" s="523"/>
      <c r="CX3" s="521" t="s">
        <v>156</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6" t="s">
        <v>44</v>
      </c>
      <c r="E5" s="247"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327" t="s">
        <v>43</v>
      </c>
      <c r="Z5" s="243" t="s">
        <v>44</v>
      </c>
      <c r="AA5" s="249"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9" t="s">
        <v>45</v>
      </c>
      <c r="AX5" s="248" t="s">
        <v>83</v>
      </c>
      <c r="AY5" s="243" t="s">
        <v>47</v>
      </c>
      <c r="AZ5" s="243" t="s">
        <v>48</v>
      </c>
      <c r="BA5" s="243" t="s">
        <v>49</v>
      </c>
      <c r="BB5" s="243" t="s">
        <v>50</v>
      </c>
      <c r="BC5" s="243" t="s">
        <v>51</v>
      </c>
      <c r="BD5" s="249" t="s">
        <v>45</v>
      </c>
      <c r="BE5" s="506"/>
      <c r="BF5" s="327" t="s">
        <v>43</v>
      </c>
      <c r="BG5" s="243" t="s">
        <v>44</v>
      </c>
      <c r="BH5" s="246" t="s">
        <v>45</v>
      </c>
      <c r="BI5" s="248" t="s">
        <v>83</v>
      </c>
      <c r="BJ5" s="243" t="s">
        <v>47</v>
      </c>
      <c r="BK5" s="243" t="s">
        <v>48</v>
      </c>
      <c r="BL5" s="243" t="s">
        <v>49</v>
      </c>
      <c r="BM5" s="243" t="s">
        <v>50</v>
      </c>
      <c r="BN5" s="243" t="s">
        <v>51</v>
      </c>
      <c r="BO5" s="246" t="s">
        <v>45</v>
      </c>
      <c r="BP5" s="506"/>
      <c r="BQ5" s="327" t="s">
        <v>43</v>
      </c>
      <c r="BR5" s="243" t="s">
        <v>44</v>
      </c>
      <c r="BS5" s="246" t="s">
        <v>45</v>
      </c>
      <c r="BT5" s="248" t="s">
        <v>83</v>
      </c>
      <c r="BU5" s="243" t="s">
        <v>47</v>
      </c>
      <c r="BV5" s="243" t="s">
        <v>48</v>
      </c>
      <c r="BW5" s="243" t="s">
        <v>49</v>
      </c>
      <c r="BX5" s="243" t="s">
        <v>50</v>
      </c>
      <c r="BY5" s="243" t="s">
        <v>51</v>
      </c>
      <c r="BZ5" s="246" t="s">
        <v>45</v>
      </c>
      <c r="CA5" s="506"/>
      <c r="CB5" s="327" t="s">
        <v>43</v>
      </c>
      <c r="CC5" s="243" t="s">
        <v>44</v>
      </c>
      <c r="CD5" s="246" t="s">
        <v>45</v>
      </c>
      <c r="CE5" s="248" t="s">
        <v>83</v>
      </c>
      <c r="CF5" s="243" t="s">
        <v>47</v>
      </c>
      <c r="CG5" s="243" t="s">
        <v>48</v>
      </c>
      <c r="CH5" s="243" t="s">
        <v>49</v>
      </c>
      <c r="CI5" s="243" t="s">
        <v>50</v>
      </c>
      <c r="CJ5" s="243" t="s">
        <v>51</v>
      </c>
      <c r="CK5" s="246" t="s">
        <v>45</v>
      </c>
      <c r="CL5" s="506"/>
      <c r="CM5" s="339"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1">
        <v>0</v>
      </c>
      <c r="E6" s="252">
        <v>0</v>
      </c>
      <c r="F6" s="253">
        <v>0</v>
      </c>
      <c r="G6" s="254">
        <v>12718</v>
      </c>
      <c r="H6" s="254">
        <v>19054</v>
      </c>
      <c r="I6" s="254">
        <v>19567</v>
      </c>
      <c r="J6" s="254">
        <v>24859</v>
      </c>
      <c r="K6" s="254">
        <v>23490</v>
      </c>
      <c r="L6" s="255">
        <v>99688</v>
      </c>
      <c r="M6" s="256">
        <v>99688</v>
      </c>
      <c r="N6" s="250">
        <v>0</v>
      </c>
      <c r="O6" s="254">
        <v>9</v>
      </c>
      <c r="P6" s="251">
        <v>9</v>
      </c>
      <c r="Q6" s="253">
        <v>0</v>
      </c>
      <c r="R6" s="254">
        <v>56</v>
      </c>
      <c r="S6" s="254">
        <v>173</v>
      </c>
      <c r="T6" s="254">
        <v>252</v>
      </c>
      <c r="U6" s="254">
        <v>673</v>
      </c>
      <c r="V6" s="254">
        <v>1376</v>
      </c>
      <c r="W6" s="251">
        <v>2530</v>
      </c>
      <c r="X6" s="256">
        <v>2539</v>
      </c>
      <c r="Y6" s="250">
        <v>1434</v>
      </c>
      <c r="Z6" s="254">
        <v>3868</v>
      </c>
      <c r="AA6" s="251">
        <v>5302</v>
      </c>
      <c r="AB6" s="253">
        <v>0</v>
      </c>
      <c r="AC6" s="254">
        <v>9918</v>
      </c>
      <c r="AD6" s="254">
        <v>14850</v>
      </c>
      <c r="AE6" s="254">
        <v>9421</v>
      </c>
      <c r="AF6" s="254">
        <v>8314</v>
      </c>
      <c r="AG6" s="254">
        <v>6412</v>
      </c>
      <c r="AH6" s="251">
        <v>48915</v>
      </c>
      <c r="AI6" s="256">
        <v>54217</v>
      </c>
      <c r="AJ6" s="250">
        <v>230</v>
      </c>
      <c r="AK6" s="254">
        <v>788</v>
      </c>
      <c r="AL6" s="251">
        <v>1018</v>
      </c>
      <c r="AM6" s="253">
        <v>0</v>
      </c>
      <c r="AN6" s="254">
        <v>1335</v>
      </c>
      <c r="AO6" s="254">
        <v>2072</v>
      </c>
      <c r="AP6" s="254">
        <v>1244</v>
      </c>
      <c r="AQ6" s="254">
        <v>1349</v>
      </c>
      <c r="AR6" s="254">
        <v>722</v>
      </c>
      <c r="AS6" s="251">
        <v>6722</v>
      </c>
      <c r="AT6" s="256">
        <v>7740</v>
      </c>
      <c r="AU6" s="250">
        <v>0</v>
      </c>
      <c r="AV6" s="254">
        <v>0</v>
      </c>
      <c r="AW6" s="251">
        <v>0</v>
      </c>
      <c r="AX6" s="253">
        <v>0</v>
      </c>
      <c r="AY6" s="254">
        <v>10801</v>
      </c>
      <c r="AZ6" s="254">
        <v>10084</v>
      </c>
      <c r="BA6" s="254">
        <v>6129</v>
      </c>
      <c r="BB6" s="254">
        <v>3219</v>
      </c>
      <c r="BC6" s="254">
        <v>1390</v>
      </c>
      <c r="BD6" s="255">
        <v>31623</v>
      </c>
      <c r="BE6" s="256">
        <v>31623</v>
      </c>
      <c r="BF6" s="250">
        <v>0</v>
      </c>
      <c r="BG6" s="254">
        <v>0</v>
      </c>
      <c r="BH6" s="251">
        <v>0</v>
      </c>
      <c r="BI6" s="253">
        <v>0</v>
      </c>
      <c r="BJ6" s="254">
        <v>2411</v>
      </c>
      <c r="BK6" s="254">
        <v>3346</v>
      </c>
      <c r="BL6" s="254">
        <v>2109</v>
      </c>
      <c r="BM6" s="254">
        <v>1626</v>
      </c>
      <c r="BN6" s="254">
        <v>606</v>
      </c>
      <c r="BO6" s="251">
        <v>10098</v>
      </c>
      <c r="BP6" s="256">
        <v>10098</v>
      </c>
      <c r="BQ6" s="250">
        <v>20</v>
      </c>
      <c r="BR6" s="254">
        <v>85</v>
      </c>
      <c r="BS6" s="251">
        <v>105</v>
      </c>
      <c r="BT6" s="253">
        <v>0</v>
      </c>
      <c r="BU6" s="254">
        <v>991</v>
      </c>
      <c r="BV6" s="254">
        <v>1870</v>
      </c>
      <c r="BW6" s="254">
        <v>2413</v>
      </c>
      <c r="BX6" s="254">
        <v>2248</v>
      </c>
      <c r="BY6" s="254">
        <v>1011</v>
      </c>
      <c r="BZ6" s="251">
        <v>8533</v>
      </c>
      <c r="CA6" s="256">
        <v>8638</v>
      </c>
      <c r="CB6" s="250">
        <v>6</v>
      </c>
      <c r="CC6" s="254">
        <v>39</v>
      </c>
      <c r="CD6" s="251">
        <v>45</v>
      </c>
      <c r="CE6" s="253">
        <v>0</v>
      </c>
      <c r="CF6" s="254">
        <v>188</v>
      </c>
      <c r="CG6" s="254">
        <v>411</v>
      </c>
      <c r="CH6" s="254">
        <v>368</v>
      </c>
      <c r="CI6" s="254">
        <v>348</v>
      </c>
      <c r="CJ6" s="254">
        <v>266</v>
      </c>
      <c r="CK6" s="251">
        <v>1581</v>
      </c>
      <c r="CL6" s="256">
        <v>1626</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58">
        <v>0</v>
      </c>
      <c r="E7" s="259">
        <v>0</v>
      </c>
      <c r="F7" s="260">
        <v>0</v>
      </c>
      <c r="G7" s="261">
        <v>4709</v>
      </c>
      <c r="H7" s="261">
        <v>9553</v>
      </c>
      <c r="I7" s="261">
        <v>7372</v>
      </c>
      <c r="J7" s="261">
        <v>10417</v>
      </c>
      <c r="K7" s="261">
        <v>10568</v>
      </c>
      <c r="L7" s="262">
        <v>42619</v>
      </c>
      <c r="M7" s="263">
        <v>42619</v>
      </c>
      <c r="N7" s="257">
        <v>0</v>
      </c>
      <c r="O7" s="261">
        <v>9</v>
      </c>
      <c r="P7" s="258">
        <v>9</v>
      </c>
      <c r="Q7" s="260">
        <v>0</v>
      </c>
      <c r="R7" s="261">
        <v>9</v>
      </c>
      <c r="S7" s="261">
        <v>51</v>
      </c>
      <c r="T7" s="261">
        <v>137</v>
      </c>
      <c r="U7" s="261">
        <v>272</v>
      </c>
      <c r="V7" s="261">
        <v>657</v>
      </c>
      <c r="W7" s="258">
        <v>1126</v>
      </c>
      <c r="X7" s="263">
        <v>1135</v>
      </c>
      <c r="Y7" s="257">
        <v>750</v>
      </c>
      <c r="Z7" s="261">
        <v>1966</v>
      </c>
      <c r="AA7" s="258">
        <v>2716</v>
      </c>
      <c r="AB7" s="260">
        <v>0</v>
      </c>
      <c r="AC7" s="261">
        <v>3541</v>
      </c>
      <c r="AD7" s="261">
        <v>8289</v>
      </c>
      <c r="AE7" s="261">
        <v>4548</v>
      </c>
      <c r="AF7" s="261">
        <v>4047</v>
      </c>
      <c r="AG7" s="261">
        <v>3004</v>
      </c>
      <c r="AH7" s="258">
        <v>23429</v>
      </c>
      <c r="AI7" s="263">
        <v>26145</v>
      </c>
      <c r="AJ7" s="257">
        <v>90</v>
      </c>
      <c r="AK7" s="261">
        <v>544</v>
      </c>
      <c r="AL7" s="258">
        <v>634</v>
      </c>
      <c r="AM7" s="260">
        <v>0</v>
      </c>
      <c r="AN7" s="261">
        <v>367</v>
      </c>
      <c r="AO7" s="261">
        <v>985</v>
      </c>
      <c r="AP7" s="261">
        <v>509</v>
      </c>
      <c r="AQ7" s="261">
        <v>636</v>
      </c>
      <c r="AR7" s="261">
        <v>251</v>
      </c>
      <c r="AS7" s="258">
        <v>2748</v>
      </c>
      <c r="AT7" s="263">
        <v>3382</v>
      </c>
      <c r="AU7" s="257">
        <v>0</v>
      </c>
      <c r="AV7" s="261">
        <v>0</v>
      </c>
      <c r="AW7" s="258">
        <v>0</v>
      </c>
      <c r="AX7" s="260">
        <v>0</v>
      </c>
      <c r="AY7" s="261">
        <v>3670</v>
      </c>
      <c r="AZ7" s="261">
        <v>4178</v>
      </c>
      <c r="BA7" s="261">
        <v>2389</v>
      </c>
      <c r="BB7" s="261">
        <v>1158</v>
      </c>
      <c r="BC7" s="261">
        <v>535</v>
      </c>
      <c r="BD7" s="262">
        <v>11930</v>
      </c>
      <c r="BE7" s="263">
        <v>11930</v>
      </c>
      <c r="BF7" s="257">
        <v>0</v>
      </c>
      <c r="BG7" s="261">
        <v>0</v>
      </c>
      <c r="BH7" s="258">
        <v>0</v>
      </c>
      <c r="BI7" s="260">
        <v>0</v>
      </c>
      <c r="BJ7" s="261">
        <v>763</v>
      </c>
      <c r="BK7" s="261">
        <v>1469</v>
      </c>
      <c r="BL7" s="261">
        <v>929</v>
      </c>
      <c r="BM7" s="261">
        <v>683</v>
      </c>
      <c r="BN7" s="261">
        <v>320</v>
      </c>
      <c r="BO7" s="258">
        <v>4164</v>
      </c>
      <c r="BP7" s="263">
        <v>4164</v>
      </c>
      <c r="BQ7" s="257">
        <v>6</v>
      </c>
      <c r="BR7" s="261">
        <v>18</v>
      </c>
      <c r="BS7" s="258">
        <v>24</v>
      </c>
      <c r="BT7" s="260">
        <v>0</v>
      </c>
      <c r="BU7" s="261">
        <v>359</v>
      </c>
      <c r="BV7" s="261">
        <v>767</v>
      </c>
      <c r="BW7" s="261">
        <v>971</v>
      </c>
      <c r="BX7" s="261">
        <v>873</v>
      </c>
      <c r="BY7" s="261">
        <v>475</v>
      </c>
      <c r="BZ7" s="258">
        <v>3445</v>
      </c>
      <c r="CA7" s="263">
        <v>3469</v>
      </c>
      <c r="CB7" s="257">
        <v>6</v>
      </c>
      <c r="CC7" s="261">
        <v>39</v>
      </c>
      <c r="CD7" s="258">
        <v>45</v>
      </c>
      <c r="CE7" s="260">
        <v>0</v>
      </c>
      <c r="CF7" s="261">
        <v>60</v>
      </c>
      <c r="CG7" s="261">
        <v>210</v>
      </c>
      <c r="CH7" s="261">
        <v>278</v>
      </c>
      <c r="CI7" s="261">
        <v>200</v>
      </c>
      <c r="CJ7" s="261">
        <v>196</v>
      </c>
      <c r="CK7" s="258">
        <v>944</v>
      </c>
      <c r="CL7" s="263">
        <v>989</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58">
        <v>0</v>
      </c>
      <c r="E8" s="259">
        <v>0</v>
      </c>
      <c r="F8" s="260">
        <v>0</v>
      </c>
      <c r="G8" s="261">
        <v>2087</v>
      </c>
      <c r="H8" s="261">
        <v>2729</v>
      </c>
      <c r="I8" s="261">
        <v>2786</v>
      </c>
      <c r="J8" s="261">
        <v>4612</v>
      </c>
      <c r="K8" s="261">
        <v>3857</v>
      </c>
      <c r="L8" s="262">
        <v>16071</v>
      </c>
      <c r="M8" s="263">
        <v>16071</v>
      </c>
      <c r="N8" s="257">
        <v>0</v>
      </c>
      <c r="O8" s="261">
        <v>0</v>
      </c>
      <c r="P8" s="258">
        <v>0</v>
      </c>
      <c r="Q8" s="260">
        <v>0</v>
      </c>
      <c r="R8" s="261">
        <v>19</v>
      </c>
      <c r="S8" s="261">
        <v>52</v>
      </c>
      <c r="T8" s="261">
        <v>42</v>
      </c>
      <c r="U8" s="261">
        <v>118</v>
      </c>
      <c r="V8" s="261">
        <v>180</v>
      </c>
      <c r="W8" s="258">
        <v>411</v>
      </c>
      <c r="X8" s="263">
        <v>411</v>
      </c>
      <c r="Y8" s="257">
        <v>240</v>
      </c>
      <c r="Z8" s="261">
        <v>794</v>
      </c>
      <c r="AA8" s="258">
        <v>1034</v>
      </c>
      <c r="AB8" s="260">
        <v>0</v>
      </c>
      <c r="AC8" s="261">
        <v>2647</v>
      </c>
      <c r="AD8" s="261">
        <v>2550</v>
      </c>
      <c r="AE8" s="261">
        <v>1959</v>
      </c>
      <c r="AF8" s="261">
        <v>1648</v>
      </c>
      <c r="AG8" s="261">
        <v>1005</v>
      </c>
      <c r="AH8" s="258">
        <v>9809</v>
      </c>
      <c r="AI8" s="263">
        <v>10843</v>
      </c>
      <c r="AJ8" s="257">
        <v>23</v>
      </c>
      <c r="AK8" s="261">
        <v>6</v>
      </c>
      <c r="AL8" s="258">
        <v>29</v>
      </c>
      <c r="AM8" s="260">
        <v>0</v>
      </c>
      <c r="AN8" s="261">
        <v>210</v>
      </c>
      <c r="AO8" s="261">
        <v>259</v>
      </c>
      <c r="AP8" s="261">
        <v>243</v>
      </c>
      <c r="AQ8" s="261">
        <v>171</v>
      </c>
      <c r="AR8" s="261">
        <v>145</v>
      </c>
      <c r="AS8" s="258">
        <v>1028</v>
      </c>
      <c r="AT8" s="263">
        <v>1057</v>
      </c>
      <c r="AU8" s="257">
        <v>0</v>
      </c>
      <c r="AV8" s="261">
        <v>0</v>
      </c>
      <c r="AW8" s="258">
        <v>0</v>
      </c>
      <c r="AX8" s="260">
        <v>0</v>
      </c>
      <c r="AY8" s="261">
        <v>2156</v>
      </c>
      <c r="AZ8" s="261">
        <v>1548</v>
      </c>
      <c r="BA8" s="261">
        <v>972</v>
      </c>
      <c r="BB8" s="261">
        <v>468</v>
      </c>
      <c r="BC8" s="261">
        <v>233</v>
      </c>
      <c r="BD8" s="262">
        <v>5377</v>
      </c>
      <c r="BE8" s="263">
        <v>5377</v>
      </c>
      <c r="BF8" s="257">
        <v>0</v>
      </c>
      <c r="BG8" s="261">
        <v>0</v>
      </c>
      <c r="BH8" s="258">
        <v>0</v>
      </c>
      <c r="BI8" s="260">
        <v>0</v>
      </c>
      <c r="BJ8" s="261">
        <v>383</v>
      </c>
      <c r="BK8" s="261">
        <v>415</v>
      </c>
      <c r="BL8" s="261">
        <v>312</v>
      </c>
      <c r="BM8" s="261">
        <v>290</v>
      </c>
      <c r="BN8" s="261">
        <v>71</v>
      </c>
      <c r="BO8" s="258">
        <v>1471</v>
      </c>
      <c r="BP8" s="263">
        <v>1471</v>
      </c>
      <c r="BQ8" s="257">
        <v>0</v>
      </c>
      <c r="BR8" s="261">
        <v>3</v>
      </c>
      <c r="BS8" s="258">
        <v>3</v>
      </c>
      <c r="BT8" s="260">
        <v>0</v>
      </c>
      <c r="BU8" s="261">
        <v>127</v>
      </c>
      <c r="BV8" s="261">
        <v>231</v>
      </c>
      <c r="BW8" s="261">
        <v>381</v>
      </c>
      <c r="BX8" s="261">
        <v>314</v>
      </c>
      <c r="BY8" s="261">
        <v>93</v>
      </c>
      <c r="BZ8" s="258">
        <v>1146</v>
      </c>
      <c r="CA8" s="263">
        <v>1149</v>
      </c>
      <c r="CB8" s="257">
        <v>0</v>
      </c>
      <c r="CC8" s="261">
        <v>0</v>
      </c>
      <c r="CD8" s="258">
        <v>0</v>
      </c>
      <c r="CE8" s="260">
        <v>0</v>
      </c>
      <c r="CF8" s="261">
        <v>49</v>
      </c>
      <c r="CG8" s="261">
        <v>48</v>
      </c>
      <c r="CH8" s="261">
        <v>16</v>
      </c>
      <c r="CI8" s="261">
        <v>99</v>
      </c>
      <c r="CJ8" s="261">
        <v>36</v>
      </c>
      <c r="CK8" s="258">
        <v>248</v>
      </c>
      <c r="CL8" s="263">
        <v>248</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58">
        <v>0</v>
      </c>
      <c r="E9" s="259">
        <v>0</v>
      </c>
      <c r="F9" s="260">
        <v>0</v>
      </c>
      <c r="G9" s="261">
        <v>522</v>
      </c>
      <c r="H9" s="261">
        <v>999</v>
      </c>
      <c r="I9" s="261">
        <v>1415</v>
      </c>
      <c r="J9" s="261">
        <v>1419</v>
      </c>
      <c r="K9" s="261">
        <v>1227</v>
      </c>
      <c r="L9" s="262">
        <v>5582</v>
      </c>
      <c r="M9" s="263">
        <v>5582</v>
      </c>
      <c r="N9" s="257">
        <v>0</v>
      </c>
      <c r="O9" s="261">
        <v>0</v>
      </c>
      <c r="P9" s="258">
        <v>0</v>
      </c>
      <c r="Q9" s="260">
        <v>0</v>
      </c>
      <c r="R9" s="261">
        <v>0</v>
      </c>
      <c r="S9" s="261">
        <v>28</v>
      </c>
      <c r="T9" s="261">
        <v>17</v>
      </c>
      <c r="U9" s="261">
        <v>54</v>
      </c>
      <c r="V9" s="261">
        <v>79</v>
      </c>
      <c r="W9" s="258">
        <v>178</v>
      </c>
      <c r="X9" s="263">
        <v>178</v>
      </c>
      <c r="Y9" s="257">
        <v>24</v>
      </c>
      <c r="Z9" s="261">
        <v>201</v>
      </c>
      <c r="AA9" s="258">
        <v>225</v>
      </c>
      <c r="AB9" s="260">
        <v>0</v>
      </c>
      <c r="AC9" s="261">
        <v>317</v>
      </c>
      <c r="AD9" s="261">
        <v>923</v>
      </c>
      <c r="AE9" s="261">
        <v>628</v>
      </c>
      <c r="AF9" s="261">
        <v>551</v>
      </c>
      <c r="AG9" s="261">
        <v>471</v>
      </c>
      <c r="AH9" s="258">
        <v>2890</v>
      </c>
      <c r="AI9" s="263">
        <v>3115</v>
      </c>
      <c r="AJ9" s="257">
        <v>0</v>
      </c>
      <c r="AK9" s="261">
        <v>51</v>
      </c>
      <c r="AL9" s="258">
        <v>51</v>
      </c>
      <c r="AM9" s="260">
        <v>0</v>
      </c>
      <c r="AN9" s="261">
        <v>30</v>
      </c>
      <c r="AO9" s="261">
        <v>76</v>
      </c>
      <c r="AP9" s="261">
        <v>70</v>
      </c>
      <c r="AQ9" s="261">
        <v>30</v>
      </c>
      <c r="AR9" s="261">
        <v>10</v>
      </c>
      <c r="AS9" s="258">
        <v>216</v>
      </c>
      <c r="AT9" s="263">
        <v>267</v>
      </c>
      <c r="AU9" s="257">
        <v>0</v>
      </c>
      <c r="AV9" s="261">
        <v>0</v>
      </c>
      <c r="AW9" s="258">
        <v>0</v>
      </c>
      <c r="AX9" s="260">
        <v>0</v>
      </c>
      <c r="AY9" s="261">
        <v>804</v>
      </c>
      <c r="AZ9" s="261">
        <v>703</v>
      </c>
      <c r="BA9" s="261">
        <v>693</v>
      </c>
      <c r="BB9" s="261">
        <v>210</v>
      </c>
      <c r="BC9" s="261">
        <v>144</v>
      </c>
      <c r="BD9" s="262">
        <v>2554</v>
      </c>
      <c r="BE9" s="263">
        <v>2554</v>
      </c>
      <c r="BF9" s="257">
        <v>0</v>
      </c>
      <c r="BG9" s="261">
        <v>0</v>
      </c>
      <c r="BH9" s="258">
        <v>0</v>
      </c>
      <c r="BI9" s="260">
        <v>0</v>
      </c>
      <c r="BJ9" s="261">
        <v>48</v>
      </c>
      <c r="BK9" s="261">
        <v>166</v>
      </c>
      <c r="BL9" s="261">
        <v>97</v>
      </c>
      <c r="BM9" s="261">
        <v>65</v>
      </c>
      <c r="BN9" s="261">
        <v>0</v>
      </c>
      <c r="BO9" s="258">
        <v>376</v>
      </c>
      <c r="BP9" s="263">
        <v>376</v>
      </c>
      <c r="BQ9" s="257">
        <v>0</v>
      </c>
      <c r="BR9" s="261">
        <v>21</v>
      </c>
      <c r="BS9" s="258">
        <v>21</v>
      </c>
      <c r="BT9" s="260">
        <v>0</v>
      </c>
      <c r="BU9" s="261">
        <v>90</v>
      </c>
      <c r="BV9" s="261">
        <v>183</v>
      </c>
      <c r="BW9" s="261">
        <v>157</v>
      </c>
      <c r="BX9" s="261">
        <v>193</v>
      </c>
      <c r="BY9" s="261">
        <v>99</v>
      </c>
      <c r="BZ9" s="258">
        <v>722</v>
      </c>
      <c r="CA9" s="263">
        <v>743</v>
      </c>
      <c r="CB9" s="257">
        <v>0</v>
      </c>
      <c r="CC9" s="261">
        <v>0</v>
      </c>
      <c r="CD9" s="258">
        <v>0</v>
      </c>
      <c r="CE9" s="260">
        <v>0</v>
      </c>
      <c r="CF9" s="261">
        <v>0</v>
      </c>
      <c r="CG9" s="261">
        <v>26</v>
      </c>
      <c r="CH9" s="261">
        <v>7</v>
      </c>
      <c r="CI9" s="261">
        <v>3</v>
      </c>
      <c r="CJ9" s="261">
        <v>0</v>
      </c>
      <c r="CK9" s="258">
        <v>36</v>
      </c>
      <c r="CL9" s="263">
        <v>36</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58">
        <v>0</v>
      </c>
      <c r="E10" s="259">
        <v>0</v>
      </c>
      <c r="F10" s="260">
        <v>0</v>
      </c>
      <c r="G10" s="261">
        <v>843</v>
      </c>
      <c r="H10" s="261">
        <v>523</v>
      </c>
      <c r="I10" s="261">
        <v>715</v>
      </c>
      <c r="J10" s="261">
        <v>738</v>
      </c>
      <c r="K10" s="261">
        <v>105</v>
      </c>
      <c r="L10" s="262">
        <v>2924</v>
      </c>
      <c r="M10" s="263">
        <v>2924</v>
      </c>
      <c r="N10" s="257">
        <v>0</v>
      </c>
      <c r="O10" s="261">
        <v>0</v>
      </c>
      <c r="P10" s="258">
        <v>0</v>
      </c>
      <c r="Q10" s="260">
        <v>0</v>
      </c>
      <c r="R10" s="261">
        <v>4</v>
      </c>
      <c r="S10" s="261">
        <v>6</v>
      </c>
      <c r="T10" s="261">
        <v>9</v>
      </c>
      <c r="U10" s="261">
        <v>16</v>
      </c>
      <c r="V10" s="261">
        <v>49</v>
      </c>
      <c r="W10" s="258">
        <v>84</v>
      </c>
      <c r="X10" s="263">
        <v>84</v>
      </c>
      <c r="Y10" s="257">
        <v>0</v>
      </c>
      <c r="Z10" s="261">
        <v>0</v>
      </c>
      <c r="AA10" s="258">
        <v>0</v>
      </c>
      <c r="AB10" s="260">
        <v>0</v>
      </c>
      <c r="AC10" s="261">
        <v>289</v>
      </c>
      <c r="AD10" s="261">
        <v>262</v>
      </c>
      <c r="AE10" s="261">
        <v>203</v>
      </c>
      <c r="AF10" s="261">
        <v>165</v>
      </c>
      <c r="AG10" s="261">
        <v>187</v>
      </c>
      <c r="AH10" s="258">
        <v>1106</v>
      </c>
      <c r="AI10" s="263">
        <v>1106</v>
      </c>
      <c r="AJ10" s="257">
        <v>22</v>
      </c>
      <c r="AK10" s="261">
        <v>0</v>
      </c>
      <c r="AL10" s="258">
        <v>22</v>
      </c>
      <c r="AM10" s="260">
        <v>0</v>
      </c>
      <c r="AN10" s="261">
        <v>62</v>
      </c>
      <c r="AO10" s="261">
        <v>36</v>
      </c>
      <c r="AP10" s="261">
        <v>0</v>
      </c>
      <c r="AQ10" s="261">
        <v>51</v>
      </c>
      <c r="AR10" s="261">
        <v>0</v>
      </c>
      <c r="AS10" s="258">
        <v>149</v>
      </c>
      <c r="AT10" s="263">
        <v>171</v>
      </c>
      <c r="AU10" s="257">
        <v>0</v>
      </c>
      <c r="AV10" s="261">
        <v>0</v>
      </c>
      <c r="AW10" s="258">
        <v>0</v>
      </c>
      <c r="AX10" s="260">
        <v>0</v>
      </c>
      <c r="AY10" s="261">
        <v>561</v>
      </c>
      <c r="AZ10" s="261">
        <v>304</v>
      </c>
      <c r="BA10" s="261">
        <v>199</v>
      </c>
      <c r="BB10" s="261">
        <v>70</v>
      </c>
      <c r="BC10" s="261">
        <v>24</v>
      </c>
      <c r="BD10" s="262">
        <v>1158</v>
      </c>
      <c r="BE10" s="263">
        <v>1158</v>
      </c>
      <c r="BF10" s="257">
        <v>0</v>
      </c>
      <c r="BG10" s="261">
        <v>0</v>
      </c>
      <c r="BH10" s="258">
        <v>0</v>
      </c>
      <c r="BI10" s="260">
        <v>0</v>
      </c>
      <c r="BJ10" s="261">
        <v>117</v>
      </c>
      <c r="BK10" s="261">
        <v>52</v>
      </c>
      <c r="BL10" s="261">
        <v>41</v>
      </c>
      <c r="BM10" s="261">
        <v>53</v>
      </c>
      <c r="BN10" s="261">
        <v>13</v>
      </c>
      <c r="BO10" s="258">
        <v>276</v>
      </c>
      <c r="BP10" s="263">
        <v>276</v>
      </c>
      <c r="BQ10" s="257">
        <v>0</v>
      </c>
      <c r="BR10" s="261">
        <v>0</v>
      </c>
      <c r="BS10" s="258">
        <v>0</v>
      </c>
      <c r="BT10" s="260">
        <v>0</v>
      </c>
      <c r="BU10" s="261">
        <v>63</v>
      </c>
      <c r="BV10" s="261">
        <v>133</v>
      </c>
      <c r="BW10" s="261">
        <v>41</v>
      </c>
      <c r="BX10" s="261">
        <v>46</v>
      </c>
      <c r="BY10" s="261">
        <v>38</v>
      </c>
      <c r="BZ10" s="258">
        <v>321</v>
      </c>
      <c r="CA10" s="263">
        <v>321</v>
      </c>
      <c r="CB10" s="257">
        <v>0</v>
      </c>
      <c r="CC10" s="261">
        <v>0</v>
      </c>
      <c r="CD10" s="258">
        <v>0</v>
      </c>
      <c r="CE10" s="260">
        <v>0</v>
      </c>
      <c r="CF10" s="261">
        <v>5</v>
      </c>
      <c r="CG10" s="261">
        <v>22</v>
      </c>
      <c r="CH10" s="261">
        <v>0</v>
      </c>
      <c r="CI10" s="261">
        <v>0</v>
      </c>
      <c r="CJ10" s="261">
        <v>0</v>
      </c>
      <c r="CK10" s="258">
        <v>27</v>
      </c>
      <c r="CL10" s="263">
        <v>27</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58">
        <v>0</v>
      </c>
      <c r="E11" s="259">
        <v>0</v>
      </c>
      <c r="F11" s="260">
        <v>0</v>
      </c>
      <c r="G11" s="261">
        <v>233</v>
      </c>
      <c r="H11" s="261">
        <v>280</v>
      </c>
      <c r="I11" s="261">
        <v>447</v>
      </c>
      <c r="J11" s="261">
        <v>317</v>
      </c>
      <c r="K11" s="261">
        <v>456</v>
      </c>
      <c r="L11" s="262">
        <v>1733</v>
      </c>
      <c r="M11" s="263">
        <v>1733</v>
      </c>
      <c r="N11" s="257">
        <v>0</v>
      </c>
      <c r="O11" s="261">
        <v>0</v>
      </c>
      <c r="P11" s="258">
        <v>0</v>
      </c>
      <c r="Q11" s="260">
        <v>0</v>
      </c>
      <c r="R11" s="261">
        <v>0</v>
      </c>
      <c r="S11" s="261">
        <v>0</v>
      </c>
      <c r="T11" s="261">
        <v>4</v>
      </c>
      <c r="U11" s="261">
        <v>22</v>
      </c>
      <c r="V11" s="261">
        <v>13</v>
      </c>
      <c r="W11" s="258">
        <v>39</v>
      </c>
      <c r="X11" s="263">
        <v>39</v>
      </c>
      <c r="Y11" s="257">
        <v>14</v>
      </c>
      <c r="Z11" s="261">
        <v>48</v>
      </c>
      <c r="AA11" s="258">
        <v>62</v>
      </c>
      <c r="AB11" s="260">
        <v>0</v>
      </c>
      <c r="AC11" s="261">
        <v>140</v>
      </c>
      <c r="AD11" s="261">
        <v>153</v>
      </c>
      <c r="AE11" s="261">
        <v>74</v>
      </c>
      <c r="AF11" s="261">
        <v>121</v>
      </c>
      <c r="AG11" s="261">
        <v>89</v>
      </c>
      <c r="AH11" s="258">
        <v>577</v>
      </c>
      <c r="AI11" s="263">
        <v>639</v>
      </c>
      <c r="AJ11" s="257">
        <v>0</v>
      </c>
      <c r="AK11" s="261">
        <v>16</v>
      </c>
      <c r="AL11" s="258">
        <v>16</v>
      </c>
      <c r="AM11" s="260">
        <v>0</v>
      </c>
      <c r="AN11" s="261">
        <v>56</v>
      </c>
      <c r="AO11" s="261">
        <v>113</v>
      </c>
      <c r="AP11" s="261">
        <v>52</v>
      </c>
      <c r="AQ11" s="261">
        <v>34</v>
      </c>
      <c r="AR11" s="261">
        <v>39</v>
      </c>
      <c r="AS11" s="258">
        <v>294</v>
      </c>
      <c r="AT11" s="263">
        <v>310</v>
      </c>
      <c r="AU11" s="257">
        <v>0</v>
      </c>
      <c r="AV11" s="261">
        <v>0</v>
      </c>
      <c r="AW11" s="258">
        <v>0</v>
      </c>
      <c r="AX11" s="260">
        <v>0</v>
      </c>
      <c r="AY11" s="261">
        <v>202</v>
      </c>
      <c r="AZ11" s="261">
        <v>240</v>
      </c>
      <c r="BA11" s="261">
        <v>48</v>
      </c>
      <c r="BB11" s="261">
        <v>130</v>
      </c>
      <c r="BC11" s="261">
        <v>32</v>
      </c>
      <c r="BD11" s="262">
        <v>652</v>
      </c>
      <c r="BE11" s="263">
        <v>652</v>
      </c>
      <c r="BF11" s="257">
        <v>0</v>
      </c>
      <c r="BG11" s="261">
        <v>0</v>
      </c>
      <c r="BH11" s="258">
        <v>0</v>
      </c>
      <c r="BI11" s="260">
        <v>0</v>
      </c>
      <c r="BJ11" s="261">
        <v>72</v>
      </c>
      <c r="BK11" s="261">
        <v>77</v>
      </c>
      <c r="BL11" s="261">
        <v>82</v>
      </c>
      <c r="BM11" s="261">
        <v>54</v>
      </c>
      <c r="BN11" s="261">
        <v>32</v>
      </c>
      <c r="BO11" s="258">
        <v>317</v>
      </c>
      <c r="BP11" s="263">
        <v>317</v>
      </c>
      <c r="BQ11" s="257">
        <v>0</v>
      </c>
      <c r="BR11" s="261">
        <v>8</v>
      </c>
      <c r="BS11" s="258">
        <v>8</v>
      </c>
      <c r="BT11" s="260">
        <v>0</v>
      </c>
      <c r="BU11" s="261">
        <v>18</v>
      </c>
      <c r="BV11" s="261">
        <v>23</v>
      </c>
      <c r="BW11" s="261">
        <v>94</v>
      </c>
      <c r="BX11" s="261">
        <v>104</v>
      </c>
      <c r="BY11" s="261">
        <v>0</v>
      </c>
      <c r="BZ11" s="258">
        <v>239</v>
      </c>
      <c r="CA11" s="263">
        <v>247</v>
      </c>
      <c r="CB11" s="257">
        <v>0</v>
      </c>
      <c r="CC11" s="261">
        <v>0</v>
      </c>
      <c r="CD11" s="258">
        <v>0</v>
      </c>
      <c r="CE11" s="260">
        <v>0</v>
      </c>
      <c r="CF11" s="261">
        <v>0</v>
      </c>
      <c r="CG11" s="261">
        <v>0</v>
      </c>
      <c r="CH11" s="261">
        <v>0</v>
      </c>
      <c r="CI11" s="261">
        <v>3</v>
      </c>
      <c r="CJ11" s="261">
        <v>0</v>
      </c>
      <c r="CK11" s="258">
        <v>3</v>
      </c>
      <c r="CL11" s="263">
        <v>3</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58">
        <v>0</v>
      </c>
      <c r="E12" s="259">
        <v>0</v>
      </c>
      <c r="F12" s="260">
        <v>0</v>
      </c>
      <c r="G12" s="261">
        <v>742</v>
      </c>
      <c r="H12" s="261">
        <v>849</v>
      </c>
      <c r="I12" s="261">
        <v>1161</v>
      </c>
      <c r="J12" s="261">
        <v>1442</v>
      </c>
      <c r="K12" s="261">
        <v>1823</v>
      </c>
      <c r="L12" s="262">
        <v>6017</v>
      </c>
      <c r="M12" s="263">
        <v>6017</v>
      </c>
      <c r="N12" s="257">
        <v>0</v>
      </c>
      <c r="O12" s="261">
        <v>0</v>
      </c>
      <c r="P12" s="258">
        <v>0</v>
      </c>
      <c r="Q12" s="260">
        <v>0</v>
      </c>
      <c r="R12" s="261">
        <v>6</v>
      </c>
      <c r="S12" s="261">
        <v>5</v>
      </c>
      <c r="T12" s="261">
        <v>0</v>
      </c>
      <c r="U12" s="261">
        <v>39</v>
      </c>
      <c r="V12" s="261">
        <v>86</v>
      </c>
      <c r="W12" s="258">
        <v>136</v>
      </c>
      <c r="X12" s="263">
        <v>136</v>
      </c>
      <c r="Y12" s="257">
        <v>67</v>
      </c>
      <c r="Z12" s="261">
        <v>91</v>
      </c>
      <c r="AA12" s="258">
        <v>158</v>
      </c>
      <c r="AB12" s="260">
        <v>0</v>
      </c>
      <c r="AC12" s="261">
        <v>503</v>
      </c>
      <c r="AD12" s="261">
        <v>426</v>
      </c>
      <c r="AE12" s="261">
        <v>341</v>
      </c>
      <c r="AF12" s="261">
        <v>303</v>
      </c>
      <c r="AG12" s="261">
        <v>354</v>
      </c>
      <c r="AH12" s="258">
        <v>1927</v>
      </c>
      <c r="AI12" s="263">
        <v>2085</v>
      </c>
      <c r="AJ12" s="257">
        <v>0</v>
      </c>
      <c r="AK12" s="261">
        <v>31</v>
      </c>
      <c r="AL12" s="258">
        <v>31</v>
      </c>
      <c r="AM12" s="260">
        <v>0</v>
      </c>
      <c r="AN12" s="261">
        <v>44</v>
      </c>
      <c r="AO12" s="261">
        <v>153</v>
      </c>
      <c r="AP12" s="261">
        <v>83</v>
      </c>
      <c r="AQ12" s="261">
        <v>86</v>
      </c>
      <c r="AR12" s="261">
        <v>47</v>
      </c>
      <c r="AS12" s="258">
        <v>413</v>
      </c>
      <c r="AT12" s="263">
        <v>444</v>
      </c>
      <c r="AU12" s="257">
        <v>0</v>
      </c>
      <c r="AV12" s="261">
        <v>0</v>
      </c>
      <c r="AW12" s="258">
        <v>0</v>
      </c>
      <c r="AX12" s="260">
        <v>0</v>
      </c>
      <c r="AY12" s="261">
        <v>427</v>
      </c>
      <c r="AZ12" s="261">
        <v>247</v>
      </c>
      <c r="BA12" s="261">
        <v>167</v>
      </c>
      <c r="BB12" s="261">
        <v>203</v>
      </c>
      <c r="BC12" s="261">
        <v>32</v>
      </c>
      <c r="BD12" s="262">
        <v>1076</v>
      </c>
      <c r="BE12" s="263">
        <v>1076</v>
      </c>
      <c r="BF12" s="257">
        <v>0</v>
      </c>
      <c r="BG12" s="261">
        <v>0</v>
      </c>
      <c r="BH12" s="258">
        <v>0</v>
      </c>
      <c r="BI12" s="260">
        <v>0</v>
      </c>
      <c r="BJ12" s="261">
        <v>73</v>
      </c>
      <c r="BK12" s="261">
        <v>99</v>
      </c>
      <c r="BL12" s="261">
        <v>59</v>
      </c>
      <c r="BM12" s="261">
        <v>89</v>
      </c>
      <c r="BN12" s="261">
        <v>4</v>
      </c>
      <c r="BO12" s="258">
        <v>324</v>
      </c>
      <c r="BP12" s="263">
        <v>324</v>
      </c>
      <c r="BQ12" s="257">
        <v>8</v>
      </c>
      <c r="BR12" s="261">
        <v>3</v>
      </c>
      <c r="BS12" s="258">
        <v>11</v>
      </c>
      <c r="BT12" s="260">
        <v>0</v>
      </c>
      <c r="BU12" s="261">
        <v>16</v>
      </c>
      <c r="BV12" s="261">
        <v>68</v>
      </c>
      <c r="BW12" s="261">
        <v>43</v>
      </c>
      <c r="BX12" s="261">
        <v>128</v>
      </c>
      <c r="BY12" s="261">
        <v>48</v>
      </c>
      <c r="BZ12" s="258">
        <v>303</v>
      </c>
      <c r="CA12" s="263">
        <v>314</v>
      </c>
      <c r="CB12" s="257">
        <v>0</v>
      </c>
      <c r="CC12" s="261">
        <v>0</v>
      </c>
      <c r="CD12" s="258">
        <v>0</v>
      </c>
      <c r="CE12" s="260">
        <v>0</v>
      </c>
      <c r="CF12" s="261">
        <v>0</v>
      </c>
      <c r="CG12" s="261">
        <v>35</v>
      </c>
      <c r="CH12" s="261">
        <v>11</v>
      </c>
      <c r="CI12" s="261">
        <v>-4</v>
      </c>
      <c r="CJ12" s="261">
        <v>-2</v>
      </c>
      <c r="CK12" s="258">
        <v>40</v>
      </c>
      <c r="CL12" s="263">
        <v>40</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58">
        <v>0</v>
      </c>
      <c r="E13" s="259">
        <v>0</v>
      </c>
      <c r="F13" s="260">
        <v>0</v>
      </c>
      <c r="G13" s="261">
        <v>1439</v>
      </c>
      <c r="H13" s="261">
        <v>1084</v>
      </c>
      <c r="I13" s="261">
        <v>1455</v>
      </c>
      <c r="J13" s="261">
        <v>1722</v>
      </c>
      <c r="K13" s="261">
        <v>1558</v>
      </c>
      <c r="L13" s="262">
        <v>7258</v>
      </c>
      <c r="M13" s="263">
        <v>7258</v>
      </c>
      <c r="N13" s="257">
        <v>0</v>
      </c>
      <c r="O13" s="261">
        <v>0</v>
      </c>
      <c r="P13" s="258">
        <v>0</v>
      </c>
      <c r="Q13" s="260">
        <v>0</v>
      </c>
      <c r="R13" s="261">
        <v>5</v>
      </c>
      <c r="S13" s="261">
        <v>4</v>
      </c>
      <c r="T13" s="261">
        <v>10</v>
      </c>
      <c r="U13" s="261">
        <v>8</v>
      </c>
      <c r="V13" s="261">
        <v>42</v>
      </c>
      <c r="W13" s="258">
        <v>69</v>
      </c>
      <c r="X13" s="263">
        <v>69</v>
      </c>
      <c r="Y13" s="257">
        <v>81</v>
      </c>
      <c r="Z13" s="261">
        <v>240</v>
      </c>
      <c r="AA13" s="258">
        <v>321</v>
      </c>
      <c r="AB13" s="260">
        <v>0</v>
      </c>
      <c r="AC13" s="261">
        <v>693</v>
      </c>
      <c r="AD13" s="261">
        <v>443</v>
      </c>
      <c r="AE13" s="261">
        <v>194</v>
      </c>
      <c r="AF13" s="261">
        <v>226</v>
      </c>
      <c r="AG13" s="261">
        <v>174</v>
      </c>
      <c r="AH13" s="258">
        <v>1730</v>
      </c>
      <c r="AI13" s="263">
        <v>2051</v>
      </c>
      <c r="AJ13" s="257">
        <v>52</v>
      </c>
      <c r="AK13" s="261">
        <v>48</v>
      </c>
      <c r="AL13" s="258">
        <v>100</v>
      </c>
      <c r="AM13" s="260">
        <v>0</v>
      </c>
      <c r="AN13" s="261">
        <v>101</v>
      </c>
      <c r="AO13" s="261">
        <v>154</v>
      </c>
      <c r="AP13" s="261">
        <v>48</v>
      </c>
      <c r="AQ13" s="261">
        <v>8</v>
      </c>
      <c r="AR13" s="261">
        <v>41</v>
      </c>
      <c r="AS13" s="258">
        <v>352</v>
      </c>
      <c r="AT13" s="263">
        <v>452</v>
      </c>
      <c r="AU13" s="257">
        <v>0</v>
      </c>
      <c r="AV13" s="261">
        <v>0</v>
      </c>
      <c r="AW13" s="258">
        <v>0</v>
      </c>
      <c r="AX13" s="260">
        <v>0</v>
      </c>
      <c r="AY13" s="261">
        <v>874</v>
      </c>
      <c r="AZ13" s="261">
        <v>613</v>
      </c>
      <c r="BA13" s="261">
        <v>335</v>
      </c>
      <c r="BB13" s="261">
        <v>233</v>
      </c>
      <c r="BC13" s="261">
        <v>74</v>
      </c>
      <c r="BD13" s="262">
        <v>2129</v>
      </c>
      <c r="BE13" s="263">
        <v>2129</v>
      </c>
      <c r="BF13" s="257">
        <v>0</v>
      </c>
      <c r="BG13" s="261">
        <v>0</v>
      </c>
      <c r="BH13" s="258">
        <v>0</v>
      </c>
      <c r="BI13" s="260">
        <v>0</v>
      </c>
      <c r="BJ13" s="261">
        <v>200</v>
      </c>
      <c r="BK13" s="261">
        <v>120</v>
      </c>
      <c r="BL13" s="261">
        <v>49</v>
      </c>
      <c r="BM13" s="261">
        <v>15</v>
      </c>
      <c r="BN13" s="261">
        <v>5</v>
      </c>
      <c r="BO13" s="258">
        <v>389</v>
      </c>
      <c r="BP13" s="263">
        <v>389</v>
      </c>
      <c r="BQ13" s="257">
        <v>0</v>
      </c>
      <c r="BR13" s="261">
        <v>13</v>
      </c>
      <c r="BS13" s="258">
        <v>13</v>
      </c>
      <c r="BT13" s="260">
        <v>0</v>
      </c>
      <c r="BU13" s="261">
        <v>77</v>
      </c>
      <c r="BV13" s="261">
        <v>96</v>
      </c>
      <c r="BW13" s="261">
        <v>205</v>
      </c>
      <c r="BX13" s="261">
        <v>181</v>
      </c>
      <c r="BY13" s="261">
        <v>23</v>
      </c>
      <c r="BZ13" s="258">
        <v>582</v>
      </c>
      <c r="CA13" s="263">
        <v>595</v>
      </c>
      <c r="CB13" s="257">
        <v>0</v>
      </c>
      <c r="CC13" s="261">
        <v>0</v>
      </c>
      <c r="CD13" s="258">
        <v>0</v>
      </c>
      <c r="CE13" s="260">
        <v>0</v>
      </c>
      <c r="CF13" s="261">
        <v>16</v>
      </c>
      <c r="CG13" s="261">
        <v>35</v>
      </c>
      <c r="CH13" s="261">
        <v>0</v>
      </c>
      <c r="CI13" s="261">
        <v>0</v>
      </c>
      <c r="CJ13" s="261">
        <v>2</v>
      </c>
      <c r="CK13" s="258">
        <v>53</v>
      </c>
      <c r="CL13" s="263">
        <v>53</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58">
        <v>0</v>
      </c>
      <c r="E14" s="259">
        <v>0</v>
      </c>
      <c r="F14" s="260">
        <v>0</v>
      </c>
      <c r="G14" s="261">
        <v>126</v>
      </c>
      <c r="H14" s="261">
        <v>193</v>
      </c>
      <c r="I14" s="261">
        <v>314</v>
      </c>
      <c r="J14" s="261">
        <v>373</v>
      </c>
      <c r="K14" s="261">
        <v>237</v>
      </c>
      <c r="L14" s="262">
        <v>1243</v>
      </c>
      <c r="M14" s="263">
        <v>1243</v>
      </c>
      <c r="N14" s="257">
        <v>0</v>
      </c>
      <c r="O14" s="261">
        <v>0</v>
      </c>
      <c r="P14" s="258">
        <v>0</v>
      </c>
      <c r="Q14" s="260">
        <v>0</v>
      </c>
      <c r="R14" s="261">
        <v>0</v>
      </c>
      <c r="S14" s="261">
        <v>0</v>
      </c>
      <c r="T14" s="261">
        <v>0</v>
      </c>
      <c r="U14" s="261">
        <v>27</v>
      </c>
      <c r="V14" s="261">
        <v>22</v>
      </c>
      <c r="W14" s="258">
        <v>49</v>
      </c>
      <c r="X14" s="263">
        <v>49</v>
      </c>
      <c r="Y14" s="257">
        <v>18</v>
      </c>
      <c r="Z14" s="261">
        <v>8</v>
      </c>
      <c r="AA14" s="258">
        <v>26</v>
      </c>
      <c r="AB14" s="260">
        <v>0</v>
      </c>
      <c r="AC14" s="261">
        <v>241</v>
      </c>
      <c r="AD14" s="261">
        <v>180</v>
      </c>
      <c r="AE14" s="261">
        <v>106</v>
      </c>
      <c r="AF14" s="261">
        <v>204</v>
      </c>
      <c r="AG14" s="261">
        <v>66</v>
      </c>
      <c r="AH14" s="258">
        <v>797</v>
      </c>
      <c r="AI14" s="263">
        <v>823</v>
      </c>
      <c r="AJ14" s="257">
        <v>0</v>
      </c>
      <c r="AK14" s="261">
        <v>9</v>
      </c>
      <c r="AL14" s="258">
        <v>9</v>
      </c>
      <c r="AM14" s="260">
        <v>0</v>
      </c>
      <c r="AN14" s="261">
        <v>24</v>
      </c>
      <c r="AO14" s="261">
        <v>19</v>
      </c>
      <c r="AP14" s="261">
        <v>0</v>
      </c>
      <c r="AQ14" s="261">
        <v>15</v>
      </c>
      <c r="AR14" s="261">
        <v>30</v>
      </c>
      <c r="AS14" s="258">
        <v>88</v>
      </c>
      <c r="AT14" s="263">
        <v>97</v>
      </c>
      <c r="AU14" s="257">
        <v>0</v>
      </c>
      <c r="AV14" s="261">
        <v>0</v>
      </c>
      <c r="AW14" s="258">
        <v>0</v>
      </c>
      <c r="AX14" s="260">
        <v>0</v>
      </c>
      <c r="AY14" s="261">
        <v>114</v>
      </c>
      <c r="AZ14" s="261">
        <v>149</v>
      </c>
      <c r="BA14" s="261">
        <v>112</v>
      </c>
      <c r="BB14" s="261">
        <v>105</v>
      </c>
      <c r="BC14" s="261">
        <v>26</v>
      </c>
      <c r="BD14" s="262">
        <v>506</v>
      </c>
      <c r="BE14" s="263">
        <v>506</v>
      </c>
      <c r="BF14" s="257">
        <v>0</v>
      </c>
      <c r="BG14" s="261">
        <v>0</v>
      </c>
      <c r="BH14" s="258">
        <v>0</v>
      </c>
      <c r="BI14" s="260">
        <v>0</v>
      </c>
      <c r="BJ14" s="261">
        <v>84</v>
      </c>
      <c r="BK14" s="261">
        <v>103</v>
      </c>
      <c r="BL14" s="261">
        <v>61</v>
      </c>
      <c r="BM14" s="261">
        <v>16</v>
      </c>
      <c r="BN14" s="261">
        <v>9</v>
      </c>
      <c r="BO14" s="258">
        <v>273</v>
      </c>
      <c r="BP14" s="263">
        <v>273</v>
      </c>
      <c r="BQ14" s="257">
        <v>0</v>
      </c>
      <c r="BR14" s="261">
        <v>0</v>
      </c>
      <c r="BS14" s="258">
        <v>0</v>
      </c>
      <c r="BT14" s="260">
        <v>0</v>
      </c>
      <c r="BU14" s="261">
        <v>27</v>
      </c>
      <c r="BV14" s="261">
        <v>41</v>
      </c>
      <c r="BW14" s="261">
        <v>23</v>
      </c>
      <c r="BX14" s="261">
        <v>12</v>
      </c>
      <c r="BY14" s="261">
        <v>41</v>
      </c>
      <c r="BZ14" s="258">
        <v>144</v>
      </c>
      <c r="CA14" s="263">
        <v>144</v>
      </c>
      <c r="CB14" s="257">
        <v>0</v>
      </c>
      <c r="CC14" s="261">
        <v>0</v>
      </c>
      <c r="CD14" s="258">
        <v>0</v>
      </c>
      <c r="CE14" s="260">
        <v>0</v>
      </c>
      <c r="CF14" s="261">
        <v>0</v>
      </c>
      <c r="CG14" s="261">
        <v>0</v>
      </c>
      <c r="CH14" s="261">
        <v>9</v>
      </c>
      <c r="CI14" s="261">
        <v>5</v>
      </c>
      <c r="CJ14" s="261">
        <v>16</v>
      </c>
      <c r="CK14" s="258">
        <v>30</v>
      </c>
      <c r="CL14" s="263">
        <v>30</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58">
        <v>0</v>
      </c>
      <c r="E15" s="259">
        <v>0</v>
      </c>
      <c r="F15" s="260">
        <v>0</v>
      </c>
      <c r="G15" s="261">
        <v>461</v>
      </c>
      <c r="H15" s="261">
        <v>664</v>
      </c>
      <c r="I15" s="261">
        <v>1098</v>
      </c>
      <c r="J15" s="261">
        <v>701</v>
      </c>
      <c r="K15" s="261">
        <v>667</v>
      </c>
      <c r="L15" s="262">
        <v>3591</v>
      </c>
      <c r="M15" s="263">
        <v>3591</v>
      </c>
      <c r="N15" s="257">
        <v>0</v>
      </c>
      <c r="O15" s="261">
        <v>0</v>
      </c>
      <c r="P15" s="258">
        <v>0</v>
      </c>
      <c r="Q15" s="260">
        <v>0</v>
      </c>
      <c r="R15" s="261">
        <v>0</v>
      </c>
      <c r="S15" s="261">
        <v>9</v>
      </c>
      <c r="T15" s="261">
        <v>15</v>
      </c>
      <c r="U15" s="261">
        <v>4</v>
      </c>
      <c r="V15" s="261">
        <v>47</v>
      </c>
      <c r="W15" s="258">
        <v>75</v>
      </c>
      <c r="X15" s="263">
        <v>75</v>
      </c>
      <c r="Y15" s="257">
        <v>39</v>
      </c>
      <c r="Z15" s="261">
        <v>194</v>
      </c>
      <c r="AA15" s="258">
        <v>233</v>
      </c>
      <c r="AB15" s="260">
        <v>0</v>
      </c>
      <c r="AC15" s="261">
        <v>157</v>
      </c>
      <c r="AD15" s="261">
        <v>186</v>
      </c>
      <c r="AE15" s="261">
        <v>207</v>
      </c>
      <c r="AF15" s="261">
        <v>159</v>
      </c>
      <c r="AG15" s="261">
        <v>144</v>
      </c>
      <c r="AH15" s="258">
        <v>853</v>
      </c>
      <c r="AI15" s="263">
        <v>1086</v>
      </c>
      <c r="AJ15" s="257">
        <v>0</v>
      </c>
      <c r="AK15" s="261">
        <v>20</v>
      </c>
      <c r="AL15" s="258">
        <v>20</v>
      </c>
      <c r="AM15" s="260">
        <v>0</v>
      </c>
      <c r="AN15" s="261">
        <v>34</v>
      </c>
      <c r="AO15" s="261">
        <v>0</v>
      </c>
      <c r="AP15" s="261">
        <v>37</v>
      </c>
      <c r="AQ15" s="261">
        <v>32</v>
      </c>
      <c r="AR15" s="261">
        <v>0</v>
      </c>
      <c r="AS15" s="258">
        <v>103</v>
      </c>
      <c r="AT15" s="263">
        <v>123</v>
      </c>
      <c r="AU15" s="257">
        <v>0</v>
      </c>
      <c r="AV15" s="261">
        <v>0</v>
      </c>
      <c r="AW15" s="258">
        <v>0</v>
      </c>
      <c r="AX15" s="260">
        <v>0</v>
      </c>
      <c r="AY15" s="261">
        <v>386</v>
      </c>
      <c r="AZ15" s="261">
        <v>294</v>
      </c>
      <c r="BA15" s="261">
        <v>114</v>
      </c>
      <c r="BB15" s="261">
        <v>73</v>
      </c>
      <c r="BC15" s="261">
        <v>67</v>
      </c>
      <c r="BD15" s="262">
        <v>934</v>
      </c>
      <c r="BE15" s="263">
        <v>934</v>
      </c>
      <c r="BF15" s="257">
        <v>0</v>
      </c>
      <c r="BG15" s="261">
        <v>0</v>
      </c>
      <c r="BH15" s="258">
        <v>0</v>
      </c>
      <c r="BI15" s="260">
        <v>0</v>
      </c>
      <c r="BJ15" s="261">
        <v>120</v>
      </c>
      <c r="BK15" s="261">
        <v>84</v>
      </c>
      <c r="BL15" s="261">
        <v>89</v>
      </c>
      <c r="BM15" s="261">
        <v>44</v>
      </c>
      <c r="BN15" s="261">
        <v>9</v>
      </c>
      <c r="BO15" s="258">
        <v>346</v>
      </c>
      <c r="BP15" s="263">
        <v>346</v>
      </c>
      <c r="BQ15" s="257">
        <v>4</v>
      </c>
      <c r="BR15" s="261">
        <v>0</v>
      </c>
      <c r="BS15" s="258">
        <v>4</v>
      </c>
      <c r="BT15" s="260">
        <v>0</v>
      </c>
      <c r="BU15" s="261">
        <v>71</v>
      </c>
      <c r="BV15" s="261">
        <v>29</v>
      </c>
      <c r="BW15" s="261">
        <v>140</v>
      </c>
      <c r="BX15" s="261">
        <v>23</v>
      </c>
      <c r="BY15" s="261">
        <v>34</v>
      </c>
      <c r="BZ15" s="258">
        <v>297</v>
      </c>
      <c r="CA15" s="263">
        <v>301</v>
      </c>
      <c r="CB15" s="257">
        <v>0</v>
      </c>
      <c r="CC15" s="261">
        <v>0</v>
      </c>
      <c r="CD15" s="258">
        <v>0</v>
      </c>
      <c r="CE15" s="260">
        <v>0</v>
      </c>
      <c r="CF15" s="261">
        <v>16</v>
      </c>
      <c r="CG15" s="261">
        <v>0</v>
      </c>
      <c r="CH15" s="261">
        <v>0</v>
      </c>
      <c r="CI15" s="261">
        <v>0</v>
      </c>
      <c r="CJ15" s="261">
        <v>0</v>
      </c>
      <c r="CK15" s="258">
        <v>16</v>
      </c>
      <c r="CL15" s="263">
        <v>16</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58">
        <v>0</v>
      </c>
      <c r="E16" s="259">
        <v>0</v>
      </c>
      <c r="F16" s="260">
        <v>0</v>
      </c>
      <c r="G16" s="261">
        <v>167</v>
      </c>
      <c r="H16" s="261">
        <v>518</v>
      </c>
      <c r="I16" s="261">
        <v>418</v>
      </c>
      <c r="J16" s="261">
        <v>242</v>
      </c>
      <c r="K16" s="261">
        <v>722</v>
      </c>
      <c r="L16" s="262">
        <v>2067</v>
      </c>
      <c r="M16" s="263">
        <v>2067</v>
      </c>
      <c r="N16" s="257">
        <v>0</v>
      </c>
      <c r="O16" s="261">
        <v>0</v>
      </c>
      <c r="P16" s="258">
        <v>0</v>
      </c>
      <c r="Q16" s="260">
        <v>0</v>
      </c>
      <c r="R16" s="261">
        <v>0</v>
      </c>
      <c r="S16" s="261">
        <v>0</v>
      </c>
      <c r="T16" s="261">
        <v>0</v>
      </c>
      <c r="U16" s="261">
        <v>13</v>
      </c>
      <c r="V16" s="261">
        <v>0</v>
      </c>
      <c r="W16" s="258">
        <v>13</v>
      </c>
      <c r="X16" s="263">
        <v>13</v>
      </c>
      <c r="Y16" s="257">
        <v>24</v>
      </c>
      <c r="Z16" s="261">
        <v>27</v>
      </c>
      <c r="AA16" s="258">
        <v>51</v>
      </c>
      <c r="AB16" s="260">
        <v>0</v>
      </c>
      <c r="AC16" s="261">
        <v>151</v>
      </c>
      <c r="AD16" s="261">
        <v>135</v>
      </c>
      <c r="AE16" s="261">
        <v>98</v>
      </c>
      <c r="AF16" s="261">
        <v>110</v>
      </c>
      <c r="AG16" s="261">
        <v>106</v>
      </c>
      <c r="AH16" s="258">
        <v>600</v>
      </c>
      <c r="AI16" s="263">
        <v>651</v>
      </c>
      <c r="AJ16" s="257">
        <v>0</v>
      </c>
      <c r="AK16" s="261">
        <v>0</v>
      </c>
      <c r="AL16" s="258">
        <v>0</v>
      </c>
      <c r="AM16" s="260">
        <v>0</v>
      </c>
      <c r="AN16" s="261">
        <v>6</v>
      </c>
      <c r="AO16" s="261">
        <v>68</v>
      </c>
      <c r="AP16" s="261">
        <v>0</v>
      </c>
      <c r="AQ16" s="261">
        <v>20</v>
      </c>
      <c r="AR16" s="261">
        <v>51</v>
      </c>
      <c r="AS16" s="258">
        <v>145</v>
      </c>
      <c r="AT16" s="263">
        <v>145</v>
      </c>
      <c r="AU16" s="257">
        <v>0</v>
      </c>
      <c r="AV16" s="261">
        <v>0</v>
      </c>
      <c r="AW16" s="258">
        <v>0</v>
      </c>
      <c r="AX16" s="260">
        <v>0</v>
      </c>
      <c r="AY16" s="261">
        <v>135</v>
      </c>
      <c r="AZ16" s="261">
        <v>134</v>
      </c>
      <c r="BA16" s="261">
        <v>81</v>
      </c>
      <c r="BB16" s="261">
        <v>16</v>
      </c>
      <c r="BC16" s="261">
        <v>3</v>
      </c>
      <c r="BD16" s="262">
        <v>369</v>
      </c>
      <c r="BE16" s="263">
        <v>369</v>
      </c>
      <c r="BF16" s="257">
        <v>0</v>
      </c>
      <c r="BG16" s="261">
        <v>0</v>
      </c>
      <c r="BH16" s="258">
        <v>0</v>
      </c>
      <c r="BI16" s="260">
        <v>0</v>
      </c>
      <c r="BJ16" s="261">
        <v>6</v>
      </c>
      <c r="BK16" s="261">
        <v>18</v>
      </c>
      <c r="BL16" s="261">
        <v>18</v>
      </c>
      <c r="BM16" s="261">
        <v>21</v>
      </c>
      <c r="BN16" s="261">
        <v>9</v>
      </c>
      <c r="BO16" s="258">
        <v>72</v>
      </c>
      <c r="BP16" s="263">
        <v>72</v>
      </c>
      <c r="BQ16" s="257">
        <v>0</v>
      </c>
      <c r="BR16" s="261">
        <v>0</v>
      </c>
      <c r="BS16" s="258">
        <v>0</v>
      </c>
      <c r="BT16" s="260">
        <v>0</v>
      </c>
      <c r="BU16" s="261">
        <v>3</v>
      </c>
      <c r="BV16" s="261">
        <v>6</v>
      </c>
      <c r="BW16" s="261">
        <v>7</v>
      </c>
      <c r="BX16" s="261">
        <v>11</v>
      </c>
      <c r="BY16" s="261">
        <v>0</v>
      </c>
      <c r="BZ16" s="258">
        <v>27</v>
      </c>
      <c r="CA16" s="263">
        <v>27</v>
      </c>
      <c r="CB16" s="257">
        <v>0</v>
      </c>
      <c r="CC16" s="261">
        <v>0</v>
      </c>
      <c r="CD16" s="258">
        <v>0</v>
      </c>
      <c r="CE16" s="260">
        <v>0</v>
      </c>
      <c r="CF16" s="261">
        <v>19</v>
      </c>
      <c r="CG16" s="261">
        <v>0</v>
      </c>
      <c r="CH16" s="261">
        <v>0</v>
      </c>
      <c r="CI16" s="261">
        <v>3</v>
      </c>
      <c r="CJ16" s="261">
        <v>0</v>
      </c>
      <c r="CK16" s="258">
        <v>22</v>
      </c>
      <c r="CL16" s="263">
        <v>22</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58">
        <v>0</v>
      </c>
      <c r="E17" s="259">
        <v>0</v>
      </c>
      <c r="F17" s="260">
        <v>0</v>
      </c>
      <c r="G17" s="261">
        <v>33</v>
      </c>
      <c r="H17" s="261">
        <v>47</v>
      </c>
      <c r="I17" s="261">
        <v>13</v>
      </c>
      <c r="J17" s="261">
        <v>95</v>
      </c>
      <c r="K17" s="261">
        <v>77</v>
      </c>
      <c r="L17" s="262">
        <v>265</v>
      </c>
      <c r="M17" s="263">
        <v>265</v>
      </c>
      <c r="N17" s="257">
        <v>0</v>
      </c>
      <c r="O17" s="261">
        <v>0</v>
      </c>
      <c r="P17" s="258">
        <v>0</v>
      </c>
      <c r="Q17" s="260">
        <v>0</v>
      </c>
      <c r="R17" s="261">
        <v>0</v>
      </c>
      <c r="S17" s="261">
        <v>0</v>
      </c>
      <c r="T17" s="261">
        <v>0</v>
      </c>
      <c r="U17" s="261">
        <v>0</v>
      </c>
      <c r="V17" s="261">
        <v>20</v>
      </c>
      <c r="W17" s="258">
        <v>20</v>
      </c>
      <c r="X17" s="263">
        <v>20</v>
      </c>
      <c r="Y17" s="257">
        <v>0</v>
      </c>
      <c r="Z17" s="261">
        <v>2</v>
      </c>
      <c r="AA17" s="258">
        <v>2</v>
      </c>
      <c r="AB17" s="260">
        <v>0</v>
      </c>
      <c r="AC17" s="261">
        <v>2</v>
      </c>
      <c r="AD17" s="261">
        <v>13</v>
      </c>
      <c r="AE17" s="261">
        <v>9</v>
      </c>
      <c r="AF17" s="261">
        <v>56</v>
      </c>
      <c r="AG17" s="261">
        <v>52</v>
      </c>
      <c r="AH17" s="258">
        <v>132</v>
      </c>
      <c r="AI17" s="263">
        <v>134</v>
      </c>
      <c r="AJ17" s="257">
        <v>0</v>
      </c>
      <c r="AK17" s="261">
        <v>8</v>
      </c>
      <c r="AL17" s="258">
        <v>8</v>
      </c>
      <c r="AM17" s="260">
        <v>0</v>
      </c>
      <c r="AN17" s="261">
        <v>0</v>
      </c>
      <c r="AO17" s="261">
        <v>0</v>
      </c>
      <c r="AP17" s="261">
        <v>0</v>
      </c>
      <c r="AQ17" s="261">
        <v>0</v>
      </c>
      <c r="AR17" s="261">
        <v>39</v>
      </c>
      <c r="AS17" s="258">
        <v>39</v>
      </c>
      <c r="AT17" s="263">
        <v>47</v>
      </c>
      <c r="AU17" s="257">
        <v>0</v>
      </c>
      <c r="AV17" s="261">
        <v>0</v>
      </c>
      <c r="AW17" s="258">
        <v>0</v>
      </c>
      <c r="AX17" s="260">
        <v>0</v>
      </c>
      <c r="AY17" s="261">
        <v>17</v>
      </c>
      <c r="AZ17" s="261">
        <v>47</v>
      </c>
      <c r="BA17" s="261">
        <v>1</v>
      </c>
      <c r="BB17" s="261">
        <v>10</v>
      </c>
      <c r="BC17" s="261">
        <v>0</v>
      </c>
      <c r="BD17" s="262">
        <v>75</v>
      </c>
      <c r="BE17" s="263">
        <v>75</v>
      </c>
      <c r="BF17" s="257">
        <v>0</v>
      </c>
      <c r="BG17" s="261">
        <v>0</v>
      </c>
      <c r="BH17" s="258">
        <v>0</v>
      </c>
      <c r="BI17" s="260">
        <v>0</v>
      </c>
      <c r="BJ17" s="261">
        <v>5</v>
      </c>
      <c r="BK17" s="261">
        <v>14</v>
      </c>
      <c r="BL17" s="261">
        <v>8</v>
      </c>
      <c r="BM17" s="261">
        <v>21</v>
      </c>
      <c r="BN17" s="261">
        <v>15</v>
      </c>
      <c r="BO17" s="258">
        <v>63</v>
      </c>
      <c r="BP17" s="263">
        <v>63</v>
      </c>
      <c r="BQ17" s="257">
        <v>0</v>
      </c>
      <c r="BR17" s="261">
        <v>0</v>
      </c>
      <c r="BS17" s="258">
        <v>0</v>
      </c>
      <c r="BT17" s="260">
        <v>0</v>
      </c>
      <c r="BU17" s="261">
        <v>0</v>
      </c>
      <c r="BV17" s="261">
        <v>0</v>
      </c>
      <c r="BW17" s="261">
        <v>35</v>
      </c>
      <c r="BX17" s="261">
        <v>9</v>
      </c>
      <c r="BY17" s="261">
        <v>0</v>
      </c>
      <c r="BZ17" s="258">
        <v>44</v>
      </c>
      <c r="CA17" s="263">
        <v>44</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58">
        <v>0</v>
      </c>
      <c r="E18" s="259">
        <v>0</v>
      </c>
      <c r="F18" s="260">
        <v>0</v>
      </c>
      <c r="G18" s="261">
        <v>75</v>
      </c>
      <c r="H18" s="261">
        <v>278</v>
      </c>
      <c r="I18" s="261">
        <v>120</v>
      </c>
      <c r="J18" s="261">
        <v>242</v>
      </c>
      <c r="K18" s="261">
        <v>51</v>
      </c>
      <c r="L18" s="262">
        <v>766</v>
      </c>
      <c r="M18" s="263">
        <v>766</v>
      </c>
      <c r="N18" s="257">
        <v>0</v>
      </c>
      <c r="O18" s="261">
        <v>0</v>
      </c>
      <c r="P18" s="258">
        <v>0</v>
      </c>
      <c r="Q18" s="260">
        <v>0</v>
      </c>
      <c r="R18" s="261">
        <v>0</v>
      </c>
      <c r="S18" s="261">
        <v>4</v>
      </c>
      <c r="T18" s="261">
        <v>0</v>
      </c>
      <c r="U18" s="261">
        <v>6</v>
      </c>
      <c r="V18" s="261">
        <v>8</v>
      </c>
      <c r="W18" s="258">
        <v>18</v>
      </c>
      <c r="X18" s="263">
        <v>18</v>
      </c>
      <c r="Y18" s="257">
        <v>6</v>
      </c>
      <c r="Z18" s="261">
        <v>10</v>
      </c>
      <c r="AA18" s="258">
        <v>16</v>
      </c>
      <c r="AB18" s="260">
        <v>0</v>
      </c>
      <c r="AC18" s="261">
        <v>60</v>
      </c>
      <c r="AD18" s="261">
        <v>122</v>
      </c>
      <c r="AE18" s="261">
        <v>56</v>
      </c>
      <c r="AF18" s="261">
        <v>37</v>
      </c>
      <c r="AG18" s="261">
        <v>29</v>
      </c>
      <c r="AH18" s="258">
        <v>304</v>
      </c>
      <c r="AI18" s="263">
        <v>320</v>
      </c>
      <c r="AJ18" s="257">
        <v>0</v>
      </c>
      <c r="AK18" s="261">
        <v>0</v>
      </c>
      <c r="AL18" s="258">
        <v>0</v>
      </c>
      <c r="AM18" s="260">
        <v>0</v>
      </c>
      <c r="AN18" s="261">
        <v>27</v>
      </c>
      <c r="AO18" s="261">
        <v>15</v>
      </c>
      <c r="AP18" s="261">
        <v>12</v>
      </c>
      <c r="AQ18" s="261">
        <v>0</v>
      </c>
      <c r="AR18" s="261">
        <v>0</v>
      </c>
      <c r="AS18" s="258">
        <v>54</v>
      </c>
      <c r="AT18" s="263">
        <v>54</v>
      </c>
      <c r="AU18" s="257">
        <v>0</v>
      </c>
      <c r="AV18" s="261">
        <v>0</v>
      </c>
      <c r="AW18" s="258">
        <v>0</v>
      </c>
      <c r="AX18" s="260">
        <v>0</v>
      </c>
      <c r="AY18" s="261">
        <v>238</v>
      </c>
      <c r="AZ18" s="261">
        <v>227</v>
      </c>
      <c r="BA18" s="261">
        <v>105</v>
      </c>
      <c r="BB18" s="261">
        <v>37</v>
      </c>
      <c r="BC18" s="261">
        <v>17</v>
      </c>
      <c r="BD18" s="262">
        <v>624</v>
      </c>
      <c r="BE18" s="263">
        <v>624</v>
      </c>
      <c r="BF18" s="257">
        <v>0</v>
      </c>
      <c r="BG18" s="261">
        <v>0</v>
      </c>
      <c r="BH18" s="258">
        <v>0</v>
      </c>
      <c r="BI18" s="260">
        <v>0</v>
      </c>
      <c r="BJ18" s="261">
        <v>95</v>
      </c>
      <c r="BK18" s="261">
        <v>149</v>
      </c>
      <c r="BL18" s="261">
        <v>51</v>
      </c>
      <c r="BM18" s="261">
        <v>27</v>
      </c>
      <c r="BN18" s="261">
        <v>9</v>
      </c>
      <c r="BO18" s="258">
        <v>331</v>
      </c>
      <c r="BP18" s="263">
        <v>331</v>
      </c>
      <c r="BQ18" s="257">
        <v>0</v>
      </c>
      <c r="BR18" s="261">
        <v>5</v>
      </c>
      <c r="BS18" s="258">
        <v>5</v>
      </c>
      <c r="BT18" s="260">
        <v>0</v>
      </c>
      <c r="BU18" s="261">
        <v>41</v>
      </c>
      <c r="BV18" s="261">
        <v>24</v>
      </c>
      <c r="BW18" s="261">
        <v>24</v>
      </c>
      <c r="BX18" s="261">
        <v>5</v>
      </c>
      <c r="BY18" s="261">
        <v>2</v>
      </c>
      <c r="BZ18" s="258">
        <v>96</v>
      </c>
      <c r="CA18" s="263">
        <v>101</v>
      </c>
      <c r="CB18" s="257">
        <v>0</v>
      </c>
      <c r="CC18" s="261">
        <v>0</v>
      </c>
      <c r="CD18" s="258">
        <v>0</v>
      </c>
      <c r="CE18" s="260">
        <v>0</v>
      </c>
      <c r="CF18" s="261">
        <v>5</v>
      </c>
      <c r="CG18" s="261">
        <v>0</v>
      </c>
      <c r="CH18" s="261">
        <v>6</v>
      </c>
      <c r="CI18" s="261">
        <v>0</v>
      </c>
      <c r="CJ18" s="261">
        <v>0</v>
      </c>
      <c r="CK18" s="258">
        <v>11</v>
      </c>
      <c r="CL18" s="263">
        <v>11</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58">
        <v>0</v>
      </c>
      <c r="E19" s="259">
        <v>0</v>
      </c>
      <c r="F19" s="260">
        <v>0</v>
      </c>
      <c r="G19" s="261">
        <v>100</v>
      </c>
      <c r="H19" s="261">
        <v>278</v>
      </c>
      <c r="I19" s="261">
        <v>529</v>
      </c>
      <c r="J19" s="261">
        <v>162</v>
      </c>
      <c r="K19" s="261">
        <v>263</v>
      </c>
      <c r="L19" s="262">
        <v>1332</v>
      </c>
      <c r="M19" s="263">
        <v>1332</v>
      </c>
      <c r="N19" s="257">
        <v>0</v>
      </c>
      <c r="O19" s="261">
        <v>0</v>
      </c>
      <c r="P19" s="258">
        <v>0</v>
      </c>
      <c r="Q19" s="260">
        <v>0</v>
      </c>
      <c r="R19" s="261">
        <v>0</v>
      </c>
      <c r="S19" s="261">
        <v>1</v>
      </c>
      <c r="T19" s="261">
        <v>5</v>
      </c>
      <c r="U19" s="261">
        <v>9</v>
      </c>
      <c r="V19" s="261">
        <v>11</v>
      </c>
      <c r="W19" s="258">
        <v>26</v>
      </c>
      <c r="X19" s="263">
        <v>26</v>
      </c>
      <c r="Y19" s="257">
        <v>43</v>
      </c>
      <c r="Z19" s="261">
        <v>42</v>
      </c>
      <c r="AA19" s="258">
        <v>85</v>
      </c>
      <c r="AB19" s="260">
        <v>0</v>
      </c>
      <c r="AC19" s="261">
        <v>105</v>
      </c>
      <c r="AD19" s="261">
        <v>157</v>
      </c>
      <c r="AE19" s="261">
        <v>154</v>
      </c>
      <c r="AF19" s="261">
        <v>74</v>
      </c>
      <c r="AG19" s="261">
        <v>53</v>
      </c>
      <c r="AH19" s="258">
        <v>543</v>
      </c>
      <c r="AI19" s="263">
        <v>628</v>
      </c>
      <c r="AJ19" s="257">
        <v>10</v>
      </c>
      <c r="AK19" s="261">
        <v>0</v>
      </c>
      <c r="AL19" s="258">
        <v>10</v>
      </c>
      <c r="AM19" s="260">
        <v>0</v>
      </c>
      <c r="AN19" s="261">
        <v>18</v>
      </c>
      <c r="AO19" s="261">
        <v>0</v>
      </c>
      <c r="AP19" s="261">
        <v>51</v>
      </c>
      <c r="AQ19" s="261">
        <v>44</v>
      </c>
      <c r="AR19" s="261">
        <v>0</v>
      </c>
      <c r="AS19" s="258">
        <v>113</v>
      </c>
      <c r="AT19" s="263">
        <v>123</v>
      </c>
      <c r="AU19" s="257">
        <v>0</v>
      </c>
      <c r="AV19" s="261">
        <v>0</v>
      </c>
      <c r="AW19" s="258">
        <v>0</v>
      </c>
      <c r="AX19" s="260">
        <v>0</v>
      </c>
      <c r="AY19" s="261">
        <v>199</v>
      </c>
      <c r="AZ19" s="261">
        <v>212</v>
      </c>
      <c r="BA19" s="261">
        <v>139</v>
      </c>
      <c r="BB19" s="261">
        <v>107</v>
      </c>
      <c r="BC19" s="261">
        <v>17</v>
      </c>
      <c r="BD19" s="262">
        <v>674</v>
      </c>
      <c r="BE19" s="263">
        <v>674</v>
      </c>
      <c r="BF19" s="257">
        <v>0</v>
      </c>
      <c r="BG19" s="261">
        <v>0</v>
      </c>
      <c r="BH19" s="258">
        <v>0</v>
      </c>
      <c r="BI19" s="260">
        <v>0</v>
      </c>
      <c r="BJ19" s="261">
        <v>45</v>
      </c>
      <c r="BK19" s="261">
        <v>74</v>
      </c>
      <c r="BL19" s="261">
        <v>98</v>
      </c>
      <c r="BM19" s="261">
        <v>41</v>
      </c>
      <c r="BN19" s="261">
        <v>16</v>
      </c>
      <c r="BO19" s="258">
        <v>274</v>
      </c>
      <c r="BP19" s="263">
        <v>274</v>
      </c>
      <c r="BQ19" s="257">
        <v>0</v>
      </c>
      <c r="BR19" s="261">
        <v>0</v>
      </c>
      <c r="BS19" s="258">
        <v>0</v>
      </c>
      <c r="BT19" s="260">
        <v>0</v>
      </c>
      <c r="BU19" s="261">
        <v>2</v>
      </c>
      <c r="BV19" s="261">
        <v>40</v>
      </c>
      <c r="BW19" s="261">
        <v>55</v>
      </c>
      <c r="BX19" s="261">
        <v>54</v>
      </c>
      <c r="BY19" s="261">
        <v>40</v>
      </c>
      <c r="BZ19" s="258">
        <v>191</v>
      </c>
      <c r="CA19" s="263">
        <v>191</v>
      </c>
      <c r="CB19" s="257">
        <v>0</v>
      </c>
      <c r="CC19" s="261">
        <v>0</v>
      </c>
      <c r="CD19" s="258">
        <v>0</v>
      </c>
      <c r="CE19" s="260">
        <v>0</v>
      </c>
      <c r="CF19" s="261">
        <v>10</v>
      </c>
      <c r="CG19" s="261">
        <v>17</v>
      </c>
      <c r="CH19" s="261">
        <v>11</v>
      </c>
      <c r="CI19" s="261">
        <v>8</v>
      </c>
      <c r="CJ19" s="261">
        <v>14</v>
      </c>
      <c r="CK19" s="258">
        <v>60</v>
      </c>
      <c r="CL19" s="263">
        <v>60</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58">
        <v>0</v>
      </c>
      <c r="E20" s="259">
        <v>0</v>
      </c>
      <c r="F20" s="260">
        <v>0</v>
      </c>
      <c r="G20" s="261">
        <v>376</v>
      </c>
      <c r="H20" s="261">
        <v>323</v>
      </c>
      <c r="I20" s="261">
        <v>455</v>
      </c>
      <c r="J20" s="261">
        <v>1245</v>
      </c>
      <c r="K20" s="261">
        <v>376</v>
      </c>
      <c r="L20" s="262">
        <v>2775</v>
      </c>
      <c r="M20" s="263">
        <v>2775</v>
      </c>
      <c r="N20" s="257">
        <v>0</v>
      </c>
      <c r="O20" s="261">
        <v>0</v>
      </c>
      <c r="P20" s="258">
        <v>0</v>
      </c>
      <c r="Q20" s="260">
        <v>0</v>
      </c>
      <c r="R20" s="261">
        <v>0</v>
      </c>
      <c r="S20" s="261">
        <v>0</v>
      </c>
      <c r="T20" s="261">
        <v>9</v>
      </c>
      <c r="U20" s="261">
        <v>11</v>
      </c>
      <c r="V20" s="261">
        <v>24</v>
      </c>
      <c r="W20" s="258">
        <v>44</v>
      </c>
      <c r="X20" s="263">
        <v>44</v>
      </c>
      <c r="Y20" s="257">
        <v>32</v>
      </c>
      <c r="Z20" s="261">
        <v>40</v>
      </c>
      <c r="AA20" s="258">
        <v>72</v>
      </c>
      <c r="AB20" s="260">
        <v>0</v>
      </c>
      <c r="AC20" s="261">
        <v>311</v>
      </c>
      <c r="AD20" s="261">
        <v>345</v>
      </c>
      <c r="AE20" s="261">
        <v>208</v>
      </c>
      <c r="AF20" s="261">
        <v>81</v>
      </c>
      <c r="AG20" s="261">
        <v>168</v>
      </c>
      <c r="AH20" s="258">
        <v>1113</v>
      </c>
      <c r="AI20" s="263">
        <v>1185</v>
      </c>
      <c r="AJ20" s="257">
        <v>12</v>
      </c>
      <c r="AK20" s="261">
        <v>0</v>
      </c>
      <c r="AL20" s="258">
        <v>12</v>
      </c>
      <c r="AM20" s="260">
        <v>0</v>
      </c>
      <c r="AN20" s="261">
        <v>52</v>
      </c>
      <c r="AO20" s="261">
        <v>35</v>
      </c>
      <c r="AP20" s="261">
        <v>46</v>
      </c>
      <c r="AQ20" s="261">
        <v>0</v>
      </c>
      <c r="AR20" s="261">
        <v>10</v>
      </c>
      <c r="AS20" s="258">
        <v>143</v>
      </c>
      <c r="AT20" s="263">
        <v>155</v>
      </c>
      <c r="AU20" s="257">
        <v>0</v>
      </c>
      <c r="AV20" s="261">
        <v>0</v>
      </c>
      <c r="AW20" s="258">
        <v>0</v>
      </c>
      <c r="AX20" s="260">
        <v>0</v>
      </c>
      <c r="AY20" s="261">
        <v>242</v>
      </c>
      <c r="AZ20" s="261">
        <v>446</v>
      </c>
      <c r="BA20" s="261">
        <v>218</v>
      </c>
      <c r="BB20" s="261">
        <v>130</v>
      </c>
      <c r="BC20" s="261">
        <v>54</v>
      </c>
      <c r="BD20" s="262">
        <v>1090</v>
      </c>
      <c r="BE20" s="263">
        <v>1090</v>
      </c>
      <c r="BF20" s="257">
        <v>0</v>
      </c>
      <c r="BG20" s="261">
        <v>0</v>
      </c>
      <c r="BH20" s="258">
        <v>0</v>
      </c>
      <c r="BI20" s="260">
        <v>0</v>
      </c>
      <c r="BJ20" s="261">
        <v>108</v>
      </c>
      <c r="BK20" s="261">
        <v>112</v>
      </c>
      <c r="BL20" s="261">
        <v>52</v>
      </c>
      <c r="BM20" s="261">
        <v>41</v>
      </c>
      <c r="BN20" s="261">
        <v>24</v>
      </c>
      <c r="BO20" s="258">
        <v>337</v>
      </c>
      <c r="BP20" s="263">
        <v>337</v>
      </c>
      <c r="BQ20" s="257">
        <v>0</v>
      </c>
      <c r="BR20" s="261">
        <v>0</v>
      </c>
      <c r="BS20" s="258">
        <v>0</v>
      </c>
      <c r="BT20" s="260">
        <v>0</v>
      </c>
      <c r="BU20" s="261">
        <v>1</v>
      </c>
      <c r="BV20" s="261">
        <v>95</v>
      </c>
      <c r="BW20" s="261">
        <v>138</v>
      </c>
      <c r="BX20" s="261">
        <v>61</v>
      </c>
      <c r="BY20" s="261">
        <v>52</v>
      </c>
      <c r="BZ20" s="258">
        <v>347</v>
      </c>
      <c r="CA20" s="263">
        <v>347</v>
      </c>
      <c r="CB20" s="257">
        <v>0</v>
      </c>
      <c r="CC20" s="261">
        <v>0</v>
      </c>
      <c r="CD20" s="258">
        <v>0</v>
      </c>
      <c r="CE20" s="260">
        <v>0</v>
      </c>
      <c r="CF20" s="261">
        <v>0</v>
      </c>
      <c r="CG20" s="261">
        <v>2</v>
      </c>
      <c r="CH20" s="261">
        <v>0</v>
      </c>
      <c r="CI20" s="261">
        <v>0</v>
      </c>
      <c r="CJ20" s="261">
        <v>0</v>
      </c>
      <c r="CK20" s="258">
        <v>2</v>
      </c>
      <c r="CL20" s="263">
        <v>2</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58">
        <v>0</v>
      </c>
      <c r="E21" s="259">
        <v>0</v>
      </c>
      <c r="F21" s="260">
        <v>0</v>
      </c>
      <c r="G21" s="261">
        <v>61</v>
      </c>
      <c r="H21" s="261">
        <v>121</v>
      </c>
      <c r="I21" s="261">
        <v>200</v>
      </c>
      <c r="J21" s="261">
        <v>101</v>
      </c>
      <c r="K21" s="261">
        <v>42</v>
      </c>
      <c r="L21" s="262">
        <v>525</v>
      </c>
      <c r="M21" s="263">
        <v>525</v>
      </c>
      <c r="N21" s="257">
        <v>0</v>
      </c>
      <c r="O21" s="261">
        <v>0</v>
      </c>
      <c r="P21" s="258">
        <v>0</v>
      </c>
      <c r="Q21" s="260">
        <v>0</v>
      </c>
      <c r="R21" s="261">
        <v>0</v>
      </c>
      <c r="S21" s="261">
        <v>3</v>
      </c>
      <c r="T21" s="261">
        <v>0</v>
      </c>
      <c r="U21" s="261">
        <v>9</v>
      </c>
      <c r="V21" s="261">
        <v>7</v>
      </c>
      <c r="W21" s="258">
        <v>19</v>
      </c>
      <c r="X21" s="263">
        <v>19</v>
      </c>
      <c r="Y21" s="257">
        <v>11</v>
      </c>
      <c r="Z21" s="261">
        <v>19</v>
      </c>
      <c r="AA21" s="258">
        <v>30</v>
      </c>
      <c r="AB21" s="260">
        <v>0</v>
      </c>
      <c r="AC21" s="261">
        <v>168</v>
      </c>
      <c r="AD21" s="261">
        <v>86</v>
      </c>
      <c r="AE21" s="261">
        <v>35</v>
      </c>
      <c r="AF21" s="261">
        <v>127</v>
      </c>
      <c r="AG21" s="261">
        <v>87</v>
      </c>
      <c r="AH21" s="258">
        <v>503</v>
      </c>
      <c r="AI21" s="263">
        <v>533</v>
      </c>
      <c r="AJ21" s="257">
        <v>4</v>
      </c>
      <c r="AK21" s="261">
        <v>0</v>
      </c>
      <c r="AL21" s="258">
        <v>4</v>
      </c>
      <c r="AM21" s="260">
        <v>0</v>
      </c>
      <c r="AN21" s="261">
        <v>52</v>
      </c>
      <c r="AO21" s="261">
        <v>0</v>
      </c>
      <c r="AP21" s="261">
        <v>12</v>
      </c>
      <c r="AQ21" s="261">
        <v>18</v>
      </c>
      <c r="AR21" s="261">
        <v>0</v>
      </c>
      <c r="AS21" s="258">
        <v>82</v>
      </c>
      <c r="AT21" s="263">
        <v>86</v>
      </c>
      <c r="AU21" s="257">
        <v>0</v>
      </c>
      <c r="AV21" s="261">
        <v>0</v>
      </c>
      <c r="AW21" s="258">
        <v>0</v>
      </c>
      <c r="AX21" s="260">
        <v>0</v>
      </c>
      <c r="AY21" s="261">
        <v>89</v>
      </c>
      <c r="AZ21" s="261">
        <v>113</v>
      </c>
      <c r="BA21" s="261">
        <v>35</v>
      </c>
      <c r="BB21" s="261">
        <v>24</v>
      </c>
      <c r="BC21" s="261">
        <v>40</v>
      </c>
      <c r="BD21" s="262">
        <v>301</v>
      </c>
      <c r="BE21" s="263">
        <v>301</v>
      </c>
      <c r="BF21" s="257">
        <v>0</v>
      </c>
      <c r="BG21" s="261">
        <v>0</v>
      </c>
      <c r="BH21" s="258">
        <v>0</v>
      </c>
      <c r="BI21" s="260">
        <v>0</v>
      </c>
      <c r="BJ21" s="261">
        <v>56</v>
      </c>
      <c r="BK21" s="261">
        <v>46</v>
      </c>
      <c r="BL21" s="261">
        <v>32</v>
      </c>
      <c r="BM21" s="261">
        <v>26</v>
      </c>
      <c r="BN21" s="261">
        <v>12</v>
      </c>
      <c r="BO21" s="258">
        <v>172</v>
      </c>
      <c r="BP21" s="263">
        <v>172</v>
      </c>
      <c r="BQ21" s="257">
        <v>0</v>
      </c>
      <c r="BR21" s="261">
        <v>3</v>
      </c>
      <c r="BS21" s="258">
        <v>3</v>
      </c>
      <c r="BT21" s="260">
        <v>0</v>
      </c>
      <c r="BU21" s="261">
        <v>13</v>
      </c>
      <c r="BV21" s="261">
        <v>0</v>
      </c>
      <c r="BW21" s="261">
        <v>35</v>
      </c>
      <c r="BX21" s="261">
        <v>3</v>
      </c>
      <c r="BY21" s="261">
        <v>16</v>
      </c>
      <c r="BZ21" s="258">
        <v>67</v>
      </c>
      <c r="CA21" s="263">
        <v>70</v>
      </c>
      <c r="CB21" s="257">
        <v>0</v>
      </c>
      <c r="CC21" s="261">
        <v>0</v>
      </c>
      <c r="CD21" s="258">
        <v>0</v>
      </c>
      <c r="CE21" s="260">
        <v>0</v>
      </c>
      <c r="CF21" s="261">
        <v>0</v>
      </c>
      <c r="CG21" s="261">
        <v>0</v>
      </c>
      <c r="CH21" s="261">
        <v>10</v>
      </c>
      <c r="CI21" s="261">
        <v>9</v>
      </c>
      <c r="CJ21" s="261">
        <v>0</v>
      </c>
      <c r="CK21" s="258">
        <v>19</v>
      </c>
      <c r="CL21" s="263">
        <v>19</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58">
        <v>0</v>
      </c>
      <c r="E22" s="259">
        <v>0</v>
      </c>
      <c r="F22" s="260">
        <v>0</v>
      </c>
      <c r="G22" s="261">
        <v>101</v>
      </c>
      <c r="H22" s="261">
        <v>152</v>
      </c>
      <c r="I22" s="261">
        <v>298</v>
      </c>
      <c r="J22" s="261">
        <v>206</v>
      </c>
      <c r="K22" s="261">
        <v>77</v>
      </c>
      <c r="L22" s="262">
        <v>834</v>
      </c>
      <c r="M22" s="263">
        <v>834</v>
      </c>
      <c r="N22" s="257">
        <v>0</v>
      </c>
      <c r="O22" s="261">
        <v>0</v>
      </c>
      <c r="P22" s="258">
        <v>0</v>
      </c>
      <c r="Q22" s="260">
        <v>0</v>
      </c>
      <c r="R22" s="261">
        <v>5</v>
      </c>
      <c r="S22" s="261">
        <v>4</v>
      </c>
      <c r="T22" s="261">
        <v>0</v>
      </c>
      <c r="U22" s="261">
        <v>11</v>
      </c>
      <c r="V22" s="261">
        <v>18</v>
      </c>
      <c r="W22" s="258">
        <v>38</v>
      </c>
      <c r="X22" s="263">
        <v>38</v>
      </c>
      <c r="Y22" s="257">
        <v>5</v>
      </c>
      <c r="Z22" s="261">
        <v>39</v>
      </c>
      <c r="AA22" s="258">
        <v>44</v>
      </c>
      <c r="AB22" s="260">
        <v>0</v>
      </c>
      <c r="AC22" s="261">
        <v>120</v>
      </c>
      <c r="AD22" s="261">
        <v>125</v>
      </c>
      <c r="AE22" s="261">
        <v>173</v>
      </c>
      <c r="AF22" s="261">
        <v>84</v>
      </c>
      <c r="AG22" s="261">
        <v>105</v>
      </c>
      <c r="AH22" s="258">
        <v>607</v>
      </c>
      <c r="AI22" s="263">
        <v>651</v>
      </c>
      <c r="AJ22" s="257">
        <v>0</v>
      </c>
      <c r="AK22" s="261">
        <v>28</v>
      </c>
      <c r="AL22" s="258">
        <v>28</v>
      </c>
      <c r="AM22" s="260">
        <v>0</v>
      </c>
      <c r="AN22" s="261">
        <v>56</v>
      </c>
      <c r="AO22" s="261">
        <v>85</v>
      </c>
      <c r="AP22" s="261">
        <v>43</v>
      </c>
      <c r="AQ22" s="261">
        <v>22</v>
      </c>
      <c r="AR22" s="261">
        <v>12</v>
      </c>
      <c r="AS22" s="258">
        <v>218</v>
      </c>
      <c r="AT22" s="263">
        <v>246</v>
      </c>
      <c r="AU22" s="257">
        <v>0</v>
      </c>
      <c r="AV22" s="261">
        <v>0</v>
      </c>
      <c r="AW22" s="258">
        <v>0</v>
      </c>
      <c r="AX22" s="260">
        <v>0</v>
      </c>
      <c r="AY22" s="261">
        <v>76</v>
      </c>
      <c r="AZ22" s="261">
        <v>170</v>
      </c>
      <c r="BA22" s="261">
        <v>124</v>
      </c>
      <c r="BB22" s="261">
        <v>37</v>
      </c>
      <c r="BC22" s="261">
        <v>45</v>
      </c>
      <c r="BD22" s="262">
        <v>452</v>
      </c>
      <c r="BE22" s="263">
        <v>452</v>
      </c>
      <c r="BF22" s="257">
        <v>0</v>
      </c>
      <c r="BG22" s="261">
        <v>0</v>
      </c>
      <c r="BH22" s="258">
        <v>0</v>
      </c>
      <c r="BI22" s="260">
        <v>0</v>
      </c>
      <c r="BJ22" s="261">
        <v>39</v>
      </c>
      <c r="BK22" s="261">
        <v>77</v>
      </c>
      <c r="BL22" s="261">
        <v>42</v>
      </c>
      <c r="BM22" s="261">
        <v>33</v>
      </c>
      <c r="BN22" s="261">
        <v>17</v>
      </c>
      <c r="BO22" s="258">
        <v>208</v>
      </c>
      <c r="BP22" s="263">
        <v>208</v>
      </c>
      <c r="BQ22" s="257">
        <v>0</v>
      </c>
      <c r="BR22" s="261">
        <v>0</v>
      </c>
      <c r="BS22" s="258">
        <v>0</v>
      </c>
      <c r="BT22" s="260">
        <v>0</v>
      </c>
      <c r="BU22" s="261">
        <v>36</v>
      </c>
      <c r="BV22" s="261">
        <v>24</v>
      </c>
      <c r="BW22" s="261">
        <v>18</v>
      </c>
      <c r="BX22" s="261">
        <v>75</v>
      </c>
      <c r="BY22" s="261">
        <v>9</v>
      </c>
      <c r="BZ22" s="258">
        <v>162</v>
      </c>
      <c r="CA22" s="263">
        <v>162</v>
      </c>
      <c r="CB22" s="257">
        <v>0</v>
      </c>
      <c r="CC22" s="261">
        <v>0</v>
      </c>
      <c r="CD22" s="258">
        <v>0</v>
      </c>
      <c r="CE22" s="260">
        <v>0</v>
      </c>
      <c r="CF22" s="261">
        <v>0</v>
      </c>
      <c r="CG22" s="261">
        <v>0</v>
      </c>
      <c r="CH22" s="261">
        <v>13</v>
      </c>
      <c r="CI22" s="261">
        <v>9</v>
      </c>
      <c r="CJ22" s="261">
        <v>0</v>
      </c>
      <c r="CK22" s="258">
        <v>22</v>
      </c>
      <c r="CL22" s="263">
        <v>22</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58">
        <v>0</v>
      </c>
      <c r="E23" s="259">
        <v>0</v>
      </c>
      <c r="F23" s="260">
        <v>0</v>
      </c>
      <c r="G23" s="261">
        <v>196</v>
      </c>
      <c r="H23" s="261">
        <v>154</v>
      </c>
      <c r="I23" s="261">
        <v>32</v>
      </c>
      <c r="J23" s="261">
        <v>232</v>
      </c>
      <c r="K23" s="261">
        <v>467</v>
      </c>
      <c r="L23" s="262">
        <v>1081</v>
      </c>
      <c r="M23" s="263">
        <v>1081</v>
      </c>
      <c r="N23" s="257">
        <v>0</v>
      </c>
      <c r="O23" s="261">
        <v>0</v>
      </c>
      <c r="P23" s="258">
        <v>0</v>
      </c>
      <c r="Q23" s="260">
        <v>0</v>
      </c>
      <c r="R23" s="261">
        <v>0</v>
      </c>
      <c r="S23" s="261">
        <v>1</v>
      </c>
      <c r="T23" s="261">
        <v>0</v>
      </c>
      <c r="U23" s="261">
        <v>0</v>
      </c>
      <c r="V23" s="261">
        <v>15</v>
      </c>
      <c r="W23" s="258">
        <v>16</v>
      </c>
      <c r="X23" s="263">
        <v>16</v>
      </c>
      <c r="Y23" s="257">
        <v>8</v>
      </c>
      <c r="Z23" s="261">
        <v>19</v>
      </c>
      <c r="AA23" s="258">
        <v>27</v>
      </c>
      <c r="AB23" s="260">
        <v>0</v>
      </c>
      <c r="AC23" s="261">
        <v>180</v>
      </c>
      <c r="AD23" s="261">
        <v>35</v>
      </c>
      <c r="AE23" s="261">
        <v>27</v>
      </c>
      <c r="AF23" s="261">
        <v>29</v>
      </c>
      <c r="AG23" s="261">
        <v>61</v>
      </c>
      <c r="AH23" s="258">
        <v>332</v>
      </c>
      <c r="AI23" s="263">
        <v>359</v>
      </c>
      <c r="AJ23" s="257">
        <v>0</v>
      </c>
      <c r="AK23" s="261">
        <v>0</v>
      </c>
      <c r="AL23" s="258">
        <v>0</v>
      </c>
      <c r="AM23" s="260">
        <v>0</v>
      </c>
      <c r="AN23" s="261">
        <v>57</v>
      </c>
      <c r="AO23" s="261">
        <v>0</v>
      </c>
      <c r="AP23" s="261">
        <v>30</v>
      </c>
      <c r="AQ23" s="261">
        <v>0</v>
      </c>
      <c r="AR23" s="261">
        <v>12</v>
      </c>
      <c r="AS23" s="258">
        <v>99</v>
      </c>
      <c r="AT23" s="263">
        <v>99</v>
      </c>
      <c r="AU23" s="257">
        <v>0</v>
      </c>
      <c r="AV23" s="261">
        <v>0</v>
      </c>
      <c r="AW23" s="258">
        <v>0</v>
      </c>
      <c r="AX23" s="260">
        <v>0</v>
      </c>
      <c r="AY23" s="261">
        <v>149</v>
      </c>
      <c r="AZ23" s="261">
        <v>20</v>
      </c>
      <c r="BA23" s="261">
        <v>93</v>
      </c>
      <c r="BB23" s="261">
        <v>25</v>
      </c>
      <c r="BC23" s="261">
        <v>16</v>
      </c>
      <c r="BD23" s="262">
        <v>303</v>
      </c>
      <c r="BE23" s="263">
        <v>303</v>
      </c>
      <c r="BF23" s="257">
        <v>0</v>
      </c>
      <c r="BG23" s="261">
        <v>0</v>
      </c>
      <c r="BH23" s="258">
        <v>0</v>
      </c>
      <c r="BI23" s="260">
        <v>0</v>
      </c>
      <c r="BJ23" s="261">
        <v>27</v>
      </c>
      <c r="BK23" s="261">
        <v>29</v>
      </c>
      <c r="BL23" s="261">
        <v>0</v>
      </c>
      <c r="BM23" s="261">
        <v>18</v>
      </c>
      <c r="BN23" s="261">
        <v>12</v>
      </c>
      <c r="BO23" s="258">
        <v>86</v>
      </c>
      <c r="BP23" s="263">
        <v>86</v>
      </c>
      <c r="BQ23" s="257">
        <v>2</v>
      </c>
      <c r="BR23" s="261">
        <v>8</v>
      </c>
      <c r="BS23" s="258">
        <v>10</v>
      </c>
      <c r="BT23" s="260">
        <v>0</v>
      </c>
      <c r="BU23" s="261">
        <v>14</v>
      </c>
      <c r="BV23" s="261">
        <v>4</v>
      </c>
      <c r="BW23" s="261">
        <v>-57</v>
      </c>
      <c r="BX23" s="261">
        <v>48</v>
      </c>
      <c r="BY23" s="261">
        <v>23</v>
      </c>
      <c r="BZ23" s="258">
        <v>32</v>
      </c>
      <c r="CA23" s="263">
        <v>42</v>
      </c>
      <c r="CB23" s="257">
        <v>0</v>
      </c>
      <c r="CC23" s="261">
        <v>0</v>
      </c>
      <c r="CD23" s="258">
        <v>0</v>
      </c>
      <c r="CE23" s="260">
        <v>0</v>
      </c>
      <c r="CF23" s="261">
        <v>0</v>
      </c>
      <c r="CG23" s="261">
        <v>10</v>
      </c>
      <c r="CH23" s="261">
        <v>0</v>
      </c>
      <c r="CI23" s="261">
        <v>0</v>
      </c>
      <c r="CJ23" s="261">
        <v>0</v>
      </c>
      <c r="CK23" s="258">
        <v>10</v>
      </c>
      <c r="CL23" s="263">
        <v>1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58">
        <v>0</v>
      </c>
      <c r="E24" s="259">
        <v>0</v>
      </c>
      <c r="F24" s="260">
        <v>0</v>
      </c>
      <c r="G24" s="261">
        <v>27</v>
      </c>
      <c r="H24" s="261">
        <v>0</v>
      </c>
      <c r="I24" s="261">
        <v>50</v>
      </c>
      <c r="J24" s="261">
        <v>4</v>
      </c>
      <c r="K24" s="261">
        <v>144</v>
      </c>
      <c r="L24" s="262">
        <v>225</v>
      </c>
      <c r="M24" s="263">
        <v>225</v>
      </c>
      <c r="N24" s="257">
        <v>0</v>
      </c>
      <c r="O24" s="261">
        <v>0</v>
      </c>
      <c r="P24" s="258">
        <v>0</v>
      </c>
      <c r="Q24" s="260">
        <v>0</v>
      </c>
      <c r="R24" s="261">
        <v>0</v>
      </c>
      <c r="S24" s="261">
        <v>0</v>
      </c>
      <c r="T24" s="261">
        <v>2</v>
      </c>
      <c r="U24" s="261">
        <v>0</v>
      </c>
      <c r="V24" s="261">
        <v>39</v>
      </c>
      <c r="W24" s="258">
        <v>41</v>
      </c>
      <c r="X24" s="263">
        <v>41</v>
      </c>
      <c r="Y24" s="257">
        <v>11</v>
      </c>
      <c r="Z24" s="261">
        <v>0</v>
      </c>
      <c r="AA24" s="258">
        <v>11</v>
      </c>
      <c r="AB24" s="260">
        <v>0</v>
      </c>
      <c r="AC24" s="261">
        <v>15</v>
      </c>
      <c r="AD24" s="261">
        <v>21</v>
      </c>
      <c r="AE24" s="261">
        <v>14</v>
      </c>
      <c r="AF24" s="261">
        <v>10</v>
      </c>
      <c r="AG24" s="261">
        <v>90</v>
      </c>
      <c r="AH24" s="258">
        <v>150</v>
      </c>
      <c r="AI24" s="263">
        <v>161</v>
      </c>
      <c r="AJ24" s="257">
        <v>0</v>
      </c>
      <c r="AK24" s="261">
        <v>0</v>
      </c>
      <c r="AL24" s="258">
        <v>0</v>
      </c>
      <c r="AM24" s="260">
        <v>0</v>
      </c>
      <c r="AN24" s="261">
        <v>27</v>
      </c>
      <c r="AO24" s="261">
        <v>0</v>
      </c>
      <c r="AP24" s="261">
        <v>0</v>
      </c>
      <c r="AQ24" s="261">
        <v>24</v>
      </c>
      <c r="AR24" s="261">
        <v>0</v>
      </c>
      <c r="AS24" s="258">
        <v>51</v>
      </c>
      <c r="AT24" s="263">
        <v>51</v>
      </c>
      <c r="AU24" s="257">
        <v>0</v>
      </c>
      <c r="AV24" s="261">
        <v>0</v>
      </c>
      <c r="AW24" s="258">
        <v>0</v>
      </c>
      <c r="AX24" s="260">
        <v>0</v>
      </c>
      <c r="AY24" s="261">
        <v>58</v>
      </c>
      <c r="AZ24" s="261">
        <v>26</v>
      </c>
      <c r="BA24" s="261">
        <v>18</v>
      </c>
      <c r="BB24" s="261">
        <v>39</v>
      </c>
      <c r="BC24" s="261">
        <v>17</v>
      </c>
      <c r="BD24" s="262">
        <v>158</v>
      </c>
      <c r="BE24" s="263">
        <v>158</v>
      </c>
      <c r="BF24" s="257">
        <v>0</v>
      </c>
      <c r="BG24" s="261">
        <v>0</v>
      </c>
      <c r="BH24" s="258">
        <v>0</v>
      </c>
      <c r="BI24" s="260">
        <v>0</v>
      </c>
      <c r="BJ24" s="261">
        <v>22</v>
      </c>
      <c r="BK24" s="261">
        <v>7</v>
      </c>
      <c r="BL24" s="261">
        <v>11</v>
      </c>
      <c r="BM24" s="261">
        <v>9</v>
      </c>
      <c r="BN24" s="261">
        <v>1</v>
      </c>
      <c r="BO24" s="258">
        <v>50</v>
      </c>
      <c r="BP24" s="263">
        <v>50</v>
      </c>
      <c r="BQ24" s="257">
        <v>0</v>
      </c>
      <c r="BR24" s="261">
        <v>0</v>
      </c>
      <c r="BS24" s="258">
        <v>0</v>
      </c>
      <c r="BT24" s="260">
        <v>0</v>
      </c>
      <c r="BU24" s="261">
        <v>0</v>
      </c>
      <c r="BV24" s="261">
        <v>14</v>
      </c>
      <c r="BW24" s="261">
        <v>4</v>
      </c>
      <c r="BX24" s="261">
        <v>12</v>
      </c>
      <c r="BY24" s="261">
        <v>0</v>
      </c>
      <c r="BZ24" s="258">
        <v>30</v>
      </c>
      <c r="CA24" s="263">
        <v>30</v>
      </c>
      <c r="CB24" s="257">
        <v>0</v>
      </c>
      <c r="CC24" s="261">
        <v>0</v>
      </c>
      <c r="CD24" s="258">
        <v>0</v>
      </c>
      <c r="CE24" s="260">
        <v>0</v>
      </c>
      <c r="CF24" s="261">
        <v>0</v>
      </c>
      <c r="CG24" s="261">
        <v>0</v>
      </c>
      <c r="CH24" s="261">
        <v>5</v>
      </c>
      <c r="CI24" s="261">
        <v>0</v>
      </c>
      <c r="CJ24" s="261">
        <v>0</v>
      </c>
      <c r="CK24" s="258">
        <v>5</v>
      </c>
      <c r="CL24" s="263">
        <v>5</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58">
        <v>0</v>
      </c>
      <c r="E25" s="259">
        <v>0</v>
      </c>
      <c r="F25" s="260">
        <v>0</v>
      </c>
      <c r="G25" s="261">
        <v>11</v>
      </c>
      <c r="H25" s="261">
        <v>40</v>
      </c>
      <c r="I25" s="261">
        <v>224</v>
      </c>
      <c r="J25" s="261">
        <v>21</v>
      </c>
      <c r="K25" s="261">
        <v>0</v>
      </c>
      <c r="L25" s="262">
        <v>296</v>
      </c>
      <c r="M25" s="263">
        <v>296</v>
      </c>
      <c r="N25" s="257">
        <v>0</v>
      </c>
      <c r="O25" s="261">
        <v>0</v>
      </c>
      <c r="P25" s="258">
        <v>0</v>
      </c>
      <c r="Q25" s="260">
        <v>0</v>
      </c>
      <c r="R25" s="261">
        <v>5</v>
      </c>
      <c r="S25" s="261">
        <v>0</v>
      </c>
      <c r="T25" s="261">
        <v>2</v>
      </c>
      <c r="U25" s="261">
        <v>0</v>
      </c>
      <c r="V25" s="261">
        <v>5</v>
      </c>
      <c r="W25" s="258">
        <v>12</v>
      </c>
      <c r="X25" s="263">
        <v>12</v>
      </c>
      <c r="Y25" s="257">
        <v>19</v>
      </c>
      <c r="Z25" s="261">
        <v>18</v>
      </c>
      <c r="AA25" s="258">
        <v>37</v>
      </c>
      <c r="AB25" s="260">
        <v>0</v>
      </c>
      <c r="AC25" s="261">
        <v>63</v>
      </c>
      <c r="AD25" s="261">
        <v>77</v>
      </c>
      <c r="AE25" s="261">
        <v>147</v>
      </c>
      <c r="AF25" s="261">
        <v>49</v>
      </c>
      <c r="AG25" s="261">
        <v>4</v>
      </c>
      <c r="AH25" s="258">
        <v>340</v>
      </c>
      <c r="AI25" s="263">
        <v>377</v>
      </c>
      <c r="AJ25" s="257">
        <v>0</v>
      </c>
      <c r="AK25" s="261">
        <v>15</v>
      </c>
      <c r="AL25" s="258">
        <v>15</v>
      </c>
      <c r="AM25" s="260">
        <v>0</v>
      </c>
      <c r="AN25" s="261">
        <v>0</v>
      </c>
      <c r="AO25" s="261">
        <v>24</v>
      </c>
      <c r="AP25" s="261">
        <v>0</v>
      </c>
      <c r="AQ25" s="261">
        <v>27</v>
      </c>
      <c r="AR25" s="261">
        <v>0</v>
      </c>
      <c r="AS25" s="258">
        <v>51</v>
      </c>
      <c r="AT25" s="263">
        <v>66</v>
      </c>
      <c r="AU25" s="257">
        <v>0</v>
      </c>
      <c r="AV25" s="261">
        <v>0</v>
      </c>
      <c r="AW25" s="258">
        <v>0</v>
      </c>
      <c r="AX25" s="260">
        <v>0</v>
      </c>
      <c r="AY25" s="261">
        <v>89</v>
      </c>
      <c r="AZ25" s="261">
        <v>134</v>
      </c>
      <c r="BA25" s="261">
        <v>62</v>
      </c>
      <c r="BB25" s="261">
        <v>38</v>
      </c>
      <c r="BC25" s="261">
        <v>0</v>
      </c>
      <c r="BD25" s="262">
        <v>323</v>
      </c>
      <c r="BE25" s="263">
        <v>323</v>
      </c>
      <c r="BF25" s="257">
        <v>0</v>
      </c>
      <c r="BG25" s="261">
        <v>0</v>
      </c>
      <c r="BH25" s="258">
        <v>0</v>
      </c>
      <c r="BI25" s="260">
        <v>0</v>
      </c>
      <c r="BJ25" s="261">
        <v>17</v>
      </c>
      <c r="BK25" s="261">
        <v>25</v>
      </c>
      <c r="BL25" s="261">
        <v>15</v>
      </c>
      <c r="BM25" s="261">
        <v>31</v>
      </c>
      <c r="BN25" s="261">
        <v>7</v>
      </c>
      <c r="BO25" s="258">
        <v>95</v>
      </c>
      <c r="BP25" s="263">
        <v>95</v>
      </c>
      <c r="BQ25" s="257">
        <v>0</v>
      </c>
      <c r="BR25" s="261">
        <v>0</v>
      </c>
      <c r="BS25" s="258">
        <v>0</v>
      </c>
      <c r="BT25" s="260">
        <v>0</v>
      </c>
      <c r="BU25" s="261">
        <v>20</v>
      </c>
      <c r="BV25" s="261">
        <v>26</v>
      </c>
      <c r="BW25" s="261">
        <v>32</v>
      </c>
      <c r="BX25" s="261">
        <v>14</v>
      </c>
      <c r="BY25" s="261">
        <v>0</v>
      </c>
      <c r="BZ25" s="258">
        <v>92</v>
      </c>
      <c r="CA25" s="263">
        <v>92</v>
      </c>
      <c r="CB25" s="257">
        <v>0</v>
      </c>
      <c r="CC25" s="261">
        <v>0</v>
      </c>
      <c r="CD25" s="258">
        <v>0</v>
      </c>
      <c r="CE25" s="260">
        <v>0</v>
      </c>
      <c r="CF25" s="261">
        <v>0</v>
      </c>
      <c r="CG25" s="261">
        <v>0</v>
      </c>
      <c r="CH25" s="261">
        <v>2</v>
      </c>
      <c r="CI25" s="261">
        <v>0</v>
      </c>
      <c r="CJ25" s="261">
        <v>0</v>
      </c>
      <c r="CK25" s="258">
        <v>2</v>
      </c>
      <c r="CL25" s="263">
        <v>2</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58">
        <v>0</v>
      </c>
      <c r="E26" s="259">
        <v>0</v>
      </c>
      <c r="F26" s="260">
        <v>0</v>
      </c>
      <c r="G26" s="261">
        <v>118</v>
      </c>
      <c r="H26" s="261">
        <v>59</v>
      </c>
      <c r="I26" s="261">
        <v>206</v>
      </c>
      <c r="J26" s="261">
        <v>89</v>
      </c>
      <c r="K26" s="261">
        <v>274</v>
      </c>
      <c r="L26" s="262">
        <v>746</v>
      </c>
      <c r="M26" s="263">
        <v>746</v>
      </c>
      <c r="N26" s="257">
        <v>0</v>
      </c>
      <c r="O26" s="261">
        <v>0</v>
      </c>
      <c r="P26" s="258">
        <v>0</v>
      </c>
      <c r="Q26" s="260">
        <v>0</v>
      </c>
      <c r="R26" s="261">
        <v>0</v>
      </c>
      <c r="S26" s="261">
        <v>0</v>
      </c>
      <c r="T26" s="261">
        <v>0</v>
      </c>
      <c r="U26" s="261">
        <v>0</v>
      </c>
      <c r="V26" s="261">
        <v>23</v>
      </c>
      <c r="W26" s="258">
        <v>23</v>
      </c>
      <c r="X26" s="263">
        <v>23</v>
      </c>
      <c r="Y26" s="257">
        <v>3</v>
      </c>
      <c r="Z26" s="261">
        <v>23</v>
      </c>
      <c r="AA26" s="258">
        <v>26</v>
      </c>
      <c r="AB26" s="260">
        <v>0</v>
      </c>
      <c r="AC26" s="261">
        <v>85</v>
      </c>
      <c r="AD26" s="261">
        <v>32</v>
      </c>
      <c r="AE26" s="261">
        <v>72</v>
      </c>
      <c r="AF26" s="261">
        <v>72</v>
      </c>
      <c r="AG26" s="261">
        <v>40</v>
      </c>
      <c r="AH26" s="258">
        <v>301</v>
      </c>
      <c r="AI26" s="263">
        <v>327</v>
      </c>
      <c r="AJ26" s="257">
        <v>0</v>
      </c>
      <c r="AK26" s="261">
        <v>0</v>
      </c>
      <c r="AL26" s="258">
        <v>0</v>
      </c>
      <c r="AM26" s="260">
        <v>0</v>
      </c>
      <c r="AN26" s="261">
        <v>0</v>
      </c>
      <c r="AO26" s="261">
        <v>10</v>
      </c>
      <c r="AP26" s="261">
        <v>0</v>
      </c>
      <c r="AQ26" s="261">
        <v>0</v>
      </c>
      <c r="AR26" s="261">
        <v>8</v>
      </c>
      <c r="AS26" s="258">
        <v>18</v>
      </c>
      <c r="AT26" s="263">
        <v>18</v>
      </c>
      <c r="AU26" s="257">
        <v>0</v>
      </c>
      <c r="AV26" s="261">
        <v>0</v>
      </c>
      <c r="AW26" s="258">
        <v>0</v>
      </c>
      <c r="AX26" s="260">
        <v>0</v>
      </c>
      <c r="AY26" s="261">
        <v>101</v>
      </c>
      <c r="AZ26" s="261">
        <v>60</v>
      </c>
      <c r="BA26" s="261">
        <v>35</v>
      </c>
      <c r="BB26" s="261">
        <v>7</v>
      </c>
      <c r="BC26" s="261">
        <v>9</v>
      </c>
      <c r="BD26" s="262">
        <v>212</v>
      </c>
      <c r="BE26" s="263">
        <v>212</v>
      </c>
      <c r="BF26" s="257">
        <v>0</v>
      </c>
      <c r="BG26" s="261">
        <v>0</v>
      </c>
      <c r="BH26" s="258">
        <v>0</v>
      </c>
      <c r="BI26" s="260">
        <v>0</v>
      </c>
      <c r="BJ26" s="261">
        <v>28</v>
      </c>
      <c r="BK26" s="261">
        <v>62</v>
      </c>
      <c r="BL26" s="261">
        <v>15</v>
      </c>
      <c r="BM26" s="261">
        <v>13</v>
      </c>
      <c r="BN26" s="261">
        <v>21</v>
      </c>
      <c r="BO26" s="258">
        <v>139</v>
      </c>
      <c r="BP26" s="263">
        <v>139</v>
      </c>
      <c r="BQ26" s="257">
        <v>0</v>
      </c>
      <c r="BR26" s="261">
        <v>0</v>
      </c>
      <c r="BS26" s="258">
        <v>0</v>
      </c>
      <c r="BT26" s="260">
        <v>0</v>
      </c>
      <c r="BU26" s="261">
        <v>4</v>
      </c>
      <c r="BV26" s="261">
        <v>15</v>
      </c>
      <c r="BW26" s="261">
        <v>8</v>
      </c>
      <c r="BX26" s="261">
        <v>3</v>
      </c>
      <c r="BY26" s="261">
        <v>18</v>
      </c>
      <c r="BZ26" s="258">
        <v>48</v>
      </c>
      <c r="CA26" s="263">
        <v>48</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58">
        <v>0</v>
      </c>
      <c r="E27" s="259">
        <v>0</v>
      </c>
      <c r="F27" s="260">
        <v>0</v>
      </c>
      <c r="G27" s="261">
        <v>38</v>
      </c>
      <c r="H27" s="261">
        <v>30</v>
      </c>
      <c r="I27" s="261">
        <v>21</v>
      </c>
      <c r="J27" s="261">
        <v>14</v>
      </c>
      <c r="K27" s="261">
        <v>9</v>
      </c>
      <c r="L27" s="262">
        <v>112</v>
      </c>
      <c r="M27" s="263">
        <v>112</v>
      </c>
      <c r="N27" s="257">
        <v>0</v>
      </c>
      <c r="O27" s="261">
        <v>0</v>
      </c>
      <c r="P27" s="258">
        <v>0</v>
      </c>
      <c r="Q27" s="260">
        <v>0</v>
      </c>
      <c r="R27" s="261">
        <v>0</v>
      </c>
      <c r="S27" s="261">
        <v>5</v>
      </c>
      <c r="T27" s="261">
        <v>0</v>
      </c>
      <c r="U27" s="261">
        <v>21</v>
      </c>
      <c r="V27" s="261">
        <v>15</v>
      </c>
      <c r="W27" s="258">
        <v>41</v>
      </c>
      <c r="X27" s="263">
        <v>41</v>
      </c>
      <c r="Y27" s="257">
        <v>4</v>
      </c>
      <c r="Z27" s="261">
        <v>21</v>
      </c>
      <c r="AA27" s="258">
        <v>25</v>
      </c>
      <c r="AB27" s="260">
        <v>0</v>
      </c>
      <c r="AC27" s="261">
        <v>37</v>
      </c>
      <c r="AD27" s="261">
        <v>67</v>
      </c>
      <c r="AE27" s="261">
        <v>4</v>
      </c>
      <c r="AF27" s="261">
        <v>0</v>
      </c>
      <c r="AG27" s="261">
        <v>28</v>
      </c>
      <c r="AH27" s="258">
        <v>136</v>
      </c>
      <c r="AI27" s="263">
        <v>161</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30</v>
      </c>
      <c r="AZ27" s="261">
        <v>22</v>
      </c>
      <c r="BA27" s="261">
        <v>46</v>
      </c>
      <c r="BB27" s="261">
        <v>12</v>
      </c>
      <c r="BC27" s="261">
        <v>0</v>
      </c>
      <c r="BD27" s="262">
        <v>110</v>
      </c>
      <c r="BE27" s="263">
        <v>110</v>
      </c>
      <c r="BF27" s="257">
        <v>0</v>
      </c>
      <c r="BG27" s="261">
        <v>0</v>
      </c>
      <c r="BH27" s="258">
        <v>0</v>
      </c>
      <c r="BI27" s="260">
        <v>0</v>
      </c>
      <c r="BJ27" s="261">
        <v>14</v>
      </c>
      <c r="BK27" s="261">
        <v>55</v>
      </c>
      <c r="BL27" s="261">
        <v>9</v>
      </c>
      <c r="BM27" s="261">
        <v>0</v>
      </c>
      <c r="BN27" s="261">
        <v>0</v>
      </c>
      <c r="BO27" s="258">
        <v>78</v>
      </c>
      <c r="BP27" s="263">
        <v>78</v>
      </c>
      <c r="BQ27" s="257">
        <v>0</v>
      </c>
      <c r="BR27" s="261">
        <v>3</v>
      </c>
      <c r="BS27" s="258">
        <v>3</v>
      </c>
      <c r="BT27" s="260">
        <v>0</v>
      </c>
      <c r="BU27" s="261">
        <v>5</v>
      </c>
      <c r="BV27" s="261">
        <v>10</v>
      </c>
      <c r="BW27" s="261">
        <v>0</v>
      </c>
      <c r="BX27" s="261">
        <v>3</v>
      </c>
      <c r="BY27" s="261">
        <v>0</v>
      </c>
      <c r="BZ27" s="258">
        <v>18</v>
      </c>
      <c r="CA27" s="263">
        <v>21</v>
      </c>
      <c r="CB27" s="257">
        <v>0</v>
      </c>
      <c r="CC27" s="261">
        <v>0</v>
      </c>
      <c r="CD27" s="258">
        <v>0</v>
      </c>
      <c r="CE27" s="260">
        <v>0</v>
      </c>
      <c r="CF27" s="261">
        <v>0</v>
      </c>
      <c r="CG27" s="261">
        <v>4</v>
      </c>
      <c r="CH27" s="261">
        <v>0</v>
      </c>
      <c r="CI27" s="261">
        <v>0</v>
      </c>
      <c r="CJ27" s="261">
        <v>0</v>
      </c>
      <c r="CK27" s="258">
        <v>4</v>
      </c>
      <c r="CL27" s="263">
        <v>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58">
        <v>0</v>
      </c>
      <c r="E28" s="259">
        <v>0</v>
      </c>
      <c r="F28" s="260">
        <v>0</v>
      </c>
      <c r="G28" s="261">
        <v>42</v>
      </c>
      <c r="H28" s="261">
        <v>29</v>
      </c>
      <c r="I28" s="261">
        <v>22</v>
      </c>
      <c r="J28" s="261">
        <v>40</v>
      </c>
      <c r="K28" s="261">
        <v>167</v>
      </c>
      <c r="L28" s="262">
        <v>300</v>
      </c>
      <c r="M28" s="263">
        <v>300</v>
      </c>
      <c r="N28" s="257">
        <v>0</v>
      </c>
      <c r="O28" s="261">
        <v>0</v>
      </c>
      <c r="P28" s="258">
        <v>0</v>
      </c>
      <c r="Q28" s="260">
        <v>0</v>
      </c>
      <c r="R28" s="261">
        <v>0</v>
      </c>
      <c r="S28" s="261">
        <v>0</v>
      </c>
      <c r="T28" s="261">
        <v>0</v>
      </c>
      <c r="U28" s="261">
        <v>9</v>
      </c>
      <c r="V28" s="261">
        <v>4</v>
      </c>
      <c r="W28" s="258">
        <v>13</v>
      </c>
      <c r="X28" s="263">
        <v>13</v>
      </c>
      <c r="Y28" s="257">
        <v>0</v>
      </c>
      <c r="Z28" s="261">
        <v>4</v>
      </c>
      <c r="AA28" s="258">
        <v>4</v>
      </c>
      <c r="AB28" s="260">
        <v>0</v>
      </c>
      <c r="AC28" s="261">
        <v>22</v>
      </c>
      <c r="AD28" s="261">
        <v>74</v>
      </c>
      <c r="AE28" s="261">
        <v>27</v>
      </c>
      <c r="AF28" s="261">
        <v>54</v>
      </c>
      <c r="AG28" s="261">
        <v>41</v>
      </c>
      <c r="AH28" s="258">
        <v>218</v>
      </c>
      <c r="AI28" s="263">
        <v>222</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49</v>
      </c>
      <c r="AZ28" s="261">
        <v>44</v>
      </c>
      <c r="BA28" s="261">
        <v>31</v>
      </c>
      <c r="BB28" s="261">
        <v>7</v>
      </c>
      <c r="BC28" s="261">
        <v>0</v>
      </c>
      <c r="BD28" s="262">
        <v>131</v>
      </c>
      <c r="BE28" s="263">
        <v>131</v>
      </c>
      <c r="BF28" s="257">
        <v>0</v>
      </c>
      <c r="BG28" s="261">
        <v>0</v>
      </c>
      <c r="BH28" s="258">
        <v>0</v>
      </c>
      <c r="BI28" s="260">
        <v>0</v>
      </c>
      <c r="BJ28" s="261">
        <v>33</v>
      </c>
      <c r="BK28" s="261">
        <v>38</v>
      </c>
      <c r="BL28" s="261">
        <v>5</v>
      </c>
      <c r="BM28" s="261">
        <v>0</v>
      </c>
      <c r="BN28" s="261">
        <v>0</v>
      </c>
      <c r="BO28" s="258">
        <v>76</v>
      </c>
      <c r="BP28" s="263">
        <v>76</v>
      </c>
      <c r="BQ28" s="257">
        <v>0</v>
      </c>
      <c r="BR28" s="261">
        <v>0</v>
      </c>
      <c r="BS28" s="258">
        <v>0</v>
      </c>
      <c r="BT28" s="260">
        <v>0</v>
      </c>
      <c r="BU28" s="261">
        <v>0</v>
      </c>
      <c r="BV28" s="261">
        <v>0</v>
      </c>
      <c r="BW28" s="261">
        <v>18</v>
      </c>
      <c r="BX28" s="261">
        <v>29</v>
      </c>
      <c r="BY28" s="261">
        <v>0</v>
      </c>
      <c r="BZ28" s="258">
        <v>47</v>
      </c>
      <c r="CA28" s="263">
        <v>47</v>
      </c>
      <c r="CB28" s="257">
        <v>0</v>
      </c>
      <c r="CC28" s="261">
        <v>0</v>
      </c>
      <c r="CD28" s="258">
        <v>0</v>
      </c>
      <c r="CE28" s="260">
        <v>0</v>
      </c>
      <c r="CF28" s="261">
        <v>0</v>
      </c>
      <c r="CG28" s="261">
        <v>2</v>
      </c>
      <c r="CH28" s="261">
        <v>0</v>
      </c>
      <c r="CI28" s="261">
        <v>0</v>
      </c>
      <c r="CJ28" s="261">
        <v>0</v>
      </c>
      <c r="CK28" s="258">
        <v>2</v>
      </c>
      <c r="CL28" s="263">
        <v>2</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58">
        <v>0</v>
      </c>
      <c r="E29" s="259">
        <v>0</v>
      </c>
      <c r="F29" s="260">
        <v>0</v>
      </c>
      <c r="G29" s="261">
        <v>54</v>
      </c>
      <c r="H29" s="261">
        <v>46</v>
      </c>
      <c r="I29" s="261">
        <v>62</v>
      </c>
      <c r="J29" s="261">
        <v>0</v>
      </c>
      <c r="K29" s="261">
        <v>0</v>
      </c>
      <c r="L29" s="262">
        <v>162</v>
      </c>
      <c r="M29" s="263">
        <v>162</v>
      </c>
      <c r="N29" s="257">
        <v>0</v>
      </c>
      <c r="O29" s="261">
        <v>0</v>
      </c>
      <c r="P29" s="258">
        <v>0</v>
      </c>
      <c r="Q29" s="260">
        <v>0</v>
      </c>
      <c r="R29" s="261">
        <v>0</v>
      </c>
      <c r="S29" s="261">
        <v>0</v>
      </c>
      <c r="T29" s="261">
        <v>0</v>
      </c>
      <c r="U29" s="261">
        <v>7</v>
      </c>
      <c r="V29" s="261">
        <v>0</v>
      </c>
      <c r="W29" s="258">
        <v>7</v>
      </c>
      <c r="X29" s="263">
        <v>7</v>
      </c>
      <c r="Y29" s="257">
        <v>29</v>
      </c>
      <c r="Z29" s="261">
        <v>36</v>
      </c>
      <c r="AA29" s="258">
        <v>65</v>
      </c>
      <c r="AB29" s="260">
        <v>0</v>
      </c>
      <c r="AC29" s="261">
        <v>0</v>
      </c>
      <c r="AD29" s="261">
        <v>68</v>
      </c>
      <c r="AE29" s="261">
        <v>49</v>
      </c>
      <c r="AF29" s="261">
        <v>5</v>
      </c>
      <c r="AG29" s="261">
        <v>0</v>
      </c>
      <c r="AH29" s="258">
        <v>122</v>
      </c>
      <c r="AI29" s="263">
        <v>187</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v>
      </c>
      <c r="AZ29" s="261">
        <v>23</v>
      </c>
      <c r="BA29" s="261">
        <v>13</v>
      </c>
      <c r="BB29" s="261">
        <v>9</v>
      </c>
      <c r="BC29" s="261">
        <v>0</v>
      </c>
      <c r="BD29" s="262">
        <v>49</v>
      </c>
      <c r="BE29" s="263">
        <v>49</v>
      </c>
      <c r="BF29" s="257">
        <v>0</v>
      </c>
      <c r="BG29" s="261">
        <v>0</v>
      </c>
      <c r="BH29" s="258">
        <v>0</v>
      </c>
      <c r="BI29" s="260">
        <v>0</v>
      </c>
      <c r="BJ29" s="261">
        <v>18</v>
      </c>
      <c r="BK29" s="261">
        <v>18</v>
      </c>
      <c r="BL29" s="261">
        <v>9</v>
      </c>
      <c r="BM29" s="261">
        <v>0</v>
      </c>
      <c r="BN29" s="261">
        <v>0</v>
      </c>
      <c r="BO29" s="258">
        <v>45</v>
      </c>
      <c r="BP29" s="263">
        <v>45</v>
      </c>
      <c r="BQ29" s="257">
        <v>0</v>
      </c>
      <c r="BR29" s="261">
        <v>0</v>
      </c>
      <c r="BS29" s="258">
        <v>0</v>
      </c>
      <c r="BT29" s="260">
        <v>0</v>
      </c>
      <c r="BU29" s="261">
        <v>0</v>
      </c>
      <c r="BV29" s="261">
        <v>4</v>
      </c>
      <c r="BW29" s="261">
        <v>29</v>
      </c>
      <c r="BX29" s="261">
        <v>9</v>
      </c>
      <c r="BY29" s="261">
        <v>0</v>
      </c>
      <c r="BZ29" s="258">
        <v>42</v>
      </c>
      <c r="CA29" s="263">
        <v>42</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58">
        <v>0</v>
      </c>
      <c r="E30" s="259">
        <v>0</v>
      </c>
      <c r="F30" s="260">
        <v>0</v>
      </c>
      <c r="G30" s="261">
        <v>9</v>
      </c>
      <c r="H30" s="261">
        <v>12</v>
      </c>
      <c r="I30" s="261">
        <v>0</v>
      </c>
      <c r="J30" s="261">
        <v>27</v>
      </c>
      <c r="K30" s="261">
        <v>0</v>
      </c>
      <c r="L30" s="262">
        <v>48</v>
      </c>
      <c r="M30" s="263">
        <v>48</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5</v>
      </c>
      <c r="AE30" s="261">
        <v>4</v>
      </c>
      <c r="AF30" s="261">
        <v>0</v>
      </c>
      <c r="AG30" s="261">
        <v>0</v>
      </c>
      <c r="AH30" s="258">
        <v>19</v>
      </c>
      <c r="AI30" s="263">
        <v>19</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7</v>
      </c>
      <c r="BA30" s="261">
        <v>19</v>
      </c>
      <c r="BB30" s="261">
        <v>13</v>
      </c>
      <c r="BC30" s="261">
        <v>0</v>
      </c>
      <c r="BD30" s="262">
        <v>39</v>
      </c>
      <c r="BE30" s="263">
        <v>39</v>
      </c>
      <c r="BF30" s="257">
        <v>0</v>
      </c>
      <c r="BG30" s="261">
        <v>0</v>
      </c>
      <c r="BH30" s="258">
        <v>0</v>
      </c>
      <c r="BI30" s="260">
        <v>0</v>
      </c>
      <c r="BJ30" s="261">
        <v>0</v>
      </c>
      <c r="BK30" s="261">
        <v>3</v>
      </c>
      <c r="BL30" s="261">
        <v>4</v>
      </c>
      <c r="BM30" s="261">
        <v>0</v>
      </c>
      <c r="BN30" s="261">
        <v>0</v>
      </c>
      <c r="BO30" s="258">
        <v>7</v>
      </c>
      <c r="BP30" s="263">
        <v>7</v>
      </c>
      <c r="BQ30" s="257">
        <v>0</v>
      </c>
      <c r="BR30" s="261">
        <v>0</v>
      </c>
      <c r="BS30" s="258">
        <v>0</v>
      </c>
      <c r="BT30" s="260">
        <v>0</v>
      </c>
      <c r="BU30" s="261">
        <v>0</v>
      </c>
      <c r="BV30" s="261">
        <v>7</v>
      </c>
      <c r="BW30" s="261">
        <v>5</v>
      </c>
      <c r="BX30" s="261">
        <v>0</v>
      </c>
      <c r="BY30" s="261">
        <v>0</v>
      </c>
      <c r="BZ30" s="258">
        <v>12</v>
      </c>
      <c r="CA30" s="263">
        <v>12</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58">
        <v>0</v>
      </c>
      <c r="E31" s="259">
        <v>0</v>
      </c>
      <c r="F31" s="260">
        <v>0</v>
      </c>
      <c r="G31" s="261">
        <v>16</v>
      </c>
      <c r="H31" s="261">
        <v>26</v>
      </c>
      <c r="I31" s="261">
        <v>0</v>
      </c>
      <c r="J31" s="261">
        <v>136</v>
      </c>
      <c r="K31" s="261">
        <v>0</v>
      </c>
      <c r="L31" s="262">
        <v>178</v>
      </c>
      <c r="M31" s="263">
        <v>178</v>
      </c>
      <c r="N31" s="257">
        <v>0</v>
      </c>
      <c r="O31" s="261">
        <v>0</v>
      </c>
      <c r="P31" s="258">
        <v>0</v>
      </c>
      <c r="Q31" s="260">
        <v>0</v>
      </c>
      <c r="R31" s="261">
        <v>0</v>
      </c>
      <c r="S31" s="261">
        <v>0</v>
      </c>
      <c r="T31" s="261">
        <v>0</v>
      </c>
      <c r="U31" s="261">
        <v>0</v>
      </c>
      <c r="V31" s="261">
        <v>0</v>
      </c>
      <c r="W31" s="258">
        <v>0</v>
      </c>
      <c r="X31" s="263">
        <v>0</v>
      </c>
      <c r="Y31" s="257">
        <v>0</v>
      </c>
      <c r="Z31" s="261">
        <v>14</v>
      </c>
      <c r="AA31" s="258">
        <v>14</v>
      </c>
      <c r="AB31" s="260">
        <v>0</v>
      </c>
      <c r="AC31" s="261">
        <v>27</v>
      </c>
      <c r="AD31" s="261">
        <v>19</v>
      </c>
      <c r="AE31" s="261">
        <v>31</v>
      </c>
      <c r="AF31" s="261">
        <v>4</v>
      </c>
      <c r="AG31" s="261">
        <v>0</v>
      </c>
      <c r="AH31" s="258">
        <v>81</v>
      </c>
      <c r="AI31" s="263">
        <v>95</v>
      </c>
      <c r="AJ31" s="257">
        <v>0</v>
      </c>
      <c r="AK31" s="261">
        <v>0</v>
      </c>
      <c r="AL31" s="258">
        <v>0</v>
      </c>
      <c r="AM31" s="260">
        <v>0</v>
      </c>
      <c r="AN31" s="261">
        <v>6</v>
      </c>
      <c r="AO31" s="261">
        <v>0</v>
      </c>
      <c r="AP31" s="261">
        <v>0</v>
      </c>
      <c r="AQ31" s="261">
        <v>99</v>
      </c>
      <c r="AR31" s="261">
        <v>0</v>
      </c>
      <c r="AS31" s="258">
        <v>105</v>
      </c>
      <c r="AT31" s="263">
        <v>105</v>
      </c>
      <c r="AU31" s="257">
        <v>0</v>
      </c>
      <c r="AV31" s="261">
        <v>0</v>
      </c>
      <c r="AW31" s="258">
        <v>0</v>
      </c>
      <c r="AX31" s="260">
        <v>0</v>
      </c>
      <c r="AY31" s="261">
        <v>22</v>
      </c>
      <c r="AZ31" s="261">
        <v>2</v>
      </c>
      <c r="BA31" s="261">
        <v>3</v>
      </c>
      <c r="BB31" s="261">
        <v>14</v>
      </c>
      <c r="BC31" s="261">
        <v>0</v>
      </c>
      <c r="BD31" s="262">
        <v>41</v>
      </c>
      <c r="BE31" s="263">
        <v>41</v>
      </c>
      <c r="BF31" s="257">
        <v>0</v>
      </c>
      <c r="BG31" s="261">
        <v>0</v>
      </c>
      <c r="BH31" s="258">
        <v>0</v>
      </c>
      <c r="BI31" s="260">
        <v>0</v>
      </c>
      <c r="BJ31" s="261">
        <v>11</v>
      </c>
      <c r="BK31" s="261">
        <v>0</v>
      </c>
      <c r="BL31" s="261">
        <v>10</v>
      </c>
      <c r="BM31" s="261">
        <v>7</v>
      </c>
      <c r="BN31" s="261">
        <v>0</v>
      </c>
      <c r="BO31" s="258">
        <v>28</v>
      </c>
      <c r="BP31" s="263">
        <v>28</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58">
        <v>0</v>
      </c>
      <c r="E32" s="259">
        <v>0</v>
      </c>
      <c r="F32" s="260">
        <v>0</v>
      </c>
      <c r="G32" s="261">
        <v>9</v>
      </c>
      <c r="H32" s="261">
        <v>0</v>
      </c>
      <c r="I32" s="261">
        <v>90</v>
      </c>
      <c r="J32" s="261">
        <v>138</v>
      </c>
      <c r="K32" s="261">
        <v>0</v>
      </c>
      <c r="L32" s="262">
        <v>237</v>
      </c>
      <c r="M32" s="263">
        <v>237</v>
      </c>
      <c r="N32" s="257">
        <v>0</v>
      </c>
      <c r="O32" s="261">
        <v>0</v>
      </c>
      <c r="P32" s="258">
        <v>0</v>
      </c>
      <c r="Q32" s="260">
        <v>0</v>
      </c>
      <c r="R32" s="261">
        <v>3</v>
      </c>
      <c r="S32" s="261">
        <v>0</v>
      </c>
      <c r="T32" s="261">
        <v>0</v>
      </c>
      <c r="U32" s="261">
        <v>4</v>
      </c>
      <c r="V32" s="261">
        <v>0</v>
      </c>
      <c r="W32" s="258">
        <v>7</v>
      </c>
      <c r="X32" s="263">
        <v>7</v>
      </c>
      <c r="Y32" s="257">
        <v>0</v>
      </c>
      <c r="Z32" s="261">
        <v>0</v>
      </c>
      <c r="AA32" s="258">
        <v>0</v>
      </c>
      <c r="AB32" s="260">
        <v>0</v>
      </c>
      <c r="AC32" s="261">
        <v>5</v>
      </c>
      <c r="AD32" s="261">
        <v>0</v>
      </c>
      <c r="AE32" s="261">
        <v>0</v>
      </c>
      <c r="AF32" s="261">
        <v>22</v>
      </c>
      <c r="AG32" s="261">
        <v>0</v>
      </c>
      <c r="AH32" s="258">
        <v>27</v>
      </c>
      <c r="AI32" s="263">
        <v>27</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13</v>
      </c>
      <c r="AZ32" s="261">
        <v>21</v>
      </c>
      <c r="BA32" s="261">
        <v>0</v>
      </c>
      <c r="BB32" s="261">
        <v>0</v>
      </c>
      <c r="BC32" s="261">
        <v>0</v>
      </c>
      <c r="BD32" s="262">
        <v>34</v>
      </c>
      <c r="BE32" s="263">
        <v>34</v>
      </c>
      <c r="BF32" s="257">
        <v>0</v>
      </c>
      <c r="BG32" s="261">
        <v>0</v>
      </c>
      <c r="BH32" s="258">
        <v>0</v>
      </c>
      <c r="BI32" s="260">
        <v>0</v>
      </c>
      <c r="BJ32" s="261">
        <v>0</v>
      </c>
      <c r="BK32" s="261">
        <v>6</v>
      </c>
      <c r="BL32" s="261">
        <v>0</v>
      </c>
      <c r="BM32" s="261">
        <v>11</v>
      </c>
      <c r="BN32" s="261">
        <v>0</v>
      </c>
      <c r="BO32" s="258">
        <v>17</v>
      </c>
      <c r="BP32" s="263">
        <v>17</v>
      </c>
      <c r="BQ32" s="257">
        <v>0</v>
      </c>
      <c r="BR32" s="261">
        <v>0</v>
      </c>
      <c r="BS32" s="258">
        <v>0</v>
      </c>
      <c r="BT32" s="260">
        <v>0</v>
      </c>
      <c r="BU32" s="261">
        <v>0</v>
      </c>
      <c r="BV32" s="261">
        <v>13</v>
      </c>
      <c r="BW32" s="261">
        <v>0</v>
      </c>
      <c r="BX32" s="261">
        <v>2</v>
      </c>
      <c r="BY32" s="261">
        <v>0</v>
      </c>
      <c r="BZ32" s="258">
        <v>15</v>
      </c>
      <c r="CA32" s="263">
        <v>15</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58">
        <v>0</v>
      </c>
      <c r="E33" s="259">
        <v>0</v>
      </c>
      <c r="F33" s="260">
        <v>0</v>
      </c>
      <c r="G33" s="261">
        <v>0</v>
      </c>
      <c r="H33" s="261">
        <v>0</v>
      </c>
      <c r="I33" s="261">
        <v>44</v>
      </c>
      <c r="J33" s="261">
        <v>8</v>
      </c>
      <c r="K33" s="261">
        <v>0</v>
      </c>
      <c r="L33" s="262">
        <v>52</v>
      </c>
      <c r="M33" s="263">
        <v>52</v>
      </c>
      <c r="N33" s="257">
        <v>0</v>
      </c>
      <c r="O33" s="261">
        <v>0</v>
      </c>
      <c r="P33" s="258">
        <v>0</v>
      </c>
      <c r="Q33" s="260">
        <v>0</v>
      </c>
      <c r="R33" s="261">
        <v>0</v>
      </c>
      <c r="S33" s="261">
        <v>0</v>
      </c>
      <c r="T33" s="261">
        <v>0</v>
      </c>
      <c r="U33" s="261">
        <v>3</v>
      </c>
      <c r="V33" s="261">
        <v>8</v>
      </c>
      <c r="W33" s="258">
        <v>11</v>
      </c>
      <c r="X33" s="263">
        <v>11</v>
      </c>
      <c r="Y33" s="257">
        <v>0</v>
      </c>
      <c r="Z33" s="261">
        <v>0</v>
      </c>
      <c r="AA33" s="258">
        <v>0</v>
      </c>
      <c r="AB33" s="260">
        <v>0</v>
      </c>
      <c r="AC33" s="261">
        <v>4</v>
      </c>
      <c r="AD33" s="261">
        <v>4</v>
      </c>
      <c r="AE33" s="261">
        <v>23</v>
      </c>
      <c r="AF33" s="261">
        <v>40</v>
      </c>
      <c r="AG33" s="261">
        <v>28</v>
      </c>
      <c r="AH33" s="258">
        <v>99</v>
      </c>
      <c r="AI33" s="263">
        <v>99</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4</v>
      </c>
      <c r="AZ33" s="261">
        <v>26</v>
      </c>
      <c r="BA33" s="261">
        <v>8</v>
      </c>
      <c r="BB33" s="261">
        <v>9</v>
      </c>
      <c r="BC33" s="261">
        <v>0</v>
      </c>
      <c r="BD33" s="262">
        <v>47</v>
      </c>
      <c r="BE33" s="263">
        <v>47</v>
      </c>
      <c r="BF33" s="257">
        <v>0</v>
      </c>
      <c r="BG33" s="261">
        <v>0</v>
      </c>
      <c r="BH33" s="258">
        <v>0</v>
      </c>
      <c r="BI33" s="260">
        <v>0</v>
      </c>
      <c r="BJ33" s="261">
        <v>3</v>
      </c>
      <c r="BK33" s="261">
        <v>17</v>
      </c>
      <c r="BL33" s="261">
        <v>0</v>
      </c>
      <c r="BM33" s="261">
        <v>0</v>
      </c>
      <c r="BN33" s="261">
        <v>0</v>
      </c>
      <c r="BO33" s="258">
        <v>20</v>
      </c>
      <c r="BP33" s="263">
        <v>2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58">
        <v>0</v>
      </c>
      <c r="E34" s="259">
        <v>0</v>
      </c>
      <c r="F34" s="260">
        <v>0</v>
      </c>
      <c r="G34" s="261">
        <v>9</v>
      </c>
      <c r="H34" s="261">
        <v>0</v>
      </c>
      <c r="I34" s="261">
        <v>0</v>
      </c>
      <c r="J34" s="261">
        <v>0</v>
      </c>
      <c r="K34" s="261">
        <v>120</v>
      </c>
      <c r="L34" s="262">
        <v>129</v>
      </c>
      <c r="M34" s="263">
        <v>129</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10</v>
      </c>
      <c r="AE34" s="261">
        <v>0</v>
      </c>
      <c r="AF34" s="261">
        <v>0</v>
      </c>
      <c r="AG34" s="261">
        <v>0</v>
      </c>
      <c r="AH34" s="258">
        <v>10</v>
      </c>
      <c r="AI34" s="263">
        <v>10</v>
      </c>
      <c r="AJ34" s="257">
        <v>17</v>
      </c>
      <c r="AK34" s="261">
        <v>0</v>
      </c>
      <c r="AL34" s="258">
        <v>17</v>
      </c>
      <c r="AM34" s="260">
        <v>0</v>
      </c>
      <c r="AN34" s="261">
        <v>0</v>
      </c>
      <c r="AO34" s="261">
        <v>12</v>
      </c>
      <c r="AP34" s="261">
        <v>0</v>
      </c>
      <c r="AQ34" s="261">
        <v>6</v>
      </c>
      <c r="AR34" s="261">
        <v>0</v>
      </c>
      <c r="AS34" s="258">
        <v>18</v>
      </c>
      <c r="AT34" s="263">
        <v>35</v>
      </c>
      <c r="AU34" s="257">
        <v>0</v>
      </c>
      <c r="AV34" s="261">
        <v>0</v>
      </c>
      <c r="AW34" s="258">
        <v>0</v>
      </c>
      <c r="AX34" s="260">
        <v>0</v>
      </c>
      <c r="AY34" s="261">
        <v>31</v>
      </c>
      <c r="AZ34" s="261">
        <v>30</v>
      </c>
      <c r="BA34" s="261">
        <v>20</v>
      </c>
      <c r="BB34" s="261">
        <v>0</v>
      </c>
      <c r="BC34" s="261">
        <v>0</v>
      </c>
      <c r="BD34" s="262">
        <v>81</v>
      </c>
      <c r="BE34" s="263">
        <v>81</v>
      </c>
      <c r="BF34" s="257">
        <v>0</v>
      </c>
      <c r="BG34" s="261">
        <v>0</v>
      </c>
      <c r="BH34" s="258">
        <v>0</v>
      </c>
      <c r="BI34" s="260">
        <v>0</v>
      </c>
      <c r="BJ34" s="261">
        <v>0</v>
      </c>
      <c r="BK34" s="261">
        <v>0</v>
      </c>
      <c r="BL34" s="261">
        <v>8</v>
      </c>
      <c r="BM34" s="261">
        <v>7</v>
      </c>
      <c r="BN34" s="261">
        <v>0</v>
      </c>
      <c r="BO34" s="258">
        <v>15</v>
      </c>
      <c r="BP34" s="263">
        <v>15</v>
      </c>
      <c r="BQ34" s="257">
        <v>0</v>
      </c>
      <c r="BR34" s="261">
        <v>0</v>
      </c>
      <c r="BS34" s="258">
        <v>0</v>
      </c>
      <c r="BT34" s="260">
        <v>0</v>
      </c>
      <c r="BU34" s="261">
        <v>0</v>
      </c>
      <c r="BV34" s="261">
        <v>0</v>
      </c>
      <c r="BW34" s="261">
        <v>4</v>
      </c>
      <c r="BX34" s="261">
        <v>0</v>
      </c>
      <c r="BY34" s="261">
        <v>0</v>
      </c>
      <c r="BZ34" s="258">
        <v>4</v>
      </c>
      <c r="CA34" s="263">
        <v>4</v>
      </c>
      <c r="CB34" s="257">
        <v>0</v>
      </c>
      <c r="CC34" s="261">
        <v>0</v>
      </c>
      <c r="CD34" s="258">
        <v>0</v>
      </c>
      <c r="CE34" s="260">
        <v>0</v>
      </c>
      <c r="CF34" s="261">
        <v>0</v>
      </c>
      <c r="CG34" s="261">
        <v>0</v>
      </c>
      <c r="CH34" s="261">
        <v>0</v>
      </c>
      <c r="CI34" s="261">
        <v>0</v>
      </c>
      <c r="CJ34" s="261">
        <v>0</v>
      </c>
      <c r="CK34" s="258">
        <v>0</v>
      </c>
      <c r="CL34" s="263">
        <v>0</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58">
        <v>0</v>
      </c>
      <c r="E35" s="259">
        <v>0</v>
      </c>
      <c r="F35" s="260">
        <v>0</v>
      </c>
      <c r="G35" s="261">
        <v>35</v>
      </c>
      <c r="H35" s="261">
        <v>0</v>
      </c>
      <c r="I35" s="261">
        <v>0</v>
      </c>
      <c r="J35" s="261">
        <v>0</v>
      </c>
      <c r="K35" s="261">
        <v>0</v>
      </c>
      <c r="L35" s="262">
        <v>35</v>
      </c>
      <c r="M35" s="263">
        <v>35</v>
      </c>
      <c r="N35" s="257">
        <v>0</v>
      </c>
      <c r="O35" s="261">
        <v>0</v>
      </c>
      <c r="P35" s="258">
        <v>0</v>
      </c>
      <c r="Q35" s="260">
        <v>0</v>
      </c>
      <c r="R35" s="261">
        <v>0</v>
      </c>
      <c r="S35" s="261">
        <v>0</v>
      </c>
      <c r="T35" s="261">
        <v>0</v>
      </c>
      <c r="U35" s="261">
        <v>5</v>
      </c>
      <c r="V35" s="261">
        <v>0</v>
      </c>
      <c r="W35" s="258">
        <v>5</v>
      </c>
      <c r="X35" s="263">
        <v>5</v>
      </c>
      <c r="Y35" s="257">
        <v>0</v>
      </c>
      <c r="Z35" s="261">
        <v>0</v>
      </c>
      <c r="AA35" s="258">
        <v>0</v>
      </c>
      <c r="AB35" s="260">
        <v>0</v>
      </c>
      <c r="AC35" s="261">
        <v>0</v>
      </c>
      <c r="AD35" s="261">
        <v>4</v>
      </c>
      <c r="AE35" s="261">
        <v>0</v>
      </c>
      <c r="AF35" s="261">
        <v>0</v>
      </c>
      <c r="AG35" s="261">
        <v>0</v>
      </c>
      <c r="AH35" s="258">
        <v>4</v>
      </c>
      <c r="AI35" s="263">
        <v>4</v>
      </c>
      <c r="AJ35" s="257">
        <v>0</v>
      </c>
      <c r="AK35" s="261">
        <v>0</v>
      </c>
      <c r="AL35" s="258">
        <v>0</v>
      </c>
      <c r="AM35" s="260">
        <v>0</v>
      </c>
      <c r="AN35" s="261">
        <v>36</v>
      </c>
      <c r="AO35" s="261">
        <v>28</v>
      </c>
      <c r="AP35" s="261">
        <v>8</v>
      </c>
      <c r="AQ35" s="261">
        <v>0</v>
      </c>
      <c r="AR35" s="261">
        <v>27</v>
      </c>
      <c r="AS35" s="258">
        <v>99</v>
      </c>
      <c r="AT35" s="263">
        <v>99</v>
      </c>
      <c r="AU35" s="257">
        <v>0</v>
      </c>
      <c r="AV35" s="261">
        <v>0</v>
      </c>
      <c r="AW35" s="258">
        <v>0</v>
      </c>
      <c r="AX35" s="260">
        <v>0</v>
      </c>
      <c r="AY35" s="261">
        <v>12</v>
      </c>
      <c r="AZ35" s="261">
        <v>0</v>
      </c>
      <c r="BA35" s="261">
        <v>0</v>
      </c>
      <c r="BB35" s="261">
        <v>0</v>
      </c>
      <c r="BC35" s="261">
        <v>0</v>
      </c>
      <c r="BD35" s="262">
        <v>12</v>
      </c>
      <c r="BE35" s="263">
        <v>12</v>
      </c>
      <c r="BF35" s="257">
        <v>0</v>
      </c>
      <c r="BG35" s="261">
        <v>0</v>
      </c>
      <c r="BH35" s="258">
        <v>0</v>
      </c>
      <c r="BI35" s="260">
        <v>0</v>
      </c>
      <c r="BJ35" s="261">
        <v>13</v>
      </c>
      <c r="BK35" s="261">
        <v>0</v>
      </c>
      <c r="BL35" s="261">
        <v>3</v>
      </c>
      <c r="BM35" s="261">
        <v>0</v>
      </c>
      <c r="BN35" s="261">
        <v>0</v>
      </c>
      <c r="BO35" s="258">
        <v>16</v>
      </c>
      <c r="BP35" s="263">
        <v>16</v>
      </c>
      <c r="BQ35" s="257">
        <v>0</v>
      </c>
      <c r="BR35" s="261">
        <v>0</v>
      </c>
      <c r="BS35" s="258">
        <v>0</v>
      </c>
      <c r="BT35" s="260">
        <v>0</v>
      </c>
      <c r="BU35" s="261">
        <v>0</v>
      </c>
      <c r="BV35" s="261">
        <v>0</v>
      </c>
      <c r="BW35" s="261">
        <v>3</v>
      </c>
      <c r="BX35" s="261">
        <v>3</v>
      </c>
      <c r="BY35" s="261">
        <v>0</v>
      </c>
      <c r="BZ35" s="258">
        <v>6</v>
      </c>
      <c r="CA35" s="263">
        <v>6</v>
      </c>
      <c r="CB35" s="257">
        <v>0</v>
      </c>
      <c r="CC35" s="261">
        <v>0</v>
      </c>
      <c r="CD35" s="258">
        <v>0</v>
      </c>
      <c r="CE35" s="260">
        <v>0</v>
      </c>
      <c r="CF35" s="261">
        <v>6</v>
      </c>
      <c r="CG35" s="261">
        <v>0</v>
      </c>
      <c r="CH35" s="261">
        <v>0</v>
      </c>
      <c r="CI35" s="261">
        <v>13</v>
      </c>
      <c r="CJ35" s="261">
        <v>0</v>
      </c>
      <c r="CK35" s="258">
        <v>19</v>
      </c>
      <c r="CL35" s="263">
        <v>19</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58">
        <v>0</v>
      </c>
      <c r="E36" s="259">
        <v>0</v>
      </c>
      <c r="F36" s="260">
        <v>0</v>
      </c>
      <c r="G36" s="261">
        <v>9</v>
      </c>
      <c r="H36" s="261">
        <v>44</v>
      </c>
      <c r="I36" s="261">
        <v>0</v>
      </c>
      <c r="J36" s="261">
        <v>0</v>
      </c>
      <c r="K36" s="261">
        <v>0</v>
      </c>
      <c r="L36" s="262">
        <v>53</v>
      </c>
      <c r="M36" s="263">
        <v>53</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4</v>
      </c>
      <c r="AE36" s="261">
        <v>0</v>
      </c>
      <c r="AF36" s="261">
        <v>0</v>
      </c>
      <c r="AG36" s="261">
        <v>0</v>
      </c>
      <c r="AH36" s="258">
        <v>4</v>
      </c>
      <c r="AI36" s="263">
        <v>4</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3</v>
      </c>
      <c r="BA36" s="261">
        <v>25</v>
      </c>
      <c r="BB36" s="261">
        <v>0</v>
      </c>
      <c r="BC36" s="261">
        <v>0</v>
      </c>
      <c r="BD36" s="262">
        <v>38</v>
      </c>
      <c r="BE36" s="263">
        <v>38</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58">
        <v>0</v>
      </c>
      <c r="E37" s="259">
        <v>0</v>
      </c>
      <c r="F37" s="260">
        <v>0</v>
      </c>
      <c r="G37" s="261">
        <v>58</v>
      </c>
      <c r="H37" s="261">
        <v>19</v>
      </c>
      <c r="I37" s="261">
        <v>20</v>
      </c>
      <c r="J37" s="261">
        <v>26</v>
      </c>
      <c r="K37" s="261">
        <v>61</v>
      </c>
      <c r="L37" s="262">
        <v>184</v>
      </c>
      <c r="M37" s="263">
        <v>184</v>
      </c>
      <c r="N37" s="257">
        <v>0</v>
      </c>
      <c r="O37" s="261">
        <v>0</v>
      </c>
      <c r="P37" s="258">
        <v>0</v>
      </c>
      <c r="Q37" s="260">
        <v>0</v>
      </c>
      <c r="R37" s="261">
        <v>0</v>
      </c>
      <c r="S37" s="261">
        <v>0</v>
      </c>
      <c r="T37" s="261">
        <v>0</v>
      </c>
      <c r="U37" s="261">
        <v>5</v>
      </c>
      <c r="V37" s="261">
        <v>4</v>
      </c>
      <c r="W37" s="258">
        <v>9</v>
      </c>
      <c r="X37" s="263">
        <v>9</v>
      </c>
      <c r="Y37" s="257">
        <v>6</v>
      </c>
      <c r="Z37" s="261">
        <v>7</v>
      </c>
      <c r="AA37" s="258">
        <v>13</v>
      </c>
      <c r="AB37" s="260">
        <v>0</v>
      </c>
      <c r="AC37" s="261">
        <v>22</v>
      </c>
      <c r="AD37" s="261">
        <v>11</v>
      </c>
      <c r="AE37" s="261">
        <v>21</v>
      </c>
      <c r="AF37" s="261">
        <v>34</v>
      </c>
      <c r="AG37" s="261">
        <v>13</v>
      </c>
      <c r="AH37" s="258">
        <v>101</v>
      </c>
      <c r="AI37" s="263">
        <v>114</v>
      </c>
      <c r="AJ37" s="257">
        <v>0</v>
      </c>
      <c r="AK37" s="261">
        <v>12</v>
      </c>
      <c r="AL37" s="258">
        <v>12</v>
      </c>
      <c r="AM37" s="260">
        <v>0</v>
      </c>
      <c r="AN37" s="261">
        <v>52</v>
      </c>
      <c r="AO37" s="261">
        <v>0</v>
      </c>
      <c r="AP37" s="261">
        <v>0</v>
      </c>
      <c r="AQ37" s="261">
        <v>0</v>
      </c>
      <c r="AR37" s="261">
        <v>0</v>
      </c>
      <c r="AS37" s="258">
        <v>52</v>
      </c>
      <c r="AT37" s="263">
        <v>64</v>
      </c>
      <c r="AU37" s="257">
        <v>0</v>
      </c>
      <c r="AV37" s="261">
        <v>0</v>
      </c>
      <c r="AW37" s="258">
        <v>0</v>
      </c>
      <c r="AX37" s="260">
        <v>0</v>
      </c>
      <c r="AY37" s="261">
        <v>42</v>
      </c>
      <c r="AZ37" s="261">
        <v>23</v>
      </c>
      <c r="BA37" s="261">
        <v>18</v>
      </c>
      <c r="BB37" s="261">
        <v>7</v>
      </c>
      <c r="BC37" s="261">
        <v>0</v>
      </c>
      <c r="BD37" s="262">
        <v>90</v>
      </c>
      <c r="BE37" s="263">
        <v>90</v>
      </c>
      <c r="BF37" s="257">
        <v>0</v>
      </c>
      <c r="BG37" s="261">
        <v>0</v>
      </c>
      <c r="BH37" s="258">
        <v>0</v>
      </c>
      <c r="BI37" s="260">
        <v>0</v>
      </c>
      <c r="BJ37" s="261">
        <v>8</v>
      </c>
      <c r="BK37" s="261">
        <v>11</v>
      </c>
      <c r="BL37" s="261">
        <v>0</v>
      </c>
      <c r="BM37" s="261">
        <v>11</v>
      </c>
      <c r="BN37" s="261">
        <v>0</v>
      </c>
      <c r="BO37" s="258">
        <v>30</v>
      </c>
      <c r="BP37" s="263">
        <v>30</v>
      </c>
      <c r="BQ37" s="257">
        <v>0</v>
      </c>
      <c r="BR37" s="261">
        <v>0</v>
      </c>
      <c r="BS37" s="258">
        <v>0</v>
      </c>
      <c r="BT37" s="260">
        <v>0</v>
      </c>
      <c r="BU37" s="261">
        <v>4</v>
      </c>
      <c r="BV37" s="261">
        <v>0</v>
      </c>
      <c r="BW37" s="261">
        <v>0</v>
      </c>
      <c r="BX37" s="261">
        <v>27</v>
      </c>
      <c r="BY37" s="261">
        <v>0</v>
      </c>
      <c r="BZ37" s="258">
        <v>31</v>
      </c>
      <c r="CA37" s="263">
        <v>31</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58">
        <v>0</v>
      </c>
      <c r="E38" s="259">
        <v>0</v>
      </c>
      <c r="F38" s="260">
        <v>0</v>
      </c>
      <c r="G38" s="261">
        <v>12</v>
      </c>
      <c r="H38" s="261">
        <v>4</v>
      </c>
      <c r="I38" s="261">
        <v>0</v>
      </c>
      <c r="J38" s="261">
        <v>90</v>
      </c>
      <c r="K38" s="261">
        <v>120</v>
      </c>
      <c r="L38" s="262">
        <v>226</v>
      </c>
      <c r="M38" s="263">
        <v>226</v>
      </c>
      <c r="N38" s="257">
        <v>0</v>
      </c>
      <c r="O38" s="261">
        <v>0</v>
      </c>
      <c r="P38" s="258">
        <v>0</v>
      </c>
      <c r="Q38" s="260">
        <v>0</v>
      </c>
      <c r="R38" s="261">
        <v>0</v>
      </c>
      <c r="S38" s="261">
        <v>0</v>
      </c>
      <c r="T38" s="261">
        <v>0</v>
      </c>
      <c r="U38" s="261">
        <v>0</v>
      </c>
      <c r="V38" s="261">
        <v>0</v>
      </c>
      <c r="W38" s="258">
        <v>0</v>
      </c>
      <c r="X38" s="263">
        <v>0</v>
      </c>
      <c r="Y38" s="257">
        <v>0</v>
      </c>
      <c r="Z38" s="261">
        <v>5</v>
      </c>
      <c r="AA38" s="258">
        <v>5</v>
      </c>
      <c r="AB38" s="260">
        <v>0</v>
      </c>
      <c r="AC38" s="261">
        <v>13</v>
      </c>
      <c r="AD38" s="261">
        <v>14</v>
      </c>
      <c r="AE38" s="261">
        <v>9</v>
      </c>
      <c r="AF38" s="261">
        <v>2</v>
      </c>
      <c r="AG38" s="261">
        <v>10</v>
      </c>
      <c r="AH38" s="258">
        <v>48</v>
      </c>
      <c r="AI38" s="263">
        <v>53</v>
      </c>
      <c r="AJ38" s="257">
        <v>0</v>
      </c>
      <c r="AK38" s="261">
        <v>0</v>
      </c>
      <c r="AL38" s="258">
        <v>0</v>
      </c>
      <c r="AM38" s="260">
        <v>0</v>
      </c>
      <c r="AN38" s="261">
        <v>18</v>
      </c>
      <c r="AO38" s="261">
        <v>0</v>
      </c>
      <c r="AP38" s="261">
        <v>0</v>
      </c>
      <c r="AQ38" s="261">
        <v>26</v>
      </c>
      <c r="AR38" s="261">
        <v>0</v>
      </c>
      <c r="AS38" s="258">
        <v>44</v>
      </c>
      <c r="AT38" s="263">
        <v>44</v>
      </c>
      <c r="AU38" s="257">
        <v>0</v>
      </c>
      <c r="AV38" s="261">
        <v>0</v>
      </c>
      <c r="AW38" s="258">
        <v>0</v>
      </c>
      <c r="AX38" s="260">
        <v>0</v>
      </c>
      <c r="AY38" s="261">
        <v>7</v>
      </c>
      <c r="AZ38" s="261">
        <v>8</v>
      </c>
      <c r="BA38" s="261">
        <v>6</v>
      </c>
      <c r="BB38" s="261">
        <v>28</v>
      </c>
      <c r="BC38" s="261">
        <v>5</v>
      </c>
      <c r="BD38" s="262">
        <v>54</v>
      </c>
      <c r="BE38" s="263">
        <v>54</v>
      </c>
      <c r="BF38" s="257">
        <v>0</v>
      </c>
      <c r="BG38" s="261">
        <v>0</v>
      </c>
      <c r="BH38" s="258">
        <v>0</v>
      </c>
      <c r="BI38" s="260">
        <v>0</v>
      </c>
      <c r="BJ38" s="261">
        <v>3</v>
      </c>
      <c r="BK38" s="261">
        <v>0</v>
      </c>
      <c r="BL38" s="261">
        <v>0</v>
      </c>
      <c r="BM38" s="261">
        <v>0</v>
      </c>
      <c r="BN38" s="261">
        <v>0</v>
      </c>
      <c r="BO38" s="258">
        <v>3</v>
      </c>
      <c r="BP38" s="263">
        <v>3</v>
      </c>
      <c r="BQ38" s="257">
        <v>0</v>
      </c>
      <c r="BR38" s="261">
        <v>0</v>
      </c>
      <c r="BS38" s="258">
        <v>0</v>
      </c>
      <c r="BT38" s="260">
        <v>0</v>
      </c>
      <c r="BU38" s="261">
        <v>0</v>
      </c>
      <c r="BV38" s="261">
        <v>17</v>
      </c>
      <c r="BW38" s="261">
        <v>0</v>
      </c>
      <c r="BX38" s="261">
        <v>6</v>
      </c>
      <c r="BY38" s="261">
        <v>0</v>
      </c>
      <c r="BZ38" s="258">
        <v>23</v>
      </c>
      <c r="CA38" s="263">
        <v>23</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5">
        <v>0</v>
      </c>
      <c r="E39" s="266">
        <v>0</v>
      </c>
      <c r="F39" s="267">
        <v>0</v>
      </c>
      <c r="G39" s="268">
        <v>0</v>
      </c>
      <c r="H39" s="268">
        <v>0</v>
      </c>
      <c r="I39" s="268">
        <v>0</v>
      </c>
      <c r="J39" s="268">
        <v>0</v>
      </c>
      <c r="K39" s="268">
        <v>22</v>
      </c>
      <c r="L39" s="269">
        <v>22</v>
      </c>
      <c r="M39" s="270">
        <v>22</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3</v>
      </c>
      <c r="AH39" s="265">
        <v>3</v>
      </c>
      <c r="AI39" s="270">
        <v>3</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4</v>
      </c>
      <c r="CK39" s="265">
        <v>4</v>
      </c>
      <c r="CL39" s="270">
        <v>4</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L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8</v>
      </c>
      <c r="F1" s="17"/>
      <c r="H1" s="499">
        <f>第１表!F2</f>
        <v>5</v>
      </c>
      <c r="I1" s="499"/>
      <c r="J1" s="235">
        <f>第１表!G2</f>
        <v>8</v>
      </c>
      <c r="K1" s="530">
        <f>IF(J1&lt;3,J1-2+12,J1-2)</f>
        <v>6</v>
      </c>
      <c r="L1" s="530"/>
    </row>
    <row r="2" spans="2:35" ht="24" customHeight="1" thickBot="1" x14ac:dyDescent="0.25">
      <c r="J2" s="5"/>
      <c r="K2" s="5"/>
      <c r="L2" s="5"/>
      <c r="M2" s="5"/>
      <c r="N2" s="5"/>
      <c r="O2" s="5"/>
      <c r="P2" s="25"/>
      <c r="Q2" s="25"/>
      <c r="R2" s="25"/>
    </row>
    <row r="3" spans="2:35" ht="21" customHeight="1" thickBot="1" x14ac:dyDescent="0.25">
      <c r="B3" s="21"/>
      <c r="C3" s="531" t="s">
        <v>53</v>
      </c>
      <c r="D3" s="532"/>
      <c r="E3" s="532"/>
      <c r="F3" s="532"/>
      <c r="G3" s="532"/>
      <c r="H3" s="532"/>
      <c r="I3" s="532"/>
      <c r="J3" s="532"/>
      <c r="K3" s="532"/>
      <c r="L3" s="532"/>
      <c r="M3" s="533"/>
      <c r="N3" s="531" t="s">
        <v>54</v>
      </c>
      <c r="O3" s="532"/>
      <c r="P3" s="532"/>
      <c r="Q3" s="532"/>
      <c r="R3" s="532"/>
      <c r="S3" s="532"/>
      <c r="T3" s="532"/>
      <c r="U3" s="532"/>
      <c r="V3" s="532"/>
      <c r="W3" s="532"/>
      <c r="X3" s="533"/>
      <c r="Y3" s="531" t="s">
        <v>55</v>
      </c>
      <c r="Z3" s="532"/>
      <c r="AA3" s="532"/>
      <c r="AB3" s="532"/>
      <c r="AC3" s="532"/>
      <c r="AD3" s="532"/>
      <c r="AE3" s="532"/>
      <c r="AF3" s="532"/>
      <c r="AG3" s="532"/>
      <c r="AH3" s="532"/>
      <c r="AI3" s="533"/>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70" t="s">
        <v>4</v>
      </c>
      <c r="C5" s="81">
        <v>189</v>
      </c>
      <c r="D5" s="82">
        <v>318</v>
      </c>
      <c r="E5" s="83">
        <v>507</v>
      </c>
      <c r="F5" s="84">
        <v>0</v>
      </c>
      <c r="G5" s="82">
        <v>18816</v>
      </c>
      <c r="H5" s="82">
        <v>19117</v>
      </c>
      <c r="I5" s="82">
        <v>12956</v>
      </c>
      <c r="J5" s="82">
        <v>8247</v>
      </c>
      <c r="K5" s="82">
        <v>5223</v>
      </c>
      <c r="L5" s="83">
        <v>64359</v>
      </c>
      <c r="M5" s="85">
        <v>64866</v>
      </c>
      <c r="N5" s="86">
        <v>2</v>
      </c>
      <c r="O5" s="82">
        <v>2</v>
      </c>
      <c r="P5" s="83">
        <v>4</v>
      </c>
      <c r="Q5" s="84">
        <v>0</v>
      </c>
      <c r="R5" s="82">
        <v>216</v>
      </c>
      <c r="S5" s="82">
        <v>354</v>
      </c>
      <c r="T5" s="82">
        <v>242</v>
      </c>
      <c r="U5" s="82">
        <v>178</v>
      </c>
      <c r="V5" s="82">
        <v>164</v>
      </c>
      <c r="W5" s="83">
        <v>1154</v>
      </c>
      <c r="X5" s="85">
        <v>1158</v>
      </c>
      <c r="Y5" s="86">
        <v>191</v>
      </c>
      <c r="Z5" s="82">
        <v>320</v>
      </c>
      <c r="AA5" s="83">
        <v>511</v>
      </c>
      <c r="AB5" s="84">
        <v>0</v>
      </c>
      <c r="AC5" s="82">
        <v>19032</v>
      </c>
      <c r="AD5" s="82">
        <v>19471</v>
      </c>
      <c r="AE5" s="82">
        <v>13198</v>
      </c>
      <c r="AF5" s="82">
        <v>8425</v>
      </c>
      <c r="AG5" s="82">
        <v>5387</v>
      </c>
      <c r="AH5" s="83">
        <v>65513</v>
      </c>
      <c r="AI5" s="85">
        <v>66024</v>
      </c>
    </row>
    <row r="6" spans="2:35" ht="21" customHeight="1" x14ac:dyDescent="0.2">
      <c r="B6" s="471" t="s">
        <v>5</v>
      </c>
      <c r="C6" s="87">
        <v>79</v>
      </c>
      <c r="D6" s="88">
        <v>126</v>
      </c>
      <c r="E6" s="89">
        <v>205</v>
      </c>
      <c r="F6" s="90">
        <v>0</v>
      </c>
      <c r="G6" s="88">
        <v>6961</v>
      </c>
      <c r="H6" s="88">
        <v>9002</v>
      </c>
      <c r="I6" s="88">
        <v>5692</v>
      </c>
      <c r="J6" s="88">
        <v>3670</v>
      </c>
      <c r="K6" s="88">
        <v>2408</v>
      </c>
      <c r="L6" s="89">
        <v>27733</v>
      </c>
      <c r="M6" s="91">
        <v>27938</v>
      </c>
      <c r="N6" s="92">
        <v>2</v>
      </c>
      <c r="O6" s="88">
        <v>0</v>
      </c>
      <c r="P6" s="89">
        <v>2</v>
      </c>
      <c r="Q6" s="90">
        <v>0</v>
      </c>
      <c r="R6" s="88">
        <v>71</v>
      </c>
      <c r="S6" s="88">
        <v>166</v>
      </c>
      <c r="T6" s="88">
        <v>134</v>
      </c>
      <c r="U6" s="88">
        <v>83</v>
      </c>
      <c r="V6" s="88">
        <v>81</v>
      </c>
      <c r="W6" s="89">
        <v>535</v>
      </c>
      <c r="X6" s="91">
        <v>537</v>
      </c>
      <c r="Y6" s="92">
        <v>81</v>
      </c>
      <c r="Z6" s="88">
        <v>126</v>
      </c>
      <c r="AA6" s="89">
        <v>207</v>
      </c>
      <c r="AB6" s="90">
        <v>0</v>
      </c>
      <c r="AC6" s="88">
        <v>7032</v>
      </c>
      <c r="AD6" s="88">
        <v>9168</v>
      </c>
      <c r="AE6" s="88">
        <v>5826</v>
      </c>
      <c r="AF6" s="88">
        <v>3753</v>
      </c>
      <c r="AG6" s="88">
        <v>2489</v>
      </c>
      <c r="AH6" s="89">
        <v>28268</v>
      </c>
      <c r="AI6" s="91">
        <v>28475</v>
      </c>
    </row>
    <row r="7" spans="2:35" ht="21" customHeight="1" x14ac:dyDescent="0.2">
      <c r="B7" s="472" t="s">
        <v>6</v>
      </c>
      <c r="C7" s="87">
        <v>31</v>
      </c>
      <c r="D7" s="88">
        <v>35</v>
      </c>
      <c r="E7" s="89">
        <v>66</v>
      </c>
      <c r="F7" s="90">
        <v>0</v>
      </c>
      <c r="G7" s="88">
        <v>2897</v>
      </c>
      <c r="H7" s="88">
        <v>2551</v>
      </c>
      <c r="I7" s="88">
        <v>1929</v>
      </c>
      <c r="J7" s="88">
        <v>1352</v>
      </c>
      <c r="K7" s="88">
        <v>931</v>
      </c>
      <c r="L7" s="89">
        <v>9660</v>
      </c>
      <c r="M7" s="91">
        <v>9726</v>
      </c>
      <c r="N7" s="92">
        <v>0</v>
      </c>
      <c r="O7" s="88">
        <v>0</v>
      </c>
      <c r="P7" s="89">
        <v>0</v>
      </c>
      <c r="Q7" s="90">
        <v>0</v>
      </c>
      <c r="R7" s="88">
        <v>34</v>
      </c>
      <c r="S7" s="88">
        <v>38</v>
      </c>
      <c r="T7" s="88">
        <v>28</v>
      </c>
      <c r="U7" s="88">
        <v>25</v>
      </c>
      <c r="V7" s="88">
        <v>23</v>
      </c>
      <c r="W7" s="89">
        <v>148</v>
      </c>
      <c r="X7" s="91">
        <v>148</v>
      </c>
      <c r="Y7" s="92">
        <v>31</v>
      </c>
      <c r="Z7" s="88">
        <v>35</v>
      </c>
      <c r="AA7" s="89">
        <v>66</v>
      </c>
      <c r="AB7" s="90">
        <v>0</v>
      </c>
      <c r="AC7" s="88">
        <v>2931</v>
      </c>
      <c r="AD7" s="88">
        <v>2589</v>
      </c>
      <c r="AE7" s="88">
        <v>1957</v>
      </c>
      <c r="AF7" s="88">
        <v>1377</v>
      </c>
      <c r="AG7" s="88">
        <v>954</v>
      </c>
      <c r="AH7" s="89">
        <v>9808</v>
      </c>
      <c r="AI7" s="91">
        <v>9874</v>
      </c>
    </row>
    <row r="8" spans="2:35" ht="21" customHeight="1" x14ac:dyDescent="0.2">
      <c r="B8" s="472" t="s">
        <v>14</v>
      </c>
      <c r="C8" s="87">
        <v>20</v>
      </c>
      <c r="D8" s="88">
        <v>26</v>
      </c>
      <c r="E8" s="89">
        <v>46</v>
      </c>
      <c r="F8" s="90">
        <v>0</v>
      </c>
      <c r="G8" s="88">
        <v>1409</v>
      </c>
      <c r="H8" s="88">
        <v>1646</v>
      </c>
      <c r="I8" s="88">
        <v>1132</v>
      </c>
      <c r="J8" s="88">
        <v>641</v>
      </c>
      <c r="K8" s="88">
        <v>356</v>
      </c>
      <c r="L8" s="89">
        <v>5184</v>
      </c>
      <c r="M8" s="91">
        <v>5230</v>
      </c>
      <c r="N8" s="92">
        <v>0</v>
      </c>
      <c r="O8" s="88">
        <v>0</v>
      </c>
      <c r="P8" s="89">
        <v>0</v>
      </c>
      <c r="Q8" s="90">
        <v>0</v>
      </c>
      <c r="R8" s="88">
        <v>11</v>
      </c>
      <c r="S8" s="88">
        <v>38</v>
      </c>
      <c r="T8" s="88">
        <v>12</v>
      </c>
      <c r="U8" s="88">
        <v>16</v>
      </c>
      <c r="V8" s="88">
        <v>7</v>
      </c>
      <c r="W8" s="89">
        <v>84</v>
      </c>
      <c r="X8" s="91">
        <v>84</v>
      </c>
      <c r="Y8" s="92">
        <v>20</v>
      </c>
      <c r="Z8" s="88">
        <v>26</v>
      </c>
      <c r="AA8" s="89">
        <v>46</v>
      </c>
      <c r="AB8" s="90">
        <v>0</v>
      </c>
      <c r="AC8" s="88">
        <v>1420</v>
      </c>
      <c r="AD8" s="88">
        <v>1684</v>
      </c>
      <c r="AE8" s="88">
        <v>1144</v>
      </c>
      <c r="AF8" s="88">
        <v>657</v>
      </c>
      <c r="AG8" s="88">
        <v>363</v>
      </c>
      <c r="AH8" s="89">
        <v>5268</v>
      </c>
      <c r="AI8" s="91">
        <v>5314</v>
      </c>
    </row>
    <row r="9" spans="2:35" ht="21" customHeight="1" x14ac:dyDescent="0.2">
      <c r="B9" s="472" t="s">
        <v>7</v>
      </c>
      <c r="C9" s="87">
        <v>2</v>
      </c>
      <c r="D9" s="88">
        <v>5</v>
      </c>
      <c r="E9" s="89">
        <v>7</v>
      </c>
      <c r="F9" s="90">
        <v>0</v>
      </c>
      <c r="G9" s="88">
        <v>1386</v>
      </c>
      <c r="H9" s="88">
        <v>934</v>
      </c>
      <c r="I9" s="88">
        <v>599</v>
      </c>
      <c r="J9" s="88">
        <v>331</v>
      </c>
      <c r="K9" s="88">
        <v>181</v>
      </c>
      <c r="L9" s="89">
        <v>3431</v>
      </c>
      <c r="M9" s="91">
        <v>3438</v>
      </c>
      <c r="N9" s="92">
        <v>0</v>
      </c>
      <c r="O9" s="88">
        <v>0</v>
      </c>
      <c r="P9" s="89">
        <v>0</v>
      </c>
      <c r="Q9" s="90">
        <v>0</v>
      </c>
      <c r="R9" s="88">
        <v>17</v>
      </c>
      <c r="S9" s="88">
        <v>17</v>
      </c>
      <c r="T9" s="88">
        <v>8</v>
      </c>
      <c r="U9" s="88">
        <v>7</v>
      </c>
      <c r="V9" s="88">
        <v>9</v>
      </c>
      <c r="W9" s="89">
        <v>58</v>
      </c>
      <c r="X9" s="91">
        <v>58</v>
      </c>
      <c r="Y9" s="92">
        <v>2</v>
      </c>
      <c r="Z9" s="88">
        <v>5</v>
      </c>
      <c r="AA9" s="89">
        <v>7</v>
      </c>
      <c r="AB9" s="90">
        <v>0</v>
      </c>
      <c r="AC9" s="88">
        <v>1403</v>
      </c>
      <c r="AD9" s="88">
        <v>951</v>
      </c>
      <c r="AE9" s="88">
        <v>607</v>
      </c>
      <c r="AF9" s="88">
        <v>338</v>
      </c>
      <c r="AG9" s="88">
        <v>190</v>
      </c>
      <c r="AH9" s="89">
        <v>3489</v>
      </c>
      <c r="AI9" s="91">
        <v>3496</v>
      </c>
    </row>
    <row r="10" spans="2:35" ht="21" customHeight="1" x14ac:dyDescent="0.2">
      <c r="B10" s="472" t="s">
        <v>8</v>
      </c>
      <c r="C10" s="87">
        <v>10</v>
      </c>
      <c r="D10" s="88">
        <v>11</v>
      </c>
      <c r="E10" s="89">
        <v>21</v>
      </c>
      <c r="F10" s="90">
        <v>0</v>
      </c>
      <c r="G10" s="88">
        <v>783</v>
      </c>
      <c r="H10" s="88">
        <v>667</v>
      </c>
      <c r="I10" s="88">
        <v>418</v>
      </c>
      <c r="J10" s="88">
        <v>242</v>
      </c>
      <c r="K10" s="88">
        <v>140</v>
      </c>
      <c r="L10" s="89">
        <v>2250</v>
      </c>
      <c r="M10" s="91">
        <v>2271</v>
      </c>
      <c r="N10" s="92">
        <v>0</v>
      </c>
      <c r="O10" s="88">
        <v>0</v>
      </c>
      <c r="P10" s="89">
        <v>0</v>
      </c>
      <c r="Q10" s="90">
        <v>0</v>
      </c>
      <c r="R10" s="88">
        <v>15</v>
      </c>
      <c r="S10" s="88">
        <v>25</v>
      </c>
      <c r="T10" s="88">
        <v>7</v>
      </c>
      <c r="U10" s="88">
        <v>8</v>
      </c>
      <c r="V10" s="88">
        <v>2</v>
      </c>
      <c r="W10" s="89">
        <v>57</v>
      </c>
      <c r="X10" s="91">
        <v>57</v>
      </c>
      <c r="Y10" s="92">
        <v>10</v>
      </c>
      <c r="Z10" s="88">
        <v>11</v>
      </c>
      <c r="AA10" s="89">
        <v>21</v>
      </c>
      <c r="AB10" s="90">
        <v>0</v>
      </c>
      <c r="AC10" s="88">
        <v>798</v>
      </c>
      <c r="AD10" s="88">
        <v>692</v>
      </c>
      <c r="AE10" s="88">
        <v>425</v>
      </c>
      <c r="AF10" s="88">
        <v>250</v>
      </c>
      <c r="AG10" s="88">
        <v>142</v>
      </c>
      <c r="AH10" s="89">
        <v>2307</v>
      </c>
      <c r="AI10" s="91">
        <v>2328</v>
      </c>
    </row>
    <row r="11" spans="2:35" ht="21" customHeight="1" x14ac:dyDescent="0.2">
      <c r="B11" s="472" t="s">
        <v>9</v>
      </c>
      <c r="C11" s="87">
        <v>5</v>
      </c>
      <c r="D11" s="88">
        <v>7</v>
      </c>
      <c r="E11" s="89">
        <v>12</v>
      </c>
      <c r="F11" s="90">
        <v>0</v>
      </c>
      <c r="G11" s="88">
        <v>527</v>
      </c>
      <c r="H11" s="88">
        <v>369</v>
      </c>
      <c r="I11" s="88">
        <v>305</v>
      </c>
      <c r="J11" s="88">
        <v>203</v>
      </c>
      <c r="K11" s="88">
        <v>95</v>
      </c>
      <c r="L11" s="89">
        <v>1499</v>
      </c>
      <c r="M11" s="91">
        <v>1511</v>
      </c>
      <c r="N11" s="92">
        <v>0</v>
      </c>
      <c r="O11" s="88">
        <v>0</v>
      </c>
      <c r="P11" s="89">
        <v>0</v>
      </c>
      <c r="Q11" s="90">
        <v>0</v>
      </c>
      <c r="R11" s="88">
        <v>11</v>
      </c>
      <c r="S11" s="88">
        <v>7</v>
      </c>
      <c r="T11" s="88">
        <v>8</v>
      </c>
      <c r="U11" s="88">
        <v>4</v>
      </c>
      <c r="V11" s="88">
        <v>3</v>
      </c>
      <c r="W11" s="89">
        <v>33</v>
      </c>
      <c r="X11" s="91">
        <v>33</v>
      </c>
      <c r="Y11" s="92">
        <v>5</v>
      </c>
      <c r="Z11" s="88">
        <v>7</v>
      </c>
      <c r="AA11" s="89">
        <v>12</v>
      </c>
      <c r="AB11" s="90">
        <v>0</v>
      </c>
      <c r="AC11" s="88">
        <v>538</v>
      </c>
      <c r="AD11" s="88">
        <v>376</v>
      </c>
      <c r="AE11" s="88">
        <v>313</v>
      </c>
      <c r="AF11" s="88">
        <v>207</v>
      </c>
      <c r="AG11" s="88">
        <v>98</v>
      </c>
      <c r="AH11" s="89">
        <v>1532</v>
      </c>
      <c r="AI11" s="91">
        <v>1544</v>
      </c>
    </row>
    <row r="12" spans="2:35" ht="21" customHeight="1" x14ac:dyDescent="0.2">
      <c r="B12" s="472" t="s">
        <v>10</v>
      </c>
      <c r="C12" s="87">
        <v>11</v>
      </c>
      <c r="D12" s="88">
        <v>22</v>
      </c>
      <c r="E12" s="89">
        <v>33</v>
      </c>
      <c r="F12" s="90">
        <v>0</v>
      </c>
      <c r="G12" s="88">
        <v>801</v>
      </c>
      <c r="H12" s="88">
        <v>544</v>
      </c>
      <c r="I12" s="88">
        <v>432</v>
      </c>
      <c r="J12" s="88">
        <v>320</v>
      </c>
      <c r="K12" s="88">
        <v>254</v>
      </c>
      <c r="L12" s="89">
        <v>2351</v>
      </c>
      <c r="M12" s="91">
        <v>2384</v>
      </c>
      <c r="N12" s="92">
        <v>0</v>
      </c>
      <c r="O12" s="88">
        <v>1</v>
      </c>
      <c r="P12" s="89">
        <v>1</v>
      </c>
      <c r="Q12" s="90">
        <v>0</v>
      </c>
      <c r="R12" s="88">
        <v>15</v>
      </c>
      <c r="S12" s="88">
        <v>6</v>
      </c>
      <c r="T12" s="88">
        <v>5</v>
      </c>
      <c r="U12" s="88">
        <v>7</v>
      </c>
      <c r="V12" s="88">
        <v>6</v>
      </c>
      <c r="W12" s="89">
        <v>39</v>
      </c>
      <c r="X12" s="91">
        <v>40</v>
      </c>
      <c r="Y12" s="92">
        <v>11</v>
      </c>
      <c r="Z12" s="88">
        <v>23</v>
      </c>
      <c r="AA12" s="89">
        <v>34</v>
      </c>
      <c r="AB12" s="90">
        <v>0</v>
      </c>
      <c r="AC12" s="88">
        <v>816</v>
      </c>
      <c r="AD12" s="88">
        <v>550</v>
      </c>
      <c r="AE12" s="88">
        <v>437</v>
      </c>
      <c r="AF12" s="88">
        <v>327</v>
      </c>
      <c r="AG12" s="88">
        <v>260</v>
      </c>
      <c r="AH12" s="89">
        <v>2390</v>
      </c>
      <c r="AI12" s="91">
        <v>2424</v>
      </c>
    </row>
    <row r="13" spans="2:35" ht="21" customHeight="1" x14ac:dyDescent="0.2">
      <c r="B13" s="472" t="s">
        <v>11</v>
      </c>
      <c r="C13" s="87">
        <v>1</v>
      </c>
      <c r="D13" s="88">
        <v>9</v>
      </c>
      <c r="E13" s="89">
        <v>10</v>
      </c>
      <c r="F13" s="90">
        <v>0</v>
      </c>
      <c r="G13" s="88">
        <v>626</v>
      </c>
      <c r="H13" s="88">
        <v>407</v>
      </c>
      <c r="I13" s="88">
        <v>298</v>
      </c>
      <c r="J13" s="88">
        <v>160</v>
      </c>
      <c r="K13" s="88">
        <v>60</v>
      </c>
      <c r="L13" s="89">
        <v>1551</v>
      </c>
      <c r="M13" s="91">
        <v>1561</v>
      </c>
      <c r="N13" s="92">
        <v>0</v>
      </c>
      <c r="O13" s="88">
        <v>0</v>
      </c>
      <c r="P13" s="89">
        <v>0</v>
      </c>
      <c r="Q13" s="90">
        <v>0</v>
      </c>
      <c r="R13" s="88">
        <v>9</v>
      </c>
      <c r="S13" s="88">
        <v>6</v>
      </c>
      <c r="T13" s="88">
        <v>2</v>
      </c>
      <c r="U13" s="88">
        <v>5</v>
      </c>
      <c r="V13" s="88">
        <v>3</v>
      </c>
      <c r="W13" s="89">
        <v>25</v>
      </c>
      <c r="X13" s="91">
        <v>25</v>
      </c>
      <c r="Y13" s="92">
        <v>1</v>
      </c>
      <c r="Z13" s="88">
        <v>9</v>
      </c>
      <c r="AA13" s="89">
        <v>10</v>
      </c>
      <c r="AB13" s="90">
        <v>0</v>
      </c>
      <c r="AC13" s="88">
        <v>635</v>
      </c>
      <c r="AD13" s="88">
        <v>413</v>
      </c>
      <c r="AE13" s="88">
        <v>300</v>
      </c>
      <c r="AF13" s="88">
        <v>165</v>
      </c>
      <c r="AG13" s="88">
        <v>63</v>
      </c>
      <c r="AH13" s="89">
        <v>1576</v>
      </c>
      <c r="AI13" s="91">
        <v>1586</v>
      </c>
    </row>
    <row r="14" spans="2:35" ht="21" customHeight="1" x14ac:dyDescent="0.2">
      <c r="B14" s="472" t="s">
        <v>12</v>
      </c>
      <c r="C14" s="87">
        <v>0</v>
      </c>
      <c r="D14" s="88">
        <v>1</v>
      </c>
      <c r="E14" s="89">
        <v>1</v>
      </c>
      <c r="F14" s="90">
        <v>0</v>
      </c>
      <c r="G14" s="88">
        <v>454</v>
      </c>
      <c r="H14" s="88">
        <v>369</v>
      </c>
      <c r="I14" s="88">
        <v>268</v>
      </c>
      <c r="J14" s="88">
        <v>199</v>
      </c>
      <c r="K14" s="88">
        <v>126</v>
      </c>
      <c r="L14" s="89">
        <v>1416</v>
      </c>
      <c r="M14" s="91">
        <v>1417</v>
      </c>
      <c r="N14" s="92">
        <v>0</v>
      </c>
      <c r="O14" s="88">
        <v>0</v>
      </c>
      <c r="P14" s="89">
        <v>0</v>
      </c>
      <c r="Q14" s="90">
        <v>0</v>
      </c>
      <c r="R14" s="88">
        <v>6</v>
      </c>
      <c r="S14" s="88">
        <v>4</v>
      </c>
      <c r="T14" s="88">
        <v>3</v>
      </c>
      <c r="U14" s="88">
        <v>2</v>
      </c>
      <c r="V14" s="88">
        <v>3</v>
      </c>
      <c r="W14" s="89">
        <v>18</v>
      </c>
      <c r="X14" s="91">
        <v>18</v>
      </c>
      <c r="Y14" s="92">
        <v>0</v>
      </c>
      <c r="Z14" s="88">
        <v>1</v>
      </c>
      <c r="AA14" s="89">
        <v>1</v>
      </c>
      <c r="AB14" s="90">
        <v>0</v>
      </c>
      <c r="AC14" s="88">
        <v>460</v>
      </c>
      <c r="AD14" s="88">
        <v>373</v>
      </c>
      <c r="AE14" s="88">
        <v>271</v>
      </c>
      <c r="AF14" s="88">
        <v>201</v>
      </c>
      <c r="AG14" s="88">
        <v>129</v>
      </c>
      <c r="AH14" s="89">
        <v>1434</v>
      </c>
      <c r="AI14" s="91">
        <v>1435</v>
      </c>
    </row>
    <row r="15" spans="2:35" ht="21" customHeight="1" x14ac:dyDescent="0.2">
      <c r="B15" s="472" t="s">
        <v>13</v>
      </c>
      <c r="C15" s="87">
        <v>1</v>
      </c>
      <c r="D15" s="88">
        <v>3</v>
      </c>
      <c r="E15" s="89">
        <v>4</v>
      </c>
      <c r="F15" s="90">
        <v>0</v>
      </c>
      <c r="G15" s="88">
        <v>182</v>
      </c>
      <c r="H15" s="88">
        <v>170</v>
      </c>
      <c r="I15" s="88">
        <v>104</v>
      </c>
      <c r="J15" s="88">
        <v>58</v>
      </c>
      <c r="K15" s="88">
        <v>36</v>
      </c>
      <c r="L15" s="89">
        <v>550</v>
      </c>
      <c r="M15" s="91">
        <v>554</v>
      </c>
      <c r="N15" s="92">
        <v>0</v>
      </c>
      <c r="O15" s="88">
        <v>0</v>
      </c>
      <c r="P15" s="89">
        <v>0</v>
      </c>
      <c r="Q15" s="90">
        <v>0</v>
      </c>
      <c r="R15" s="88">
        <v>1</v>
      </c>
      <c r="S15" s="88">
        <v>2</v>
      </c>
      <c r="T15" s="88">
        <v>3</v>
      </c>
      <c r="U15" s="88">
        <v>0</v>
      </c>
      <c r="V15" s="88">
        <v>0</v>
      </c>
      <c r="W15" s="89">
        <v>6</v>
      </c>
      <c r="X15" s="91">
        <v>6</v>
      </c>
      <c r="Y15" s="92">
        <v>1</v>
      </c>
      <c r="Z15" s="88">
        <v>3</v>
      </c>
      <c r="AA15" s="89">
        <v>4</v>
      </c>
      <c r="AB15" s="90">
        <v>0</v>
      </c>
      <c r="AC15" s="88">
        <v>183</v>
      </c>
      <c r="AD15" s="88">
        <v>172</v>
      </c>
      <c r="AE15" s="88">
        <v>107</v>
      </c>
      <c r="AF15" s="88">
        <v>58</v>
      </c>
      <c r="AG15" s="88">
        <v>36</v>
      </c>
      <c r="AH15" s="89">
        <v>556</v>
      </c>
      <c r="AI15" s="91">
        <v>560</v>
      </c>
    </row>
    <row r="16" spans="2:35" ht="21" customHeight="1" x14ac:dyDescent="0.2">
      <c r="B16" s="472" t="s">
        <v>15</v>
      </c>
      <c r="C16" s="87">
        <v>4</v>
      </c>
      <c r="D16" s="88">
        <v>17</v>
      </c>
      <c r="E16" s="89">
        <v>21</v>
      </c>
      <c r="F16" s="90">
        <v>0</v>
      </c>
      <c r="G16" s="88">
        <v>225</v>
      </c>
      <c r="H16" s="88">
        <v>240</v>
      </c>
      <c r="I16" s="88">
        <v>145</v>
      </c>
      <c r="J16" s="88">
        <v>85</v>
      </c>
      <c r="K16" s="88">
        <v>52</v>
      </c>
      <c r="L16" s="89">
        <v>747</v>
      </c>
      <c r="M16" s="91">
        <v>768</v>
      </c>
      <c r="N16" s="92">
        <v>0</v>
      </c>
      <c r="O16" s="88">
        <v>1</v>
      </c>
      <c r="P16" s="89">
        <v>1</v>
      </c>
      <c r="Q16" s="90">
        <v>0</v>
      </c>
      <c r="R16" s="88">
        <v>3</v>
      </c>
      <c r="S16" s="88">
        <v>4</v>
      </c>
      <c r="T16" s="88">
        <v>1</v>
      </c>
      <c r="U16" s="88">
        <v>1</v>
      </c>
      <c r="V16" s="88">
        <v>2</v>
      </c>
      <c r="W16" s="89">
        <v>11</v>
      </c>
      <c r="X16" s="91">
        <v>12</v>
      </c>
      <c r="Y16" s="92">
        <v>4</v>
      </c>
      <c r="Z16" s="88">
        <v>18</v>
      </c>
      <c r="AA16" s="89">
        <v>22</v>
      </c>
      <c r="AB16" s="90">
        <v>0</v>
      </c>
      <c r="AC16" s="88">
        <v>228</v>
      </c>
      <c r="AD16" s="88">
        <v>244</v>
      </c>
      <c r="AE16" s="88">
        <v>146</v>
      </c>
      <c r="AF16" s="88">
        <v>86</v>
      </c>
      <c r="AG16" s="88">
        <v>54</v>
      </c>
      <c r="AH16" s="89">
        <v>758</v>
      </c>
      <c r="AI16" s="91">
        <v>780</v>
      </c>
    </row>
    <row r="17" spans="2:35" ht="21" customHeight="1" x14ac:dyDescent="0.2">
      <c r="B17" s="472" t="s">
        <v>16</v>
      </c>
      <c r="C17" s="87">
        <v>2</v>
      </c>
      <c r="D17" s="88">
        <v>1</v>
      </c>
      <c r="E17" s="89">
        <v>3</v>
      </c>
      <c r="F17" s="90">
        <v>0</v>
      </c>
      <c r="G17" s="88">
        <v>204</v>
      </c>
      <c r="H17" s="88">
        <v>252</v>
      </c>
      <c r="I17" s="88">
        <v>192</v>
      </c>
      <c r="J17" s="88">
        <v>113</v>
      </c>
      <c r="K17" s="88">
        <v>91</v>
      </c>
      <c r="L17" s="89">
        <v>852</v>
      </c>
      <c r="M17" s="91">
        <v>855</v>
      </c>
      <c r="N17" s="92">
        <v>0</v>
      </c>
      <c r="O17" s="88">
        <v>0</v>
      </c>
      <c r="P17" s="89">
        <v>0</v>
      </c>
      <c r="Q17" s="90">
        <v>0</v>
      </c>
      <c r="R17" s="88">
        <v>2</v>
      </c>
      <c r="S17" s="88">
        <v>3</v>
      </c>
      <c r="T17" s="88">
        <v>4</v>
      </c>
      <c r="U17" s="88">
        <v>1</v>
      </c>
      <c r="V17" s="88">
        <v>3</v>
      </c>
      <c r="W17" s="89">
        <v>13</v>
      </c>
      <c r="X17" s="91">
        <v>13</v>
      </c>
      <c r="Y17" s="92">
        <v>2</v>
      </c>
      <c r="Z17" s="88">
        <v>1</v>
      </c>
      <c r="AA17" s="89">
        <v>3</v>
      </c>
      <c r="AB17" s="90">
        <v>0</v>
      </c>
      <c r="AC17" s="88">
        <v>206</v>
      </c>
      <c r="AD17" s="88">
        <v>255</v>
      </c>
      <c r="AE17" s="88">
        <v>196</v>
      </c>
      <c r="AF17" s="88">
        <v>114</v>
      </c>
      <c r="AG17" s="88">
        <v>94</v>
      </c>
      <c r="AH17" s="89">
        <v>865</v>
      </c>
      <c r="AI17" s="91">
        <v>868</v>
      </c>
    </row>
    <row r="18" spans="2:35" ht="21" customHeight="1" x14ac:dyDescent="0.2">
      <c r="B18" s="472" t="s">
        <v>17</v>
      </c>
      <c r="C18" s="87">
        <v>1</v>
      </c>
      <c r="D18" s="88">
        <v>4</v>
      </c>
      <c r="E18" s="89">
        <v>5</v>
      </c>
      <c r="F18" s="90">
        <v>0</v>
      </c>
      <c r="G18" s="88">
        <v>342</v>
      </c>
      <c r="H18" s="88">
        <v>395</v>
      </c>
      <c r="I18" s="88">
        <v>279</v>
      </c>
      <c r="J18" s="88">
        <v>215</v>
      </c>
      <c r="K18" s="88">
        <v>133</v>
      </c>
      <c r="L18" s="89">
        <v>1364</v>
      </c>
      <c r="M18" s="91">
        <v>1369</v>
      </c>
      <c r="N18" s="92">
        <v>0</v>
      </c>
      <c r="O18" s="88">
        <v>0</v>
      </c>
      <c r="P18" s="89">
        <v>0</v>
      </c>
      <c r="Q18" s="90">
        <v>0</v>
      </c>
      <c r="R18" s="88">
        <v>3</v>
      </c>
      <c r="S18" s="88">
        <v>16</v>
      </c>
      <c r="T18" s="88">
        <v>9</v>
      </c>
      <c r="U18" s="88">
        <v>10</v>
      </c>
      <c r="V18" s="88">
        <v>7</v>
      </c>
      <c r="W18" s="89">
        <v>45</v>
      </c>
      <c r="X18" s="91">
        <v>45</v>
      </c>
      <c r="Y18" s="92">
        <v>1</v>
      </c>
      <c r="Z18" s="88">
        <v>4</v>
      </c>
      <c r="AA18" s="89">
        <v>5</v>
      </c>
      <c r="AB18" s="90">
        <v>0</v>
      </c>
      <c r="AC18" s="88">
        <v>345</v>
      </c>
      <c r="AD18" s="88">
        <v>411</v>
      </c>
      <c r="AE18" s="88">
        <v>288</v>
      </c>
      <c r="AF18" s="88">
        <v>225</v>
      </c>
      <c r="AG18" s="88">
        <v>140</v>
      </c>
      <c r="AH18" s="89">
        <v>1409</v>
      </c>
      <c r="AI18" s="91">
        <v>1414</v>
      </c>
    </row>
    <row r="19" spans="2:35" ht="21" customHeight="1" x14ac:dyDescent="0.2">
      <c r="B19" s="472" t="s">
        <v>18</v>
      </c>
      <c r="C19" s="87">
        <v>7</v>
      </c>
      <c r="D19" s="88">
        <v>19</v>
      </c>
      <c r="E19" s="89">
        <v>26</v>
      </c>
      <c r="F19" s="90">
        <v>0</v>
      </c>
      <c r="G19" s="88">
        <v>425</v>
      </c>
      <c r="H19" s="88">
        <v>337</v>
      </c>
      <c r="I19" s="88">
        <v>273</v>
      </c>
      <c r="J19" s="88">
        <v>166</v>
      </c>
      <c r="K19" s="88">
        <v>83</v>
      </c>
      <c r="L19" s="89">
        <v>1284</v>
      </c>
      <c r="M19" s="91">
        <v>1310</v>
      </c>
      <c r="N19" s="92">
        <v>0</v>
      </c>
      <c r="O19" s="88">
        <v>0</v>
      </c>
      <c r="P19" s="89">
        <v>0</v>
      </c>
      <c r="Q19" s="90">
        <v>0</v>
      </c>
      <c r="R19" s="88">
        <v>2</v>
      </c>
      <c r="S19" s="88">
        <v>4</v>
      </c>
      <c r="T19" s="88">
        <v>1</v>
      </c>
      <c r="U19" s="88">
        <v>4</v>
      </c>
      <c r="V19" s="88">
        <v>7</v>
      </c>
      <c r="W19" s="89">
        <v>18</v>
      </c>
      <c r="X19" s="91">
        <v>18</v>
      </c>
      <c r="Y19" s="92">
        <v>7</v>
      </c>
      <c r="Z19" s="88">
        <v>19</v>
      </c>
      <c r="AA19" s="89">
        <v>26</v>
      </c>
      <c r="AB19" s="90">
        <v>0</v>
      </c>
      <c r="AC19" s="88">
        <v>427</v>
      </c>
      <c r="AD19" s="88">
        <v>341</v>
      </c>
      <c r="AE19" s="88">
        <v>274</v>
      </c>
      <c r="AF19" s="88">
        <v>170</v>
      </c>
      <c r="AG19" s="88">
        <v>90</v>
      </c>
      <c r="AH19" s="89">
        <v>1302</v>
      </c>
      <c r="AI19" s="91">
        <v>1328</v>
      </c>
    </row>
    <row r="20" spans="2:35" ht="21" customHeight="1" x14ac:dyDescent="0.2">
      <c r="B20" s="472" t="s">
        <v>19</v>
      </c>
      <c r="C20" s="87">
        <v>0</v>
      </c>
      <c r="D20" s="88">
        <v>3</v>
      </c>
      <c r="E20" s="89">
        <v>3</v>
      </c>
      <c r="F20" s="90">
        <v>0</v>
      </c>
      <c r="G20" s="88">
        <v>191</v>
      </c>
      <c r="H20" s="88">
        <v>202</v>
      </c>
      <c r="I20" s="88">
        <v>146</v>
      </c>
      <c r="J20" s="88">
        <v>68</v>
      </c>
      <c r="K20" s="88">
        <v>59</v>
      </c>
      <c r="L20" s="89">
        <v>666</v>
      </c>
      <c r="M20" s="91">
        <v>669</v>
      </c>
      <c r="N20" s="92">
        <v>0</v>
      </c>
      <c r="O20" s="88">
        <v>0</v>
      </c>
      <c r="P20" s="89">
        <v>0</v>
      </c>
      <c r="Q20" s="90">
        <v>0</v>
      </c>
      <c r="R20" s="88">
        <v>0</v>
      </c>
      <c r="S20" s="88">
        <v>1</v>
      </c>
      <c r="T20" s="88">
        <v>5</v>
      </c>
      <c r="U20" s="88">
        <v>2</v>
      </c>
      <c r="V20" s="88">
        <v>0</v>
      </c>
      <c r="W20" s="89">
        <v>8</v>
      </c>
      <c r="X20" s="91">
        <v>8</v>
      </c>
      <c r="Y20" s="92">
        <v>0</v>
      </c>
      <c r="Z20" s="88">
        <v>3</v>
      </c>
      <c r="AA20" s="89">
        <v>3</v>
      </c>
      <c r="AB20" s="90">
        <v>0</v>
      </c>
      <c r="AC20" s="88">
        <v>191</v>
      </c>
      <c r="AD20" s="88">
        <v>203</v>
      </c>
      <c r="AE20" s="88">
        <v>151</v>
      </c>
      <c r="AF20" s="88">
        <v>70</v>
      </c>
      <c r="AG20" s="88">
        <v>59</v>
      </c>
      <c r="AH20" s="89">
        <v>674</v>
      </c>
      <c r="AI20" s="91">
        <v>677</v>
      </c>
    </row>
    <row r="21" spans="2:35" ht="21" customHeight="1" x14ac:dyDescent="0.2">
      <c r="B21" s="472" t="s">
        <v>20</v>
      </c>
      <c r="C21" s="87">
        <v>0</v>
      </c>
      <c r="D21" s="88">
        <v>1</v>
      </c>
      <c r="E21" s="89">
        <v>1</v>
      </c>
      <c r="F21" s="90">
        <v>0</v>
      </c>
      <c r="G21" s="88">
        <v>248</v>
      </c>
      <c r="H21" s="88">
        <v>133</v>
      </c>
      <c r="I21" s="88">
        <v>109</v>
      </c>
      <c r="J21" s="88">
        <v>41</v>
      </c>
      <c r="K21" s="88">
        <v>26</v>
      </c>
      <c r="L21" s="89">
        <v>557</v>
      </c>
      <c r="M21" s="91">
        <v>558</v>
      </c>
      <c r="N21" s="92">
        <v>0</v>
      </c>
      <c r="O21" s="88">
        <v>0</v>
      </c>
      <c r="P21" s="89">
        <v>0</v>
      </c>
      <c r="Q21" s="90">
        <v>0</v>
      </c>
      <c r="R21" s="88">
        <v>6</v>
      </c>
      <c r="S21" s="88">
        <v>3</v>
      </c>
      <c r="T21" s="88">
        <v>1</v>
      </c>
      <c r="U21" s="88">
        <v>0</v>
      </c>
      <c r="V21" s="88">
        <v>0</v>
      </c>
      <c r="W21" s="89">
        <v>10</v>
      </c>
      <c r="X21" s="91">
        <v>10</v>
      </c>
      <c r="Y21" s="92">
        <v>0</v>
      </c>
      <c r="Z21" s="88">
        <v>1</v>
      </c>
      <c r="AA21" s="89">
        <v>1</v>
      </c>
      <c r="AB21" s="90">
        <v>0</v>
      </c>
      <c r="AC21" s="88">
        <v>254</v>
      </c>
      <c r="AD21" s="88">
        <v>136</v>
      </c>
      <c r="AE21" s="88">
        <v>110</v>
      </c>
      <c r="AF21" s="88">
        <v>41</v>
      </c>
      <c r="AG21" s="88">
        <v>26</v>
      </c>
      <c r="AH21" s="89">
        <v>567</v>
      </c>
      <c r="AI21" s="91">
        <v>568</v>
      </c>
    </row>
    <row r="22" spans="2:35" ht="21" customHeight="1" x14ac:dyDescent="0.2">
      <c r="B22" s="472" t="s">
        <v>21</v>
      </c>
      <c r="C22" s="87">
        <v>0</v>
      </c>
      <c r="D22" s="88">
        <v>0</v>
      </c>
      <c r="E22" s="89">
        <v>0</v>
      </c>
      <c r="F22" s="90">
        <v>0</v>
      </c>
      <c r="G22" s="88">
        <v>231</v>
      </c>
      <c r="H22" s="88">
        <v>241</v>
      </c>
      <c r="I22" s="88">
        <v>135</v>
      </c>
      <c r="J22" s="88">
        <v>62</v>
      </c>
      <c r="K22" s="88">
        <v>31</v>
      </c>
      <c r="L22" s="89">
        <v>700</v>
      </c>
      <c r="M22" s="91">
        <v>700</v>
      </c>
      <c r="N22" s="92">
        <v>0</v>
      </c>
      <c r="O22" s="88">
        <v>0</v>
      </c>
      <c r="P22" s="89">
        <v>0</v>
      </c>
      <c r="Q22" s="90">
        <v>0</v>
      </c>
      <c r="R22" s="88">
        <v>2</v>
      </c>
      <c r="S22" s="88">
        <v>6</v>
      </c>
      <c r="T22" s="88">
        <v>5</v>
      </c>
      <c r="U22" s="88">
        <v>1</v>
      </c>
      <c r="V22" s="88">
        <v>3</v>
      </c>
      <c r="W22" s="89">
        <v>17</v>
      </c>
      <c r="X22" s="91">
        <v>17</v>
      </c>
      <c r="Y22" s="92">
        <v>0</v>
      </c>
      <c r="Z22" s="88">
        <v>0</v>
      </c>
      <c r="AA22" s="89">
        <v>0</v>
      </c>
      <c r="AB22" s="90">
        <v>0</v>
      </c>
      <c r="AC22" s="88">
        <v>233</v>
      </c>
      <c r="AD22" s="88">
        <v>247</v>
      </c>
      <c r="AE22" s="88">
        <v>140</v>
      </c>
      <c r="AF22" s="88">
        <v>63</v>
      </c>
      <c r="AG22" s="88">
        <v>34</v>
      </c>
      <c r="AH22" s="89">
        <v>717</v>
      </c>
      <c r="AI22" s="91">
        <v>717</v>
      </c>
    </row>
    <row r="23" spans="2:35" ht="21" customHeight="1" x14ac:dyDescent="0.2">
      <c r="B23" s="472" t="s">
        <v>22</v>
      </c>
      <c r="C23" s="87">
        <v>2</v>
      </c>
      <c r="D23" s="88">
        <v>4</v>
      </c>
      <c r="E23" s="89">
        <v>6</v>
      </c>
      <c r="F23" s="90">
        <v>0</v>
      </c>
      <c r="G23" s="88">
        <v>159</v>
      </c>
      <c r="H23" s="88">
        <v>137</v>
      </c>
      <c r="I23" s="88">
        <v>69</v>
      </c>
      <c r="J23" s="88">
        <v>69</v>
      </c>
      <c r="K23" s="88">
        <v>22</v>
      </c>
      <c r="L23" s="89">
        <v>456</v>
      </c>
      <c r="M23" s="91">
        <v>462</v>
      </c>
      <c r="N23" s="92">
        <v>0</v>
      </c>
      <c r="O23" s="88">
        <v>0</v>
      </c>
      <c r="P23" s="89">
        <v>0</v>
      </c>
      <c r="Q23" s="90">
        <v>0</v>
      </c>
      <c r="R23" s="88">
        <v>3</v>
      </c>
      <c r="S23" s="88">
        <v>0</v>
      </c>
      <c r="T23" s="88">
        <v>1</v>
      </c>
      <c r="U23" s="88">
        <v>0</v>
      </c>
      <c r="V23" s="88">
        <v>1</v>
      </c>
      <c r="W23" s="89">
        <v>5</v>
      </c>
      <c r="X23" s="91">
        <v>5</v>
      </c>
      <c r="Y23" s="92">
        <v>2</v>
      </c>
      <c r="Z23" s="88">
        <v>4</v>
      </c>
      <c r="AA23" s="89">
        <v>6</v>
      </c>
      <c r="AB23" s="90">
        <v>0</v>
      </c>
      <c r="AC23" s="88">
        <v>162</v>
      </c>
      <c r="AD23" s="88">
        <v>137</v>
      </c>
      <c r="AE23" s="88">
        <v>70</v>
      </c>
      <c r="AF23" s="88">
        <v>69</v>
      </c>
      <c r="AG23" s="88">
        <v>23</v>
      </c>
      <c r="AH23" s="89">
        <v>461</v>
      </c>
      <c r="AI23" s="91">
        <v>467</v>
      </c>
    </row>
    <row r="24" spans="2:35" ht="21" customHeight="1" x14ac:dyDescent="0.2">
      <c r="B24" s="472" t="s">
        <v>23</v>
      </c>
      <c r="C24" s="87">
        <v>0</v>
      </c>
      <c r="D24" s="88">
        <v>0</v>
      </c>
      <c r="E24" s="89">
        <v>0</v>
      </c>
      <c r="F24" s="90">
        <v>0</v>
      </c>
      <c r="G24" s="88">
        <v>99</v>
      </c>
      <c r="H24" s="88">
        <v>69</v>
      </c>
      <c r="I24" s="88">
        <v>49</v>
      </c>
      <c r="J24" s="88">
        <v>31</v>
      </c>
      <c r="K24" s="88">
        <v>18</v>
      </c>
      <c r="L24" s="89">
        <v>266</v>
      </c>
      <c r="M24" s="91">
        <v>266</v>
      </c>
      <c r="N24" s="92">
        <v>0</v>
      </c>
      <c r="O24" s="88">
        <v>0</v>
      </c>
      <c r="P24" s="89">
        <v>0</v>
      </c>
      <c r="Q24" s="90">
        <v>0</v>
      </c>
      <c r="R24" s="88">
        <v>1</v>
      </c>
      <c r="S24" s="88">
        <v>2</v>
      </c>
      <c r="T24" s="88">
        <v>1</v>
      </c>
      <c r="U24" s="88">
        <v>0</v>
      </c>
      <c r="V24" s="88">
        <v>0</v>
      </c>
      <c r="W24" s="89">
        <v>4</v>
      </c>
      <c r="X24" s="91">
        <v>4</v>
      </c>
      <c r="Y24" s="92">
        <v>0</v>
      </c>
      <c r="Z24" s="88">
        <v>0</v>
      </c>
      <c r="AA24" s="89">
        <v>0</v>
      </c>
      <c r="AB24" s="90">
        <v>0</v>
      </c>
      <c r="AC24" s="88">
        <v>100</v>
      </c>
      <c r="AD24" s="88">
        <v>71</v>
      </c>
      <c r="AE24" s="88">
        <v>50</v>
      </c>
      <c r="AF24" s="88">
        <v>31</v>
      </c>
      <c r="AG24" s="88">
        <v>18</v>
      </c>
      <c r="AH24" s="89">
        <v>270</v>
      </c>
      <c r="AI24" s="91">
        <v>270</v>
      </c>
    </row>
    <row r="25" spans="2:35" ht="21" customHeight="1" x14ac:dyDescent="0.2">
      <c r="B25" s="472" t="s">
        <v>24</v>
      </c>
      <c r="C25" s="87">
        <v>2</v>
      </c>
      <c r="D25" s="88">
        <v>3</v>
      </c>
      <c r="E25" s="89">
        <v>5</v>
      </c>
      <c r="F25" s="90">
        <v>0</v>
      </c>
      <c r="G25" s="88">
        <v>57</v>
      </c>
      <c r="H25" s="88">
        <v>33</v>
      </c>
      <c r="I25" s="88">
        <v>38</v>
      </c>
      <c r="J25" s="88">
        <v>20</v>
      </c>
      <c r="K25" s="88">
        <v>11</v>
      </c>
      <c r="L25" s="89">
        <v>159</v>
      </c>
      <c r="M25" s="91">
        <v>164</v>
      </c>
      <c r="N25" s="92">
        <v>0</v>
      </c>
      <c r="O25" s="88">
        <v>0</v>
      </c>
      <c r="P25" s="89">
        <v>0</v>
      </c>
      <c r="Q25" s="90">
        <v>0</v>
      </c>
      <c r="R25" s="88">
        <v>0</v>
      </c>
      <c r="S25" s="88">
        <v>1</v>
      </c>
      <c r="T25" s="88">
        <v>0</v>
      </c>
      <c r="U25" s="88">
        <v>1</v>
      </c>
      <c r="V25" s="88">
        <v>0</v>
      </c>
      <c r="W25" s="89">
        <v>2</v>
      </c>
      <c r="X25" s="91">
        <v>2</v>
      </c>
      <c r="Y25" s="92">
        <v>2</v>
      </c>
      <c r="Z25" s="88">
        <v>3</v>
      </c>
      <c r="AA25" s="89">
        <v>5</v>
      </c>
      <c r="AB25" s="90">
        <v>0</v>
      </c>
      <c r="AC25" s="88">
        <v>57</v>
      </c>
      <c r="AD25" s="88">
        <v>34</v>
      </c>
      <c r="AE25" s="88">
        <v>38</v>
      </c>
      <c r="AF25" s="88">
        <v>21</v>
      </c>
      <c r="AG25" s="88">
        <v>11</v>
      </c>
      <c r="AH25" s="89">
        <v>161</v>
      </c>
      <c r="AI25" s="91">
        <v>166</v>
      </c>
    </row>
    <row r="26" spans="2:35" ht="21" customHeight="1" x14ac:dyDescent="0.2">
      <c r="B26" s="472" t="s">
        <v>25</v>
      </c>
      <c r="C26" s="87">
        <v>2</v>
      </c>
      <c r="D26" s="88">
        <v>0</v>
      </c>
      <c r="E26" s="89">
        <v>2</v>
      </c>
      <c r="F26" s="90">
        <v>0</v>
      </c>
      <c r="G26" s="88">
        <v>98</v>
      </c>
      <c r="H26" s="88">
        <v>50</v>
      </c>
      <c r="I26" s="88">
        <v>27</v>
      </c>
      <c r="J26" s="88">
        <v>13</v>
      </c>
      <c r="K26" s="88">
        <v>2</v>
      </c>
      <c r="L26" s="89">
        <v>190</v>
      </c>
      <c r="M26" s="91">
        <v>192</v>
      </c>
      <c r="N26" s="92">
        <v>0</v>
      </c>
      <c r="O26" s="88">
        <v>0</v>
      </c>
      <c r="P26" s="89">
        <v>0</v>
      </c>
      <c r="Q26" s="90">
        <v>0</v>
      </c>
      <c r="R26" s="88">
        <v>1</v>
      </c>
      <c r="S26" s="88">
        <v>1</v>
      </c>
      <c r="T26" s="88">
        <v>1</v>
      </c>
      <c r="U26" s="88">
        <v>0</v>
      </c>
      <c r="V26" s="88">
        <v>0</v>
      </c>
      <c r="W26" s="89">
        <v>3</v>
      </c>
      <c r="X26" s="91">
        <v>3</v>
      </c>
      <c r="Y26" s="92">
        <v>2</v>
      </c>
      <c r="Z26" s="88">
        <v>0</v>
      </c>
      <c r="AA26" s="89">
        <v>2</v>
      </c>
      <c r="AB26" s="90">
        <v>0</v>
      </c>
      <c r="AC26" s="88">
        <v>99</v>
      </c>
      <c r="AD26" s="88">
        <v>51</v>
      </c>
      <c r="AE26" s="88">
        <v>28</v>
      </c>
      <c r="AF26" s="88">
        <v>13</v>
      </c>
      <c r="AG26" s="88">
        <v>2</v>
      </c>
      <c r="AH26" s="89">
        <v>193</v>
      </c>
      <c r="AI26" s="91">
        <v>195</v>
      </c>
    </row>
    <row r="27" spans="2:35" ht="21" customHeight="1" x14ac:dyDescent="0.2">
      <c r="B27" s="472" t="s">
        <v>26</v>
      </c>
      <c r="C27" s="87">
        <v>1</v>
      </c>
      <c r="D27" s="88">
        <v>1</v>
      </c>
      <c r="E27" s="89">
        <v>2</v>
      </c>
      <c r="F27" s="90">
        <v>0</v>
      </c>
      <c r="G27" s="88">
        <v>62</v>
      </c>
      <c r="H27" s="88">
        <v>62</v>
      </c>
      <c r="I27" s="88">
        <v>54</v>
      </c>
      <c r="J27" s="88">
        <v>20</v>
      </c>
      <c r="K27" s="88">
        <v>14</v>
      </c>
      <c r="L27" s="89">
        <v>212</v>
      </c>
      <c r="M27" s="91">
        <v>214</v>
      </c>
      <c r="N27" s="92">
        <v>0</v>
      </c>
      <c r="O27" s="88">
        <v>0</v>
      </c>
      <c r="P27" s="89">
        <v>0</v>
      </c>
      <c r="Q27" s="90">
        <v>0</v>
      </c>
      <c r="R27" s="88">
        <v>0</v>
      </c>
      <c r="S27" s="88">
        <v>0</v>
      </c>
      <c r="T27" s="88">
        <v>0</v>
      </c>
      <c r="U27" s="88">
        <v>0</v>
      </c>
      <c r="V27" s="88">
        <v>1</v>
      </c>
      <c r="W27" s="89">
        <v>1</v>
      </c>
      <c r="X27" s="91">
        <v>1</v>
      </c>
      <c r="Y27" s="92">
        <v>1</v>
      </c>
      <c r="Z27" s="88">
        <v>1</v>
      </c>
      <c r="AA27" s="89">
        <v>2</v>
      </c>
      <c r="AB27" s="90">
        <v>0</v>
      </c>
      <c r="AC27" s="88">
        <v>62</v>
      </c>
      <c r="AD27" s="88">
        <v>62</v>
      </c>
      <c r="AE27" s="88">
        <v>54</v>
      </c>
      <c r="AF27" s="88">
        <v>20</v>
      </c>
      <c r="AG27" s="88">
        <v>15</v>
      </c>
      <c r="AH27" s="89">
        <v>213</v>
      </c>
      <c r="AI27" s="91">
        <v>215</v>
      </c>
    </row>
    <row r="28" spans="2:35" ht="21" customHeight="1" x14ac:dyDescent="0.2">
      <c r="B28" s="472" t="s">
        <v>27</v>
      </c>
      <c r="C28" s="87">
        <v>0</v>
      </c>
      <c r="D28" s="88">
        <v>1</v>
      </c>
      <c r="E28" s="89">
        <v>1</v>
      </c>
      <c r="F28" s="90">
        <v>0</v>
      </c>
      <c r="G28" s="88">
        <v>49</v>
      </c>
      <c r="H28" s="88">
        <v>23</v>
      </c>
      <c r="I28" s="88">
        <v>29</v>
      </c>
      <c r="J28" s="88">
        <v>20</v>
      </c>
      <c r="K28" s="88">
        <v>13</v>
      </c>
      <c r="L28" s="89">
        <v>134</v>
      </c>
      <c r="M28" s="91">
        <v>135</v>
      </c>
      <c r="N28" s="92">
        <v>0</v>
      </c>
      <c r="O28" s="88">
        <v>0</v>
      </c>
      <c r="P28" s="89">
        <v>0</v>
      </c>
      <c r="Q28" s="90">
        <v>0</v>
      </c>
      <c r="R28" s="88">
        <v>1</v>
      </c>
      <c r="S28" s="88">
        <v>0</v>
      </c>
      <c r="T28" s="88">
        <v>1</v>
      </c>
      <c r="U28" s="88">
        <v>0</v>
      </c>
      <c r="V28" s="88">
        <v>0</v>
      </c>
      <c r="W28" s="89">
        <v>2</v>
      </c>
      <c r="X28" s="91">
        <v>2</v>
      </c>
      <c r="Y28" s="92">
        <v>0</v>
      </c>
      <c r="Z28" s="88">
        <v>1</v>
      </c>
      <c r="AA28" s="89">
        <v>1</v>
      </c>
      <c r="AB28" s="90">
        <v>0</v>
      </c>
      <c r="AC28" s="88">
        <v>50</v>
      </c>
      <c r="AD28" s="88">
        <v>23</v>
      </c>
      <c r="AE28" s="88">
        <v>30</v>
      </c>
      <c r="AF28" s="88">
        <v>20</v>
      </c>
      <c r="AG28" s="88">
        <v>13</v>
      </c>
      <c r="AH28" s="89">
        <v>136</v>
      </c>
      <c r="AI28" s="91">
        <v>137</v>
      </c>
    </row>
    <row r="29" spans="2:35" ht="21" customHeight="1" x14ac:dyDescent="0.2">
      <c r="B29" s="472" t="s">
        <v>28</v>
      </c>
      <c r="C29" s="87">
        <v>0</v>
      </c>
      <c r="D29" s="88">
        <v>0</v>
      </c>
      <c r="E29" s="89">
        <v>0</v>
      </c>
      <c r="F29" s="90">
        <v>0</v>
      </c>
      <c r="G29" s="88">
        <v>21</v>
      </c>
      <c r="H29" s="88">
        <v>22</v>
      </c>
      <c r="I29" s="88">
        <v>5</v>
      </c>
      <c r="J29" s="88">
        <v>5</v>
      </c>
      <c r="K29" s="88">
        <v>4</v>
      </c>
      <c r="L29" s="89">
        <v>57</v>
      </c>
      <c r="M29" s="91">
        <v>57</v>
      </c>
      <c r="N29" s="92">
        <v>0</v>
      </c>
      <c r="O29" s="88">
        <v>0</v>
      </c>
      <c r="P29" s="89">
        <v>0</v>
      </c>
      <c r="Q29" s="90">
        <v>0</v>
      </c>
      <c r="R29" s="88">
        <v>0</v>
      </c>
      <c r="S29" s="88">
        <v>1</v>
      </c>
      <c r="T29" s="88">
        <v>0</v>
      </c>
      <c r="U29" s="88">
        <v>0</v>
      </c>
      <c r="V29" s="88">
        <v>1</v>
      </c>
      <c r="W29" s="89">
        <v>2</v>
      </c>
      <c r="X29" s="91">
        <v>2</v>
      </c>
      <c r="Y29" s="92">
        <v>0</v>
      </c>
      <c r="Z29" s="88">
        <v>0</v>
      </c>
      <c r="AA29" s="89">
        <v>0</v>
      </c>
      <c r="AB29" s="90">
        <v>0</v>
      </c>
      <c r="AC29" s="88">
        <v>21</v>
      </c>
      <c r="AD29" s="88">
        <v>23</v>
      </c>
      <c r="AE29" s="88">
        <v>5</v>
      </c>
      <c r="AF29" s="88">
        <v>5</v>
      </c>
      <c r="AG29" s="88">
        <v>5</v>
      </c>
      <c r="AH29" s="89">
        <v>59</v>
      </c>
      <c r="AI29" s="91">
        <v>59</v>
      </c>
    </row>
    <row r="30" spans="2:35" ht="21" customHeight="1" x14ac:dyDescent="0.2">
      <c r="B30" s="472" t="s">
        <v>29</v>
      </c>
      <c r="C30" s="87">
        <v>0</v>
      </c>
      <c r="D30" s="88">
        <v>4</v>
      </c>
      <c r="E30" s="89">
        <v>4</v>
      </c>
      <c r="F30" s="90">
        <v>0</v>
      </c>
      <c r="G30" s="88">
        <v>37</v>
      </c>
      <c r="H30" s="88">
        <v>27</v>
      </c>
      <c r="I30" s="88">
        <v>28</v>
      </c>
      <c r="J30" s="88">
        <v>18</v>
      </c>
      <c r="K30" s="88">
        <v>10</v>
      </c>
      <c r="L30" s="89">
        <v>120</v>
      </c>
      <c r="M30" s="91">
        <v>124</v>
      </c>
      <c r="N30" s="92">
        <v>0</v>
      </c>
      <c r="O30" s="88">
        <v>0</v>
      </c>
      <c r="P30" s="89">
        <v>0</v>
      </c>
      <c r="Q30" s="90">
        <v>0</v>
      </c>
      <c r="R30" s="88">
        <v>1</v>
      </c>
      <c r="S30" s="88">
        <v>0</v>
      </c>
      <c r="T30" s="88">
        <v>0</v>
      </c>
      <c r="U30" s="88">
        <v>0</v>
      </c>
      <c r="V30" s="88">
        <v>0</v>
      </c>
      <c r="W30" s="89">
        <v>1</v>
      </c>
      <c r="X30" s="91">
        <v>1</v>
      </c>
      <c r="Y30" s="92">
        <v>0</v>
      </c>
      <c r="Z30" s="88">
        <v>4</v>
      </c>
      <c r="AA30" s="89">
        <v>4</v>
      </c>
      <c r="AB30" s="90">
        <v>0</v>
      </c>
      <c r="AC30" s="88">
        <v>38</v>
      </c>
      <c r="AD30" s="88">
        <v>27</v>
      </c>
      <c r="AE30" s="88">
        <v>28</v>
      </c>
      <c r="AF30" s="88">
        <v>18</v>
      </c>
      <c r="AG30" s="88">
        <v>10</v>
      </c>
      <c r="AH30" s="89">
        <v>121</v>
      </c>
      <c r="AI30" s="91">
        <v>125</v>
      </c>
    </row>
    <row r="31" spans="2:35" ht="21" customHeight="1" x14ac:dyDescent="0.2">
      <c r="B31" s="472" t="s">
        <v>30</v>
      </c>
      <c r="C31" s="87">
        <v>1</v>
      </c>
      <c r="D31" s="88">
        <v>0</v>
      </c>
      <c r="E31" s="89">
        <v>1</v>
      </c>
      <c r="F31" s="90">
        <v>0</v>
      </c>
      <c r="G31" s="88">
        <v>30</v>
      </c>
      <c r="H31" s="88">
        <v>16</v>
      </c>
      <c r="I31" s="88">
        <v>16</v>
      </c>
      <c r="J31" s="88">
        <v>9</v>
      </c>
      <c r="K31" s="88">
        <v>1</v>
      </c>
      <c r="L31" s="89">
        <v>72</v>
      </c>
      <c r="M31" s="91">
        <v>73</v>
      </c>
      <c r="N31" s="92">
        <v>0</v>
      </c>
      <c r="O31" s="88">
        <v>0</v>
      </c>
      <c r="P31" s="89">
        <v>0</v>
      </c>
      <c r="Q31" s="90">
        <v>0</v>
      </c>
      <c r="R31" s="88">
        <v>1</v>
      </c>
      <c r="S31" s="88">
        <v>0</v>
      </c>
      <c r="T31" s="88">
        <v>0</v>
      </c>
      <c r="U31" s="88">
        <v>0</v>
      </c>
      <c r="V31" s="88">
        <v>1</v>
      </c>
      <c r="W31" s="89">
        <v>2</v>
      </c>
      <c r="X31" s="91">
        <v>2</v>
      </c>
      <c r="Y31" s="92">
        <v>1</v>
      </c>
      <c r="Z31" s="88">
        <v>0</v>
      </c>
      <c r="AA31" s="89">
        <v>1</v>
      </c>
      <c r="AB31" s="90">
        <v>0</v>
      </c>
      <c r="AC31" s="88">
        <v>31</v>
      </c>
      <c r="AD31" s="88">
        <v>16</v>
      </c>
      <c r="AE31" s="88">
        <v>16</v>
      </c>
      <c r="AF31" s="88">
        <v>9</v>
      </c>
      <c r="AG31" s="88">
        <v>2</v>
      </c>
      <c r="AH31" s="89">
        <v>74</v>
      </c>
      <c r="AI31" s="91">
        <v>75</v>
      </c>
    </row>
    <row r="32" spans="2:35" ht="21" customHeight="1" x14ac:dyDescent="0.2">
      <c r="B32" s="472" t="s">
        <v>31</v>
      </c>
      <c r="C32" s="87">
        <v>0</v>
      </c>
      <c r="D32" s="88">
        <v>2</v>
      </c>
      <c r="E32" s="89">
        <v>2</v>
      </c>
      <c r="F32" s="90">
        <v>0</v>
      </c>
      <c r="G32" s="88">
        <v>52</v>
      </c>
      <c r="H32" s="88">
        <v>28</v>
      </c>
      <c r="I32" s="88">
        <v>27</v>
      </c>
      <c r="J32" s="88">
        <v>19</v>
      </c>
      <c r="K32" s="88">
        <v>7</v>
      </c>
      <c r="L32" s="89">
        <v>133</v>
      </c>
      <c r="M32" s="91">
        <v>135</v>
      </c>
      <c r="N32" s="92">
        <v>0</v>
      </c>
      <c r="O32" s="88">
        <v>0</v>
      </c>
      <c r="P32" s="89">
        <v>0</v>
      </c>
      <c r="Q32" s="90">
        <v>0</v>
      </c>
      <c r="R32" s="88">
        <v>0</v>
      </c>
      <c r="S32" s="88">
        <v>0</v>
      </c>
      <c r="T32" s="88">
        <v>0</v>
      </c>
      <c r="U32" s="88">
        <v>0</v>
      </c>
      <c r="V32" s="88">
        <v>0</v>
      </c>
      <c r="W32" s="89">
        <v>0</v>
      </c>
      <c r="X32" s="91">
        <v>0</v>
      </c>
      <c r="Y32" s="92">
        <v>0</v>
      </c>
      <c r="Z32" s="88">
        <v>2</v>
      </c>
      <c r="AA32" s="89">
        <v>2</v>
      </c>
      <c r="AB32" s="90">
        <v>0</v>
      </c>
      <c r="AC32" s="88">
        <v>52</v>
      </c>
      <c r="AD32" s="88">
        <v>28</v>
      </c>
      <c r="AE32" s="88">
        <v>27</v>
      </c>
      <c r="AF32" s="88">
        <v>19</v>
      </c>
      <c r="AG32" s="88">
        <v>7</v>
      </c>
      <c r="AH32" s="89">
        <v>133</v>
      </c>
      <c r="AI32" s="91">
        <v>135</v>
      </c>
    </row>
    <row r="33" spans="2:35" ht="21" customHeight="1" x14ac:dyDescent="0.2">
      <c r="B33" s="472" t="s">
        <v>32</v>
      </c>
      <c r="C33" s="87">
        <v>0</v>
      </c>
      <c r="D33" s="88">
        <v>4</v>
      </c>
      <c r="E33" s="89">
        <v>4</v>
      </c>
      <c r="F33" s="90">
        <v>0</v>
      </c>
      <c r="G33" s="88">
        <v>51</v>
      </c>
      <c r="H33" s="88">
        <v>38</v>
      </c>
      <c r="I33" s="88">
        <v>37</v>
      </c>
      <c r="J33" s="88">
        <v>23</v>
      </c>
      <c r="K33" s="88">
        <v>10</v>
      </c>
      <c r="L33" s="89">
        <v>159</v>
      </c>
      <c r="M33" s="91">
        <v>163</v>
      </c>
      <c r="N33" s="92">
        <v>0</v>
      </c>
      <c r="O33" s="88">
        <v>0</v>
      </c>
      <c r="P33" s="89">
        <v>0</v>
      </c>
      <c r="Q33" s="90">
        <v>0</v>
      </c>
      <c r="R33" s="88">
        <v>0</v>
      </c>
      <c r="S33" s="88">
        <v>1</v>
      </c>
      <c r="T33" s="88">
        <v>1</v>
      </c>
      <c r="U33" s="88">
        <v>0</v>
      </c>
      <c r="V33" s="88">
        <v>0</v>
      </c>
      <c r="W33" s="89">
        <v>2</v>
      </c>
      <c r="X33" s="91">
        <v>2</v>
      </c>
      <c r="Y33" s="92">
        <v>0</v>
      </c>
      <c r="Z33" s="88">
        <v>4</v>
      </c>
      <c r="AA33" s="89">
        <v>4</v>
      </c>
      <c r="AB33" s="90">
        <v>0</v>
      </c>
      <c r="AC33" s="88">
        <v>51</v>
      </c>
      <c r="AD33" s="88">
        <v>39</v>
      </c>
      <c r="AE33" s="88">
        <v>38</v>
      </c>
      <c r="AF33" s="88">
        <v>23</v>
      </c>
      <c r="AG33" s="88">
        <v>10</v>
      </c>
      <c r="AH33" s="89">
        <v>161</v>
      </c>
      <c r="AI33" s="91">
        <v>165</v>
      </c>
    </row>
    <row r="34" spans="2:35" ht="21" customHeight="1" x14ac:dyDescent="0.2">
      <c r="B34" s="472" t="s">
        <v>33</v>
      </c>
      <c r="C34" s="87">
        <v>0</v>
      </c>
      <c r="D34" s="88">
        <v>1</v>
      </c>
      <c r="E34" s="89">
        <v>1</v>
      </c>
      <c r="F34" s="90">
        <v>0</v>
      </c>
      <c r="G34" s="88">
        <v>33</v>
      </c>
      <c r="H34" s="88">
        <v>17</v>
      </c>
      <c r="I34" s="88">
        <v>22</v>
      </c>
      <c r="J34" s="88">
        <v>4</v>
      </c>
      <c r="K34" s="88">
        <v>9</v>
      </c>
      <c r="L34" s="89">
        <v>85</v>
      </c>
      <c r="M34" s="91">
        <v>86</v>
      </c>
      <c r="N34" s="92">
        <v>0</v>
      </c>
      <c r="O34" s="88">
        <v>0</v>
      </c>
      <c r="P34" s="89">
        <v>0</v>
      </c>
      <c r="Q34" s="90">
        <v>0</v>
      </c>
      <c r="R34" s="88">
        <v>0</v>
      </c>
      <c r="S34" s="88">
        <v>0</v>
      </c>
      <c r="T34" s="88">
        <v>0</v>
      </c>
      <c r="U34" s="88">
        <v>0</v>
      </c>
      <c r="V34" s="88">
        <v>0</v>
      </c>
      <c r="W34" s="89">
        <v>0</v>
      </c>
      <c r="X34" s="91">
        <v>0</v>
      </c>
      <c r="Y34" s="92">
        <v>0</v>
      </c>
      <c r="Z34" s="88">
        <v>1</v>
      </c>
      <c r="AA34" s="89">
        <v>1</v>
      </c>
      <c r="AB34" s="90">
        <v>0</v>
      </c>
      <c r="AC34" s="88">
        <v>33</v>
      </c>
      <c r="AD34" s="88">
        <v>17</v>
      </c>
      <c r="AE34" s="88">
        <v>22</v>
      </c>
      <c r="AF34" s="88">
        <v>4</v>
      </c>
      <c r="AG34" s="88">
        <v>9</v>
      </c>
      <c r="AH34" s="89">
        <v>85</v>
      </c>
      <c r="AI34" s="91">
        <v>86</v>
      </c>
    </row>
    <row r="35" spans="2:35" ht="21" customHeight="1" x14ac:dyDescent="0.2">
      <c r="B35" s="472" t="s">
        <v>34</v>
      </c>
      <c r="C35" s="87">
        <v>2</v>
      </c>
      <c r="D35" s="88">
        <v>2</v>
      </c>
      <c r="E35" s="89">
        <v>4</v>
      </c>
      <c r="F35" s="90">
        <v>0</v>
      </c>
      <c r="G35" s="88">
        <v>29</v>
      </c>
      <c r="H35" s="88">
        <v>24</v>
      </c>
      <c r="I35" s="88">
        <v>16</v>
      </c>
      <c r="J35" s="88">
        <v>7</v>
      </c>
      <c r="K35" s="88">
        <v>8</v>
      </c>
      <c r="L35" s="89">
        <v>84</v>
      </c>
      <c r="M35" s="91">
        <v>88</v>
      </c>
      <c r="N35" s="92">
        <v>0</v>
      </c>
      <c r="O35" s="88">
        <v>0</v>
      </c>
      <c r="P35" s="89">
        <v>0</v>
      </c>
      <c r="Q35" s="90">
        <v>0</v>
      </c>
      <c r="R35" s="88">
        <v>0</v>
      </c>
      <c r="S35" s="88">
        <v>0</v>
      </c>
      <c r="T35" s="88">
        <v>0</v>
      </c>
      <c r="U35" s="88">
        <v>1</v>
      </c>
      <c r="V35" s="88">
        <v>0</v>
      </c>
      <c r="W35" s="89">
        <v>1</v>
      </c>
      <c r="X35" s="91">
        <v>1</v>
      </c>
      <c r="Y35" s="92">
        <v>2</v>
      </c>
      <c r="Z35" s="88">
        <v>2</v>
      </c>
      <c r="AA35" s="89">
        <v>4</v>
      </c>
      <c r="AB35" s="90">
        <v>0</v>
      </c>
      <c r="AC35" s="88">
        <v>29</v>
      </c>
      <c r="AD35" s="88">
        <v>24</v>
      </c>
      <c r="AE35" s="88">
        <v>16</v>
      </c>
      <c r="AF35" s="88">
        <v>8</v>
      </c>
      <c r="AG35" s="88">
        <v>8</v>
      </c>
      <c r="AH35" s="89">
        <v>85</v>
      </c>
      <c r="AI35" s="91">
        <v>89</v>
      </c>
    </row>
    <row r="36" spans="2:35" ht="21" customHeight="1" x14ac:dyDescent="0.2">
      <c r="B36" s="472" t="s">
        <v>35</v>
      </c>
      <c r="C36" s="87">
        <v>3</v>
      </c>
      <c r="D36" s="88">
        <v>2</v>
      </c>
      <c r="E36" s="89">
        <v>5</v>
      </c>
      <c r="F36" s="90">
        <v>0</v>
      </c>
      <c r="G36" s="88">
        <v>47</v>
      </c>
      <c r="H36" s="88">
        <v>36</v>
      </c>
      <c r="I36" s="88">
        <v>27</v>
      </c>
      <c r="J36" s="88">
        <v>29</v>
      </c>
      <c r="K36" s="88">
        <v>11</v>
      </c>
      <c r="L36" s="89">
        <v>150</v>
      </c>
      <c r="M36" s="91">
        <v>155</v>
      </c>
      <c r="N36" s="92">
        <v>0</v>
      </c>
      <c r="O36" s="88">
        <v>0</v>
      </c>
      <c r="P36" s="89">
        <v>0</v>
      </c>
      <c r="Q36" s="90">
        <v>0</v>
      </c>
      <c r="R36" s="88">
        <v>0</v>
      </c>
      <c r="S36" s="88">
        <v>1</v>
      </c>
      <c r="T36" s="88">
        <v>0</v>
      </c>
      <c r="U36" s="88">
        <v>0</v>
      </c>
      <c r="V36" s="88">
        <v>0</v>
      </c>
      <c r="W36" s="89">
        <v>1</v>
      </c>
      <c r="X36" s="91">
        <v>1</v>
      </c>
      <c r="Y36" s="92">
        <v>3</v>
      </c>
      <c r="Z36" s="88">
        <v>2</v>
      </c>
      <c r="AA36" s="89">
        <v>5</v>
      </c>
      <c r="AB36" s="90">
        <v>0</v>
      </c>
      <c r="AC36" s="88">
        <v>47</v>
      </c>
      <c r="AD36" s="88">
        <v>37</v>
      </c>
      <c r="AE36" s="88">
        <v>27</v>
      </c>
      <c r="AF36" s="88">
        <v>29</v>
      </c>
      <c r="AG36" s="88">
        <v>11</v>
      </c>
      <c r="AH36" s="89">
        <v>151</v>
      </c>
      <c r="AI36" s="91">
        <v>156</v>
      </c>
    </row>
    <row r="37" spans="2:35" ht="21" customHeight="1" x14ac:dyDescent="0.2">
      <c r="B37" s="472" t="s">
        <v>36</v>
      </c>
      <c r="C37" s="87">
        <v>2</v>
      </c>
      <c r="D37" s="88">
        <v>4</v>
      </c>
      <c r="E37" s="89">
        <v>6</v>
      </c>
      <c r="F37" s="90">
        <v>0</v>
      </c>
      <c r="G37" s="88">
        <v>86</v>
      </c>
      <c r="H37" s="88">
        <v>68</v>
      </c>
      <c r="I37" s="88">
        <v>45</v>
      </c>
      <c r="J37" s="88">
        <v>30</v>
      </c>
      <c r="K37" s="88">
        <v>18</v>
      </c>
      <c r="L37" s="89">
        <v>247</v>
      </c>
      <c r="M37" s="91">
        <v>253</v>
      </c>
      <c r="N37" s="92">
        <v>0</v>
      </c>
      <c r="O37" s="88">
        <v>0</v>
      </c>
      <c r="P37" s="89">
        <v>0</v>
      </c>
      <c r="Q37" s="90">
        <v>0</v>
      </c>
      <c r="R37" s="88">
        <v>0</v>
      </c>
      <c r="S37" s="88">
        <v>1</v>
      </c>
      <c r="T37" s="88">
        <v>1</v>
      </c>
      <c r="U37" s="88">
        <v>0</v>
      </c>
      <c r="V37" s="88">
        <v>1</v>
      </c>
      <c r="W37" s="89">
        <v>3</v>
      </c>
      <c r="X37" s="91">
        <v>3</v>
      </c>
      <c r="Y37" s="92">
        <v>2</v>
      </c>
      <c r="Z37" s="88">
        <v>4</v>
      </c>
      <c r="AA37" s="89">
        <v>6</v>
      </c>
      <c r="AB37" s="90">
        <v>0</v>
      </c>
      <c r="AC37" s="88">
        <v>86</v>
      </c>
      <c r="AD37" s="88">
        <v>69</v>
      </c>
      <c r="AE37" s="88">
        <v>46</v>
      </c>
      <c r="AF37" s="88">
        <v>30</v>
      </c>
      <c r="AG37" s="88">
        <v>19</v>
      </c>
      <c r="AH37" s="89">
        <v>250</v>
      </c>
      <c r="AI37" s="91">
        <v>256</v>
      </c>
    </row>
    <row r="38" spans="2:35" ht="21" customHeight="1" thickBot="1" x14ac:dyDescent="0.25">
      <c r="B38" s="473" t="s">
        <v>37</v>
      </c>
      <c r="C38" s="93">
        <v>0</v>
      </c>
      <c r="D38" s="94">
        <v>0</v>
      </c>
      <c r="E38" s="95">
        <v>0</v>
      </c>
      <c r="F38" s="96">
        <v>0</v>
      </c>
      <c r="G38" s="94">
        <v>14</v>
      </c>
      <c r="H38" s="94">
        <v>8</v>
      </c>
      <c r="I38" s="94">
        <v>11</v>
      </c>
      <c r="J38" s="94">
        <v>4</v>
      </c>
      <c r="K38" s="94">
        <v>3</v>
      </c>
      <c r="L38" s="95">
        <v>40</v>
      </c>
      <c r="M38" s="97">
        <v>40</v>
      </c>
      <c r="N38" s="98">
        <v>0</v>
      </c>
      <c r="O38" s="94">
        <v>0</v>
      </c>
      <c r="P38" s="95">
        <v>0</v>
      </c>
      <c r="Q38" s="96">
        <v>0</v>
      </c>
      <c r="R38" s="94">
        <v>0</v>
      </c>
      <c r="S38" s="94">
        <v>0</v>
      </c>
      <c r="T38" s="94">
        <v>0</v>
      </c>
      <c r="U38" s="94">
        <v>0</v>
      </c>
      <c r="V38" s="94">
        <v>0</v>
      </c>
      <c r="W38" s="95">
        <v>0</v>
      </c>
      <c r="X38" s="97">
        <v>0</v>
      </c>
      <c r="Y38" s="98">
        <v>0</v>
      </c>
      <c r="Z38" s="94">
        <v>0</v>
      </c>
      <c r="AA38" s="95">
        <v>0</v>
      </c>
      <c r="AB38" s="96">
        <v>0</v>
      </c>
      <c r="AC38" s="94">
        <v>14</v>
      </c>
      <c r="AD38" s="94">
        <v>8</v>
      </c>
      <c r="AE38" s="94">
        <v>11</v>
      </c>
      <c r="AF38" s="94">
        <v>4</v>
      </c>
      <c r="AG38" s="94">
        <v>3</v>
      </c>
      <c r="AH38" s="95">
        <v>40</v>
      </c>
      <c r="AI38" s="97">
        <v>40</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8</v>
      </c>
      <c r="L1" s="504">
        <f>IF(K1&lt;3,K1+12-2,K1-2)</f>
        <v>6</v>
      </c>
      <c r="M1" s="504"/>
    </row>
    <row r="2" spans="1:101" s="272" customFormat="1" ht="24" customHeight="1" thickBot="1" x14ac:dyDescent="0.25">
      <c r="A2" s="39"/>
      <c r="B2" s="271" t="s">
        <v>132</v>
      </c>
    </row>
    <row r="3" spans="1:101" ht="21" customHeight="1" thickBot="1" x14ac:dyDescent="0.25">
      <c r="B3" s="512"/>
      <c r="C3" s="515" t="s">
        <v>114</v>
      </c>
      <c r="D3" s="516"/>
      <c r="E3" s="516"/>
      <c r="F3" s="516"/>
      <c r="G3" s="516"/>
      <c r="H3" s="516"/>
      <c r="I3" s="516"/>
      <c r="J3" s="516"/>
      <c r="K3" s="516"/>
      <c r="L3" s="516"/>
      <c r="M3" s="517"/>
      <c r="N3" s="515" t="s">
        <v>115</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244" t="s">
        <v>43</v>
      </c>
      <c r="D5" s="246" t="s">
        <v>44</v>
      </c>
      <c r="E5" s="247" t="s">
        <v>45</v>
      </c>
      <c r="F5" s="248" t="s">
        <v>83</v>
      </c>
      <c r="G5" s="243" t="s">
        <v>47</v>
      </c>
      <c r="H5" s="243" t="s">
        <v>48</v>
      </c>
      <c r="I5" s="243" t="s">
        <v>49</v>
      </c>
      <c r="J5" s="243" t="s">
        <v>50</v>
      </c>
      <c r="K5" s="243" t="s">
        <v>51</v>
      </c>
      <c r="L5" s="249" t="s">
        <v>45</v>
      </c>
      <c r="M5" s="506"/>
      <c r="N5" s="244" t="s">
        <v>43</v>
      </c>
      <c r="O5" s="243" t="s">
        <v>44</v>
      </c>
      <c r="P5" s="246" t="s">
        <v>45</v>
      </c>
      <c r="Q5" s="248" t="s">
        <v>83</v>
      </c>
      <c r="R5" s="243" t="s">
        <v>47</v>
      </c>
      <c r="S5" s="243" t="s">
        <v>48</v>
      </c>
      <c r="T5" s="243" t="s">
        <v>49</v>
      </c>
      <c r="U5" s="243" t="s">
        <v>50</v>
      </c>
      <c r="V5" s="243" t="s">
        <v>51</v>
      </c>
      <c r="W5" s="246" t="s">
        <v>45</v>
      </c>
      <c r="X5" s="506"/>
      <c r="Y5" s="244" t="s">
        <v>43</v>
      </c>
      <c r="Z5" s="243" t="s">
        <v>44</v>
      </c>
      <c r="AA5" s="246" t="s">
        <v>45</v>
      </c>
      <c r="AB5" s="248" t="s">
        <v>83</v>
      </c>
      <c r="AC5" s="243" t="s">
        <v>47</v>
      </c>
      <c r="AD5" s="243" t="s">
        <v>48</v>
      </c>
      <c r="AE5" s="243" t="s">
        <v>49</v>
      </c>
      <c r="AF5" s="243" t="s">
        <v>50</v>
      </c>
      <c r="AG5" s="243" t="s">
        <v>51</v>
      </c>
      <c r="AH5" s="246" t="s">
        <v>45</v>
      </c>
      <c r="AI5" s="506"/>
      <c r="AJ5" s="318" t="s">
        <v>43</v>
      </c>
      <c r="AK5" s="243" t="s">
        <v>44</v>
      </c>
      <c r="AL5" s="246" t="s">
        <v>45</v>
      </c>
      <c r="AM5" s="248" t="s">
        <v>83</v>
      </c>
      <c r="AN5" s="243" t="s">
        <v>47</v>
      </c>
      <c r="AO5" s="243" t="s">
        <v>48</v>
      </c>
      <c r="AP5" s="243" t="s">
        <v>49</v>
      </c>
      <c r="AQ5" s="243" t="s">
        <v>50</v>
      </c>
      <c r="AR5" s="243" t="s">
        <v>51</v>
      </c>
      <c r="AS5" s="246" t="s">
        <v>45</v>
      </c>
      <c r="AT5" s="506"/>
      <c r="AU5" s="318" t="s">
        <v>43</v>
      </c>
      <c r="AV5" s="243" t="s">
        <v>44</v>
      </c>
      <c r="AW5" s="246" t="s">
        <v>45</v>
      </c>
      <c r="AX5" s="248" t="s">
        <v>83</v>
      </c>
      <c r="AY5" s="243" t="s">
        <v>47</v>
      </c>
      <c r="AZ5" s="243" t="s">
        <v>48</v>
      </c>
      <c r="BA5" s="243" t="s">
        <v>49</v>
      </c>
      <c r="BB5" s="243" t="s">
        <v>50</v>
      </c>
      <c r="BC5" s="243" t="s">
        <v>51</v>
      </c>
      <c r="BD5" s="246" t="s">
        <v>45</v>
      </c>
      <c r="BE5" s="539"/>
      <c r="BF5" s="318" t="s">
        <v>43</v>
      </c>
      <c r="BG5" s="243" t="s">
        <v>44</v>
      </c>
      <c r="BH5" s="246" t="s">
        <v>45</v>
      </c>
      <c r="BI5" s="248" t="s">
        <v>83</v>
      </c>
      <c r="BJ5" s="243" t="s">
        <v>47</v>
      </c>
      <c r="BK5" s="243" t="s">
        <v>48</v>
      </c>
      <c r="BL5" s="243" t="s">
        <v>49</v>
      </c>
      <c r="BM5" s="243" t="s">
        <v>50</v>
      </c>
      <c r="BN5" s="243" t="s">
        <v>51</v>
      </c>
      <c r="BO5" s="246" t="s">
        <v>45</v>
      </c>
      <c r="BP5" s="539"/>
      <c r="BQ5" s="318" t="s">
        <v>43</v>
      </c>
      <c r="BR5" s="243" t="s">
        <v>44</v>
      </c>
      <c r="BS5" s="246" t="s">
        <v>45</v>
      </c>
      <c r="BT5" s="248" t="s">
        <v>83</v>
      </c>
      <c r="BU5" s="243" t="s">
        <v>47</v>
      </c>
      <c r="BV5" s="243" t="s">
        <v>48</v>
      </c>
      <c r="BW5" s="243" t="s">
        <v>49</v>
      </c>
      <c r="BX5" s="243" t="s">
        <v>50</v>
      </c>
      <c r="BY5" s="243" t="s">
        <v>51</v>
      </c>
      <c r="BZ5" s="246" t="s">
        <v>45</v>
      </c>
      <c r="CA5" s="539"/>
      <c r="CB5" s="318" t="s">
        <v>43</v>
      </c>
      <c r="CC5" s="243" t="s">
        <v>44</v>
      </c>
      <c r="CD5" s="246" t="s">
        <v>45</v>
      </c>
      <c r="CE5" s="248" t="s">
        <v>83</v>
      </c>
      <c r="CF5" s="243" t="s">
        <v>47</v>
      </c>
      <c r="CG5" s="243" t="s">
        <v>48</v>
      </c>
      <c r="CH5" s="243" t="s">
        <v>49</v>
      </c>
      <c r="CI5" s="243" t="s">
        <v>50</v>
      </c>
      <c r="CJ5" s="243" t="s">
        <v>51</v>
      </c>
      <c r="CK5" s="246" t="s">
        <v>45</v>
      </c>
      <c r="CL5" s="539"/>
      <c r="CM5" s="318"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322</v>
      </c>
      <c r="H6" s="254">
        <v>392</v>
      </c>
      <c r="I6" s="254">
        <v>347</v>
      </c>
      <c r="J6" s="254">
        <v>406</v>
      </c>
      <c r="K6" s="254">
        <v>391</v>
      </c>
      <c r="L6" s="255">
        <v>1858</v>
      </c>
      <c r="M6" s="256">
        <v>1858</v>
      </c>
      <c r="N6" s="250">
        <v>0</v>
      </c>
      <c r="O6" s="254">
        <v>0</v>
      </c>
      <c r="P6" s="251">
        <v>0</v>
      </c>
      <c r="Q6" s="253">
        <v>0</v>
      </c>
      <c r="R6" s="254">
        <v>183</v>
      </c>
      <c r="S6" s="254">
        <v>525</v>
      </c>
      <c r="T6" s="254">
        <v>475</v>
      </c>
      <c r="U6" s="254">
        <v>473</v>
      </c>
      <c r="V6" s="254">
        <v>412</v>
      </c>
      <c r="W6" s="251">
        <v>2068</v>
      </c>
      <c r="X6" s="256">
        <v>2068</v>
      </c>
      <c r="Y6" s="250">
        <v>0</v>
      </c>
      <c r="Z6" s="254">
        <v>0</v>
      </c>
      <c r="AA6" s="251">
        <v>0</v>
      </c>
      <c r="AB6" s="253">
        <v>0</v>
      </c>
      <c r="AC6" s="254">
        <v>13787</v>
      </c>
      <c r="AD6" s="254">
        <v>12721</v>
      </c>
      <c r="AE6" s="254">
        <v>6078</v>
      </c>
      <c r="AF6" s="254">
        <v>3060</v>
      </c>
      <c r="AG6" s="254">
        <v>1342</v>
      </c>
      <c r="AH6" s="251">
        <v>36988</v>
      </c>
      <c r="AI6" s="256">
        <v>36988</v>
      </c>
      <c r="AJ6" s="250">
        <v>10</v>
      </c>
      <c r="AK6" s="254">
        <v>9</v>
      </c>
      <c r="AL6" s="251">
        <v>19</v>
      </c>
      <c r="AM6" s="253">
        <v>0</v>
      </c>
      <c r="AN6" s="254">
        <v>795</v>
      </c>
      <c r="AO6" s="254">
        <v>980</v>
      </c>
      <c r="AP6" s="254">
        <v>1073</v>
      </c>
      <c r="AQ6" s="254">
        <v>619</v>
      </c>
      <c r="AR6" s="254">
        <v>466</v>
      </c>
      <c r="AS6" s="251">
        <v>3933</v>
      </c>
      <c r="AT6" s="256">
        <v>3952</v>
      </c>
      <c r="AU6" s="250">
        <v>179</v>
      </c>
      <c r="AV6" s="254">
        <v>273</v>
      </c>
      <c r="AW6" s="251">
        <v>452</v>
      </c>
      <c r="AX6" s="253">
        <v>0</v>
      </c>
      <c r="AY6" s="254">
        <v>1426</v>
      </c>
      <c r="AZ6" s="254">
        <v>1555</v>
      </c>
      <c r="BA6" s="254">
        <v>1390</v>
      </c>
      <c r="BB6" s="254">
        <v>972</v>
      </c>
      <c r="BC6" s="254">
        <v>507</v>
      </c>
      <c r="BD6" s="251">
        <v>5850</v>
      </c>
      <c r="BE6" s="256">
        <v>6302</v>
      </c>
      <c r="BF6" s="250">
        <v>0</v>
      </c>
      <c r="BG6" s="254">
        <v>40</v>
      </c>
      <c r="BH6" s="251">
        <v>40</v>
      </c>
      <c r="BI6" s="253">
        <v>0</v>
      </c>
      <c r="BJ6" s="254">
        <v>2487</v>
      </c>
      <c r="BK6" s="254">
        <v>3158</v>
      </c>
      <c r="BL6" s="254">
        <v>3557</v>
      </c>
      <c r="BM6" s="254">
        <v>2349</v>
      </c>
      <c r="BN6" s="254">
        <v>1676</v>
      </c>
      <c r="BO6" s="255">
        <v>13227</v>
      </c>
      <c r="BP6" s="256">
        <v>13267</v>
      </c>
      <c r="BQ6" s="250">
        <v>0</v>
      </c>
      <c r="BR6" s="254">
        <v>0</v>
      </c>
      <c r="BS6" s="251">
        <v>0</v>
      </c>
      <c r="BT6" s="253">
        <v>0</v>
      </c>
      <c r="BU6" s="254">
        <v>38</v>
      </c>
      <c r="BV6" s="254">
        <v>44</v>
      </c>
      <c r="BW6" s="254">
        <v>74</v>
      </c>
      <c r="BX6" s="254">
        <v>67</v>
      </c>
      <c r="BY6" s="254">
        <v>55</v>
      </c>
      <c r="BZ6" s="251">
        <v>278</v>
      </c>
      <c r="CA6" s="256">
        <v>278</v>
      </c>
      <c r="CB6" s="250">
        <v>0</v>
      </c>
      <c r="CC6" s="254">
        <v>0</v>
      </c>
      <c r="CD6" s="251">
        <v>0</v>
      </c>
      <c r="CE6" s="253">
        <v>0</v>
      </c>
      <c r="CF6" s="254">
        <v>10</v>
      </c>
      <c r="CG6" s="254">
        <v>26</v>
      </c>
      <c r="CH6" s="254">
        <v>209</v>
      </c>
      <c r="CI6" s="254">
        <v>339</v>
      </c>
      <c r="CJ6" s="254">
        <v>238</v>
      </c>
      <c r="CK6" s="251">
        <v>822</v>
      </c>
      <c r="CL6" s="256">
        <v>822</v>
      </c>
      <c r="CM6" s="250">
        <v>0</v>
      </c>
      <c r="CN6" s="254">
        <v>0</v>
      </c>
      <c r="CO6" s="251">
        <v>0</v>
      </c>
      <c r="CP6" s="253">
        <v>0</v>
      </c>
      <c r="CQ6" s="254">
        <v>177</v>
      </c>
      <c r="CR6" s="254">
        <v>301</v>
      </c>
      <c r="CS6" s="254">
        <v>291</v>
      </c>
      <c r="CT6" s="254">
        <v>356</v>
      </c>
      <c r="CU6" s="254">
        <v>466</v>
      </c>
      <c r="CV6" s="251">
        <v>1591</v>
      </c>
      <c r="CW6" s="256">
        <v>1591</v>
      </c>
    </row>
    <row r="7" spans="1:101" ht="21" customHeight="1" x14ac:dyDescent="0.2">
      <c r="B7" s="471" t="s">
        <v>5</v>
      </c>
      <c r="C7" s="257">
        <v>0</v>
      </c>
      <c r="D7" s="258">
        <v>0</v>
      </c>
      <c r="E7" s="259">
        <v>0</v>
      </c>
      <c r="F7" s="260">
        <v>0</v>
      </c>
      <c r="G7" s="261">
        <v>118</v>
      </c>
      <c r="H7" s="261">
        <v>172</v>
      </c>
      <c r="I7" s="261">
        <v>170</v>
      </c>
      <c r="J7" s="261">
        <v>197</v>
      </c>
      <c r="K7" s="261">
        <v>189</v>
      </c>
      <c r="L7" s="262">
        <v>846</v>
      </c>
      <c r="M7" s="263">
        <v>846</v>
      </c>
      <c r="N7" s="257">
        <v>0</v>
      </c>
      <c r="O7" s="261">
        <v>0</v>
      </c>
      <c r="P7" s="258">
        <v>0</v>
      </c>
      <c r="Q7" s="260">
        <v>0</v>
      </c>
      <c r="R7" s="261">
        <v>94</v>
      </c>
      <c r="S7" s="261">
        <v>381</v>
      </c>
      <c r="T7" s="261">
        <v>356</v>
      </c>
      <c r="U7" s="261">
        <v>343</v>
      </c>
      <c r="V7" s="261">
        <v>309</v>
      </c>
      <c r="W7" s="258">
        <v>1483</v>
      </c>
      <c r="X7" s="263">
        <v>1483</v>
      </c>
      <c r="Y7" s="257">
        <v>0</v>
      </c>
      <c r="Z7" s="261">
        <v>0</v>
      </c>
      <c r="AA7" s="258">
        <v>0</v>
      </c>
      <c r="AB7" s="260">
        <v>0</v>
      </c>
      <c r="AC7" s="261">
        <v>4881</v>
      </c>
      <c r="AD7" s="261">
        <v>6123</v>
      </c>
      <c r="AE7" s="261">
        <v>2737</v>
      </c>
      <c r="AF7" s="261">
        <v>1418</v>
      </c>
      <c r="AG7" s="261">
        <v>590</v>
      </c>
      <c r="AH7" s="258">
        <v>15749</v>
      </c>
      <c r="AI7" s="263">
        <v>15749</v>
      </c>
      <c r="AJ7" s="257">
        <v>6</v>
      </c>
      <c r="AK7" s="261">
        <v>3</v>
      </c>
      <c r="AL7" s="258">
        <v>9</v>
      </c>
      <c r="AM7" s="260">
        <v>0</v>
      </c>
      <c r="AN7" s="261">
        <v>390</v>
      </c>
      <c r="AO7" s="261">
        <v>511</v>
      </c>
      <c r="AP7" s="261">
        <v>540</v>
      </c>
      <c r="AQ7" s="261">
        <v>336</v>
      </c>
      <c r="AR7" s="261">
        <v>250</v>
      </c>
      <c r="AS7" s="258">
        <v>2027</v>
      </c>
      <c r="AT7" s="263">
        <v>2036</v>
      </c>
      <c r="AU7" s="257">
        <v>75</v>
      </c>
      <c r="AV7" s="261">
        <v>110</v>
      </c>
      <c r="AW7" s="258">
        <v>185</v>
      </c>
      <c r="AX7" s="260">
        <v>0</v>
      </c>
      <c r="AY7" s="261">
        <v>517</v>
      </c>
      <c r="AZ7" s="261">
        <v>694</v>
      </c>
      <c r="BA7" s="261">
        <v>585</v>
      </c>
      <c r="BB7" s="261">
        <v>421</v>
      </c>
      <c r="BC7" s="261">
        <v>260</v>
      </c>
      <c r="BD7" s="258">
        <v>2477</v>
      </c>
      <c r="BE7" s="263">
        <v>2662</v>
      </c>
      <c r="BF7" s="257">
        <v>0</v>
      </c>
      <c r="BG7" s="261">
        <v>14</v>
      </c>
      <c r="BH7" s="258">
        <v>14</v>
      </c>
      <c r="BI7" s="260">
        <v>0</v>
      </c>
      <c r="BJ7" s="261">
        <v>1088</v>
      </c>
      <c r="BK7" s="261">
        <v>1369</v>
      </c>
      <c r="BL7" s="261">
        <v>1513</v>
      </c>
      <c r="BM7" s="261">
        <v>1021</v>
      </c>
      <c r="BN7" s="261">
        <v>750</v>
      </c>
      <c r="BO7" s="262">
        <v>5741</v>
      </c>
      <c r="BP7" s="263">
        <v>5755</v>
      </c>
      <c r="BQ7" s="257">
        <v>0</v>
      </c>
      <c r="BR7" s="261">
        <v>0</v>
      </c>
      <c r="BS7" s="258">
        <v>0</v>
      </c>
      <c r="BT7" s="260">
        <v>0</v>
      </c>
      <c r="BU7" s="261">
        <v>0</v>
      </c>
      <c r="BV7" s="261">
        <v>2</v>
      </c>
      <c r="BW7" s="261">
        <v>6</v>
      </c>
      <c r="BX7" s="261">
        <v>1</v>
      </c>
      <c r="BY7" s="261">
        <v>3</v>
      </c>
      <c r="BZ7" s="258">
        <v>12</v>
      </c>
      <c r="CA7" s="263">
        <v>12</v>
      </c>
      <c r="CB7" s="257">
        <v>0</v>
      </c>
      <c r="CC7" s="261">
        <v>0</v>
      </c>
      <c r="CD7" s="258">
        <v>0</v>
      </c>
      <c r="CE7" s="260">
        <v>0</v>
      </c>
      <c r="CF7" s="261">
        <v>5</v>
      </c>
      <c r="CG7" s="261">
        <v>9</v>
      </c>
      <c r="CH7" s="261">
        <v>25</v>
      </c>
      <c r="CI7" s="261">
        <v>41</v>
      </c>
      <c r="CJ7" s="261">
        <v>33</v>
      </c>
      <c r="CK7" s="258">
        <v>113</v>
      </c>
      <c r="CL7" s="263">
        <v>113</v>
      </c>
      <c r="CM7" s="257">
        <v>0</v>
      </c>
      <c r="CN7" s="261">
        <v>0</v>
      </c>
      <c r="CO7" s="258">
        <v>0</v>
      </c>
      <c r="CP7" s="260">
        <v>0</v>
      </c>
      <c r="CQ7" s="261">
        <v>27</v>
      </c>
      <c r="CR7" s="261">
        <v>65</v>
      </c>
      <c r="CS7" s="261">
        <v>68</v>
      </c>
      <c r="CT7" s="261">
        <v>85</v>
      </c>
      <c r="CU7" s="261">
        <v>169</v>
      </c>
      <c r="CV7" s="258">
        <v>414</v>
      </c>
      <c r="CW7" s="263">
        <v>414</v>
      </c>
    </row>
    <row r="8" spans="1:101" ht="21" customHeight="1" x14ac:dyDescent="0.2">
      <c r="B8" s="472" t="s">
        <v>6</v>
      </c>
      <c r="C8" s="257">
        <v>0</v>
      </c>
      <c r="D8" s="258">
        <v>0</v>
      </c>
      <c r="E8" s="259">
        <v>0</v>
      </c>
      <c r="F8" s="260">
        <v>0</v>
      </c>
      <c r="G8" s="261">
        <v>80</v>
      </c>
      <c r="H8" s="261">
        <v>80</v>
      </c>
      <c r="I8" s="261">
        <v>70</v>
      </c>
      <c r="J8" s="261">
        <v>95</v>
      </c>
      <c r="K8" s="261">
        <v>107</v>
      </c>
      <c r="L8" s="262">
        <v>432</v>
      </c>
      <c r="M8" s="263">
        <v>432</v>
      </c>
      <c r="N8" s="257">
        <v>0</v>
      </c>
      <c r="O8" s="261">
        <v>0</v>
      </c>
      <c r="P8" s="258">
        <v>0</v>
      </c>
      <c r="Q8" s="260">
        <v>0</v>
      </c>
      <c r="R8" s="261">
        <v>61</v>
      </c>
      <c r="S8" s="261">
        <v>119</v>
      </c>
      <c r="T8" s="261">
        <v>91</v>
      </c>
      <c r="U8" s="261">
        <v>105</v>
      </c>
      <c r="V8" s="261">
        <v>89</v>
      </c>
      <c r="W8" s="258">
        <v>465</v>
      </c>
      <c r="X8" s="263">
        <v>465</v>
      </c>
      <c r="Y8" s="257">
        <v>0</v>
      </c>
      <c r="Z8" s="261">
        <v>0</v>
      </c>
      <c r="AA8" s="258">
        <v>0</v>
      </c>
      <c r="AB8" s="260">
        <v>0</v>
      </c>
      <c r="AC8" s="261">
        <v>1920</v>
      </c>
      <c r="AD8" s="261">
        <v>1341</v>
      </c>
      <c r="AE8" s="261">
        <v>758</v>
      </c>
      <c r="AF8" s="261">
        <v>428</v>
      </c>
      <c r="AG8" s="261">
        <v>217</v>
      </c>
      <c r="AH8" s="258">
        <v>4664</v>
      </c>
      <c r="AI8" s="263">
        <v>4664</v>
      </c>
      <c r="AJ8" s="257">
        <v>1</v>
      </c>
      <c r="AK8" s="261">
        <v>2</v>
      </c>
      <c r="AL8" s="258">
        <v>3</v>
      </c>
      <c r="AM8" s="260">
        <v>0</v>
      </c>
      <c r="AN8" s="261">
        <v>183</v>
      </c>
      <c r="AO8" s="261">
        <v>211</v>
      </c>
      <c r="AP8" s="261">
        <v>225</v>
      </c>
      <c r="AQ8" s="261">
        <v>132</v>
      </c>
      <c r="AR8" s="261">
        <v>102</v>
      </c>
      <c r="AS8" s="258">
        <v>853</v>
      </c>
      <c r="AT8" s="263">
        <v>856</v>
      </c>
      <c r="AU8" s="257">
        <v>30</v>
      </c>
      <c r="AV8" s="261">
        <v>31</v>
      </c>
      <c r="AW8" s="258">
        <v>61</v>
      </c>
      <c r="AX8" s="260">
        <v>0</v>
      </c>
      <c r="AY8" s="261">
        <v>223</v>
      </c>
      <c r="AZ8" s="261">
        <v>206</v>
      </c>
      <c r="BA8" s="261">
        <v>188</v>
      </c>
      <c r="BB8" s="261">
        <v>149</v>
      </c>
      <c r="BC8" s="261">
        <v>73</v>
      </c>
      <c r="BD8" s="258">
        <v>839</v>
      </c>
      <c r="BE8" s="263">
        <v>900</v>
      </c>
      <c r="BF8" s="257">
        <v>0</v>
      </c>
      <c r="BG8" s="261">
        <v>5</v>
      </c>
      <c r="BH8" s="258">
        <v>5</v>
      </c>
      <c r="BI8" s="260">
        <v>0</v>
      </c>
      <c r="BJ8" s="261">
        <v>470</v>
      </c>
      <c r="BK8" s="261">
        <v>559</v>
      </c>
      <c r="BL8" s="261">
        <v>546</v>
      </c>
      <c r="BM8" s="261">
        <v>358</v>
      </c>
      <c r="BN8" s="261">
        <v>281</v>
      </c>
      <c r="BO8" s="262">
        <v>2214</v>
      </c>
      <c r="BP8" s="263">
        <v>2219</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4</v>
      </c>
      <c r="CG8" s="261">
        <v>4</v>
      </c>
      <c r="CH8" s="261">
        <v>68</v>
      </c>
      <c r="CI8" s="261">
        <v>94</v>
      </c>
      <c r="CJ8" s="261">
        <v>72</v>
      </c>
      <c r="CK8" s="258">
        <v>242</v>
      </c>
      <c r="CL8" s="263">
        <v>242</v>
      </c>
      <c r="CM8" s="257">
        <v>0</v>
      </c>
      <c r="CN8" s="261">
        <v>0</v>
      </c>
      <c r="CO8" s="258">
        <v>0</v>
      </c>
      <c r="CP8" s="260">
        <v>0</v>
      </c>
      <c r="CQ8" s="261">
        <v>63</v>
      </c>
      <c r="CR8" s="261">
        <v>96</v>
      </c>
      <c r="CS8" s="261">
        <v>73</v>
      </c>
      <c r="CT8" s="261">
        <v>95</v>
      </c>
      <c r="CU8" s="261">
        <v>101</v>
      </c>
      <c r="CV8" s="258">
        <v>428</v>
      </c>
      <c r="CW8" s="263">
        <v>428</v>
      </c>
    </row>
    <row r="9" spans="1:101" ht="21" customHeight="1" x14ac:dyDescent="0.2">
      <c r="B9" s="472" t="s">
        <v>14</v>
      </c>
      <c r="C9" s="257">
        <v>0</v>
      </c>
      <c r="D9" s="258">
        <v>0</v>
      </c>
      <c r="E9" s="259">
        <v>0</v>
      </c>
      <c r="F9" s="260">
        <v>0</v>
      </c>
      <c r="G9" s="261">
        <v>29</v>
      </c>
      <c r="H9" s="261">
        <v>32</v>
      </c>
      <c r="I9" s="261">
        <v>27</v>
      </c>
      <c r="J9" s="261">
        <v>24</v>
      </c>
      <c r="K9" s="261">
        <v>32</v>
      </c>
      <c r="L9" s="262">
        <v>144</v>
      </c>
      <c r="M9" s="263">
        <v>144</v>
      </c>
      <c r="N9" s="257">
        <v>0</v>
      </c>
      <c r="O9" s="261">
        <v>0</v>
      </c>
      <c r="P9" s="258">
        <v>0</v>
      </c>
      <c r="Q9" s="260">
        <v>0</v>
      </c>
      <c r="R9" s="261">
        <v>0</v>
      </c>
      <c r="S9" s="261">
        <v>0</v>
      </c>
      <c r="T9" s="261">
        <v>0</v>
      </c>
      <c r="U9" s="261">
        <v>0</v>
      </c>
      <c r="V9" s="261">
        <v>0</v>
      </c>
      <c r="W9" s="258">
        <v>0</v>
      </c>
      <c r="X9" s="263">
        <v>0</v>
      </c>
      <c r="Y9" s="257">
        <v>0</v>
      </c>
      <c r="Z9" s="261">
        <v>0</v>
      </c>
      <c r="AA9" s="258">
        <v>0</v>
      </c>
      <c r="AB9" s="260">
        <v>0</v>
      </c>
      <c r="AC9" s="261">
        <v>1047</v>
      </c>
      <c r="AD9" s="261">
        <v>1185</v>
      </c>
      <c r="AE9" s="261">
        <v>557</v>
      </c>
      <c r="AF9" s="261">
        <v>257</v>
      </c>
      <c r="AG9" s="261">
        <v>118</v>
      </c>
      <c r="AH9" s="258">
        <v>3164</v>
      </c>
      <c r="AI9" s="263">
        <v>3164</v>
      </c>
      <c r="AJ9" s="257">
        <v>1</v>
      </c>
      <c r="AK9" s="261">
        <v>0</v>
      </c>
      <c r="AL9" s="258">
        <v>1</v>
      </c>
      <c r="AM9" s="260">
        <v>0</v>
      </c>
      <c r="AN9" s="261">
        <v>16</v>
      </c>
      <c r="AO9" s="261">
        <v>24</v>
      </c>
      <c r="AP9" s="261">
        <v>35</v>
      </c>
      <c r="AQ9" s="261">
        <v>24</v>
      </c>
      <c r="AR9" s="261">
        <v>19</v>
      </c>
      <c r="AS9" s="258">
        <v>118</v>
      </c>
      <c r="AT9" s="263">
        <v>119</v>
      </c>
      <c r="AU9" s="257">
        <v>19</v>
      </c>
      <c r="AV9" s="261">
        <v>24</v>
      </c>
      <c r="AW9" s="258">
        <v>43</v>
      </c>
      <c r="AX9" s="260">
        <v>0</v>
      </c>
      <c r="AY9" s="261">
        <v>119</v>
      </c>
      <c r="AZ9" s="261">
        <v>144</v>
      </c>
      <c r="BA9" s="261">
        <v>127</v>
      </c>
      <c r="BB9" s="261">
        <v>79</v>
      </c>
      <c r="BC9" s="261">
        <v>20</v>
      </c>
      <c r="BD9" s="258">
        <v>489</v>
      </c>
      <c r="BE9" s="263">
        <v>532</v>
      </c>
      <c r="BF9" s="257">
        <v>0</v>
      </c>
      <c r="BG9" s="261">
        <v>2</v>
      </c>
      <c r="BH9" s="258">
        <v>2</v>
      </c>
      <c r="BI9" s="260">
        <v>0</v>
      </c>
      <c r="BJ9" s="261">
        <v>204</v>
      </c>
      <c r="BK9" s="261">
        <v>278</v>
      </c>
      <c r="BL9" s="261">
        <v>370</v>
      </c>
      <c r="BM9" s="261">
        <v>211</v>
      </c>
      <c r="BN9" s="261">
        <v>137</v>
      </c>
      <c r="BO9" s="262">
        <v>1200</v>
      </c>
      <c r="BP9" s="263">
        <v>1202</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2</v>
      </c>
      <c r="CH9" s="261">
        <v>15</v>
      </c>
      <c r="CI9" s="261">
        <v>28</v>
      </c>
      <c r="CJ9" s="261">
        <v>12</v>
      </c>
      <c r="CK9" s="258">
        <v>57</v>
      </c>
      <c r="CL9" s="263">
        <v>57</v>
      </c>
      <c r="CM9" s="257">
        <v>0</v>
      </c>
      <c r="CN9" s="261">
        <v>0</v>
      </c>
      <c r="CO9" s="258">
        <v>0</v>
      </c>
      <c r="CP9" s="260">
        <v>0</v>
      </c>
      <c r="CQ9" s="261">
        <v>9</v>
      </c>
      <c r="CR9" s="261">
        <v>25</v>
      </c>
      <c r="CS9" s="261">
        <v>24</v>
      </c>
      <c r="CT9" s="261">
        <v>36</v>
      </c>
      <c r="CU9" s="261">
        <v>32</v>
      </c>
      <c r="CV9" s="258">
        <v>126</v>
      </c>
      <c r="CW9" s="263">
        <v>126</v>
      </c>
    </row>
    <row r="10" spans="1:101" ht="21" customHeight="1" x14ac:dyDescent="0.2">
      <c r="B10" s="472" t="s">
        <v>7</v>
      </c>
      <c r="C10" s="257">
        <v>0</v>
      </c>
      <c r="D10" s="258">
        <v>0</v>
      </c>
      <c r="E10" s="259">
        <v>0</v>
      </c>
      <c r="F10" s="260">
        <v>0</v>
      </c>
      <c r="G10" s="261">
        <v>7</v>
      </c>
      <c r="H10" s="261">
        <v>7</v>
      </c>
      <c r="I10" s="261">
        <v>7</v>
      </c>
      <c r="J10" s="261">
        <v>11</v>
      </c>
      <c r="K10" s="261">
        <v>6</v>
      </c>
      <c r="L10" s="262">
        <v>38</v>
      </c>
      <c r="M10" s="263">
        <v>38</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36</v>
      </c>
      <c r="AD10" s="261">
        <v>666</v>
      </c>
      <c r="AE10" s="261">
        <v>302</v>
      </c>
      <c r="AF10" s="261">
        <v>129</v>
      </c>
      <c r="AG10" s="261">
        <v>59</v>
      </c>
      <c r="AH10" s="258">
        <v>2292</v>
      </c>
      <c r="AI10" s="263">
        <v>2292</v>
      </c>
      <c r="AJ10" s="257">
        <v>0</v>
      </c>
      <c r="AK10" s="261">
        <v>0</v>
      </c>
      <c r="AL10" s="258">
        <v>0</v>
      </c>
      <c r="AM10" s="260">
        <v>0</v>
      </c>
      <c r="AN10" s="261">
        <v>86</v>
      </c>
      <c r="AO10" s="261">
        <v>101</v>
      </c>
      <c r="AP10" s="261">
        <v>100</v>
      </c>
      <c r="AQ10" s="261">
        <v>48</v>
      </c>
      <c r="AR10" s="261">
        <v>21</v>
      </c>
      <c r="AS10" s="258">
        <v>356</v>
      </c>
      <c r="AT10" s="263">
        <v>356</v>
      </c>
      <c r="AU10" s="257">
        <v>2</v>
      </c>
      <c r="AV10" s="261">
        <v>4</v>
      </c>
      <c r="AW10" s="258">
        <v>6</v>
      </c>
      <c r="AX10" s="260">
        <v>0</v>
      </c>
      <c r="AY10" s="261">
        <v>51</v>
      </c>
      <c r="AZ10" s="261">
        <v>32</v>
      </c>
      <c r="BA10" s="261">
        <v>36</v>
      </c>
      <c r="BB10" s="261">
        <v>20</v>
      </c>
      <c r="BC10" s="261">
        <v>6</v>
      </c>
      <c r="BD10" s="258">
        <v>145</v>
      </c>
      <c r="BE10" s="263">
        <v>151</v>
      </c>
      <c r="BF10" s="257">
        <v>0</v>
      </c>
      <c r="BG10" s="261">
        <v>1</v>
      </c>
      <c r="BH10" s="258">
        <v>1</v>
      </c>
      <c r="BI10" s="260">
        <v>0</v>
      </c>
      <c r="BJ10" s="261">
        <v>126</v>
      </c>
      <c r="BK10" s="261">
        <v>150</v>
      </c>
      <c r="BL10" s="261">
        <v>165</v>
      </c>
      <c r="BM10" s="261">
        <v>127</v>
      </c>
      <c r="BN10" s="261">
        <v>74</v>
      </c>
      <c r="BO10" s="262">
        <v>642</v>
      </c>
      <c r="BP10" s="263">
        <v>643</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8</v>
      </c>
      <c r="CR10" s="261">
        <v>9</v>
      </c>
      <c r="CS10" s="261">
        <v>4</v>
      </c>
      <c r="CT10" s="261">
        <v>12</v>
      </c>
      <c r="CU10" s="261">
        <v>26</v>
      </c>
      <c r="CV10" s="258">
        <v>59</v>
      </c>
      <c r="CW10" s="263">
        <v>59</v>
      </c>
    </row>
    <row r="11" spans="1:101" ht="21" customHeight="1" x14ac:dyDescent="0.2">
      <c r="B11" s="472" t="s">
        <v>8</v>
      </c>
      <c r="C11" s="257">
        <v>0</v>
      </c>
      <c r="D11" s="258">
        <v>0</v>
      </c>
      <c r="E11" s="259">
        <v>0</v>
      </c>
      <c r="F11" s="260">
        <v>0</v>
      </c>
      <c r="G11" s="261">
        <v>5</v>
      </c>
      <c r="H11" s="261">
        <v>5</v>
      </c>
      <c r="I11" s="261">
        <v>1</v>
      </c>
      <c r="J11" s="261">
        <v>6</v>
      </c>
      <c r="K11" s="261">
        <v>1</v>
      </c>
      <c r="L11" s="262">
        <v>18</v>
      </c>
      <c r="M11" s="263">
        <v>18</v>
      </c>
      <c r="N11" s="257">
        <v>0</v>
      </c>
      <c r="O11" s="261">
        <v>0</v>
      </c>
      <c r="P11" s="258">
        <v>0</v>
      </c>
      <c r="Q11" s="260">
        <v>0</v>
      </c>
      <c r="R11" s="261">
        <v>2</v>
      </c>
      <c r="S11" s="261">
        <v>2</v>
      </c>
      <c r="T11" s="261">
        <v>0</v>
      </c>
      <c r="U11" s="261">
        <v>0</v>
      </c>
      <c r="V11" s="261">
        <v>2</v>
      </c>
      <c r="W11" s="258">
        <v>6</v>
      </c>
      <c r="X11" s="263">
        <v>6</v>
      </c>
      <c r="Y11" s="257">
        <v>0</v>
      </c>
      <c r="Z11" s="261">
        <v>0</v>
      </c>
      <c r="AA11" s="258">
        <v>0</v>
      </c>
      <c r="AB11" s="260">
        <v>0</v>
      </c>
      <c r="AC11" s="261">
        <v>639</v>
      </c>
      <c r="AD11" s="261">
        <v>537</v>
      </c>
      <c r="AE11" s="261">
        <v>250</v>
      </c>
      <c r="AF11" s="261">
        <v>101</v>
      </c>
      <c r="AG11" s="261">
        <v>61</v>
      </c>
      <c r="AH11" s="258">
        <v>1588</v>
      </c>
      <c r="AI11" s="263">
        <v>1588</v>
      </c>
      <c r="AJ11" s="257">
        <v>0</v>
      </c>
      <c r="AK11" s="261">
        <v>0</v>
      </c>
      <c r="AL11" s="258">
        <v>0</v>
      </c>
      <c r="AM11" s="260">
        <v>0</v>
      </c>
      <c r="AN11" s="261">
        <v>7</v>
      </c>
      <c r="AO11" s="261">
        <v>8</v>
      </c>
      <c r="AP11" s="261">
        <v>11</v>
      </c>
      <c r="AQ11" s="261">
        <v>8</v>
      </c>
      <c r="AR11" s="261">
        <v>9</v>
      </c>
      <c r="AS11" s="258">
        <v>43</v>
      </c>
      <c r="AT11" s="263">
        <v>43</v>
      </c>
      <c r="AU11" s="257">
        <v>10</v>
      </c>
      <c r="AV11" s="261">
        <v>11</v>
      </c>
      <c r="AW11" s="258">
        <v>21</v>
      </c>
      <c r="AX11" s="260">
        <v>0</v>
      </c>
      <c r="AY11" s="261">
        <v>70</v>
      </c>
      <c r="AZ11" s="261">
        <v>53</v>
      </c>
      <c r="BA11" s="261">
        <v>45</v>
      </c>
      <c r="BB11" s="261">
        <v>26</v>
      </c>
      <c r="BC11" s="261">
        <v>12</v>
      </c>
      <c r="BD11" s="258">
        <v>206</v>
      </c>
      <c r="BE11" s="263">
        <v>227</v>
      </c>
      <c r="BF11" s="257">
        <v>0</v>
      </c>
      <c r="BG11" s="261">
        <v>0</v>
      </c>
      <c r="BH11" s="258">
        <v>0</v>
      </c>
      <c r="BI11" s="260">
        <v>0</v>
      </c>
      <c r="BJ11" s="261">
        <v>62</v>
      </c>
      <c r="BK11" s="261">
        <v>70</v>
      </c>
      <c r="BL11" s="261">
        <v>80</v>
      </c>
      <c r="BM11" s="261">
        <v>63</v>
      </c>
      <c r="BN11" s="261">
        <v>34</v>
      </c>
      <c r="BO11" s="262">
        <v>309</v>
      </c>
      <c r="BP11" s="263">
        <v>309</v>
      </c>
      <c r="BQ11" s="257">
        <v>0</v>
      </c>
      <c r="BR11" s="261">
        <v>0</v>
      </c>
      <c r="BS11" s="258">
        <v>0</v>
      </c>
      <c r="BT11" s="260">
        <v>0</v>
      </c>
      <c r="BU11" s="261">
        <v>2</v>
      </c>
      <c r="BV11" s="261">
        <v>10</v>
      </c>
      <c r="BW11" s="261">
        <v>13</v>
      </c>
      <c r="BX11" s="261">
        <v>16</v>
      </c>
      <c r="BY11" s="261">
        <v>6</v>
      </c>
      <c r="BZ11" s="258">
        <v>47</v>
      </c>
      <c r="CA11" s="263">
        <v>47</v>
      </c>
      <c r="CB11" s="257">
        <v>0</v>
      </c>
      <c r="CC11" s="261">
        <v>0</v>
      </c>
      <c r="CD11" s="258">
        <v>0</v>
      </c>
      <c r="CE11" s="260">
        <v>0</v>
      </c>
      <c r="CF11" s="261">
        <v>0</v>
      </c>
      <c r="CG11" s="261">
        <v>1</v>
      </c>
      <c r="CH11" s="261">
        <v>10</v>
      </c>
      <c r="CI11" s="261">
        <v>21</v>
      </c>
      <c r="CJ11" s="261">
        <v>11</v>
      </c>
      <c r="CK11" s="258">
        <v>43</v>
      </c>
      <c r="CL11" s="263">
        <v>43</v>
      </c>
      <c r="CM11" s="257">
        <v>0</v>
      </c>
      <c r="CN11" s="261">
        <v>0</v>
      </c>
      <c r="CO11" s="258">
        <v>0</v>
      </c>
      <c r="CP11" s="260">
        <v>0</v>
      </c>
      <c r="CQ11" s="261">
        <v>12</v>
      </c>
      <c r="CR11" s="261">
        <v>12</v>
      </c>
      <c r="CS11" s="261">
        <v>17</v>
      </c>
      <c r="CT11" s="261">
        <v>12</v>
      </c>
      <c r="CU11" s="261">
        <v>6</v>
      </c>
      <c r="CV11" s="258">
        <v>59</v>
      </c>
      <c r="CW11" s="263">
        <v>59</v>
      </c>
    </row>
    <row r="12" spans="1:101" ht="21" customHeight="1" x14ac:dyDescent="0.2">
      <c r="B12" s="472" t="s">
        <v>9</v>
      </c>
      <c r="C12" s="257">
        <v>0</v>
      </c>
      <c r="D12" s="258">
        <v>0</v>
      </c>
      <c r="E12" s="259">
        <v>0</v>
      </c>
      <c r="F12" s="260">
        <v>0</v>
      </c>
      <c r="G12" s="261">
        <v>0</v>
      </c>
      <c r="H12" s="261">
        <v>6</v>
      </c>
      <c r="I12" s="261">
        <v>4</v>
      </c>
      <c r="J12" s="261">
        <v>11</v>
      </c>
      <c r="K12" s="261">
        <v>4</v>
      </c>
      <c r="L12" s="262">
        <v>25</v>
      </c>
      <c r="M12" s="263">
        <v>25</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68</v>
      </c>
      <c r="AD12" s="261">
        <v>266</v>
      </c>
      <c r="AE12" s="261">
        <v>175</v>
      </c>
      <c r="AF12" s="261">
        <v>102</v>
      </c>
      <c r="AG12" s="261">
        <v>33</v>
      </c>
      <c r="AH12" s="258">
        <v>1044</v>
      </c>
      <c r="AI12" s="263">
        <v>1044</v>
      </c>
      <c r="AJ12" s="257">
        <v>0</v>
      </c>
      <c r="AK12" s="261">
        <v>0</v>
      </c>
      <c r="AL12" s="258">
        <v>0</v>
      </c>
      <c r="AM12" s="260">
        <v>0</v>
      </c>
      <c r="AN12" s="261">
        <v>3</v>
      </c>
      <c r="AO12" s="261">
        <v>6</v>
      </c>
      <c r="AP12" s="261">
        <v>9</v>
      </c>
      <c r="AQ12" s="261">
        <v>3</v>
      </c>
      <c r="AR12" s="261">
        <v>7</v>
      </c>
      <c r="AS12" s="258">
        <v>28</v>
      </c>
      <c r="AT12" s="263">
        <v>28</v>
      </c>
      <c r="AU12" s="257">
        <v>5</v>
      </c>
      <c r="AV12" s="261">
        <v>4</v>
      </c>
      <c r="AW12" s="258">
        <v>9</v>
      </c>
      <c r="AX12" s="260">
        <v>0</v>
      </c>
      <c r="AY12" s="261">
        <v>27</v>
      </c>
      <c r="AZ12" s="261">
        <v>35</v>
      </c>
      <c r="BA12" s="261">
        <v>23</v>
      </c>
      <c r="BB12" s="261">
        <v>20</v>
      </c>
      <c r="BC12" s="261">
        <v>7</v>
      </c>
      <c r="BD12" s="258">
        <v>112</v>
      </c>
      <c r="BE12" s="263">
        <v>121</v>
      </c>
      <c r="BF12" s="257">
        <v>0</v>
      </c>
      <c r="BG12" s="261">
        <v>3</v>
      </c>
      <c r="BH12" s="258">
        <v>3</v>
      </c>
      <c r="BI12" s="260">
        <v>0</v>
      </c>
      <c r="BJ12" s="261">
        <v>31</v>
      </c>
      <c r="BK12" s="261">
        <v>58</v>
      </c>
      <c r="BL12" s="261">
        <v>92</v>
      </c>
      <c r="BM12" s="261">
        <v>55</v>
      </c>
      <c r="BN12" s="261">
        <v>28</v>
      </c>
      <c r="BO12" s="262">
        <v>264</v>
      </c>
      <c r="BP12" s="263">
        <v>267</v>
      </c>
      <c r="BQ12" s="257">
        <v>0</v>
      </c>
      <c r="BR12" s="261">
        <v>0</v>
      </c>
      <c r="BS12" s="258">
        <v>0</v>
      </c>
      <c r="BT12" s="260">
        <v>0</v>
      </c>
      <c r="BU12" s="261">
        <v>3</v>
      </c>
      <c r="BV12" s="261">
        <v>4</v>
      </c>
      <c r="BW12" s="261">
        <v>6</v>
      </c>
      <c r="BX12" s="261">
        <v>7</v>
      </c>
      <c r="BY12" s="261">
        <v>6</v>
      </c>
      <c r="BZ12" s="258">
        <v>26</v>
      </c>
      <c r="CA12" s="263">
        <v>26</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6</v>
      </c>
      <c r="CR12" s="261">
        <v>5</v>
      </c>
      <c r="CS12" s="261">
        <v>9</v>
      </c>
      <c r="CT12" s="261">
        <v>9</v>
      </c>
      <c r="CU12" s="261">
        <v>15</v>
      </c>
      <c r="CV12" s="258">
        <v>44</v>
      </c>
      <c r="CW12" s="263">
        <v>44</v>
      </c>
    </row>
    <row r="13" spans="1:101" ht="21" customHeight="1" x14ac:dyDescent="0.2">
      <c r="B13" s="472" t="s">
        <v>10</v>
      </c>
      <c r="C13" s="257">
        <v>0</v>
      </c>
      <c r="D13" s="258">
        <v>0</v>
      </c>
      <c r="E13" s="259">
        <v>0</v>
      </c>
      <c r="F13" s="260">
        <v>0</v>
      </c>
      <c r="G13" s="261">
        <v>18</v>
      </c>
      <c r="H13" s="261">
        <v>18</v>
      </c>
      <c r="I13" s="261">
        <v>15</v>
      </c>
      <c r="J13" s="261">
        <v>17</v>
      </c>
      <c r="K13" s="261">
        <v>13</v>
      </c>
      <c r="L13" s="262">
        <v>81</v>
      </c>
      <c r="M13" s="263">
        <v>81</v>
      </c>
      <c r="N13" s="257">
        <v>0</v>
      </c>
      <c r="O13" s="261">
        <v>0</v>
      </c>
      <c r="P13" s="258">
        <v>0</v>
      </c>
      <c r="Q13" s="260">
        <v>0</v>
      </c>
      <c r="R13" s="261">
        <v>12</v>
      </c>
      <c r="S13" s="261">
        <v>6</v>
      </c>
      <c r="T13" s="261">
        <v>10</v>
      </c>
      <c r="U13" s="261">
        <v>8</v>
      </c>
      <c r="V13" s="261">
        <v>5</v>
      </c>
      <c r="W13" s="258">
        <v>41</v>
      </c>
      <c r="X13" s="263">
        <v>41</v>
      </c>
      <c r="Y13" s="257">
        <v>0</v>
      </c>
      <c r="Z13" s="261">
        <v>0</v>
      </c>
      <c r="AA13" s="258">
        <v>0</v>
      </c>
      <c r="AB13" s="260">
        <v>0</v>
      </c>
      <c r="AC13" s="261">
        <v>541</v>
      </c>
      <c r="AD13" s="261">
        <v>273</v>
      </c>
      <c r="AE13" s="261">
        <v>132</v>
      </c>
      <c r="AF13" s="261">
        <v>61</v>
      </c>
      <c r="AG13" s="261">
        <v>24</v>
      </c>
      <c r="AH13" s="258">
        <v>1031</v>
      </c>
      <c r="AI13" s="263">
        <v>1031</v>
      </c>
      <c r="AJ13" s="257">
        <v>0</v>
      </c>
      <c r="AK13" s="261">
        <v>1</v>
      </c>
      <c r="AL13" s="258">
        <v>1</v>
      </c>
      <c r="AM13" s="260">
        <v>0</v>
      </c>
      <c r="AN13" s="261">
        <v>9</v>
      </c>
      <c r="AO13" s="261">
        <v>12</v>
      </c>
      <c r="AP13" s="261">
        <v>25</v>
      </c>
      <c r="AQ13" s="261">
        <v>10</v>
      </c>
      <c r="AR13" s="261">
        <v>11</v>
      </c>
      <c r="AS13" s="258">
        <v>67</v>
      </c>
      <c r="AT13" s="263">
        <v>68</v>
      </c>
      <c r="AU13" s="257">
        <v>11</v>
      </c>
      <c r="AV13" s="261">
        <v>20</v>
      </c>
      <c r="AW13" s="258">
        <v>31</v>
      </c>
      <c r="AX13" s="260">
        <v>0</v>
      </c>
      <c r="AY13" s="261">
        <v>91</v>
      </c>
      <c r="AZ13" s="261">
        <v>75</v>
      </c>
      <c r="BA13" s="261">
        <v>69</v>
      </c>
      <c r="BB13" s="261">
        <v>53</v>
      </c>
      <c r="BC13" s="261">
        <v>42</v>
      </c>
      <c r="BD13" s="258">
        <v>330</v>
      </c>
      <c r="BE13" s="263">
        <v>361</v>
      </c>
      <c r="BF13" s="257">
        <v>0</v>
      </c>
      <c r="BG13" s="261">
        <v>2</v>
      </c>
      <c r="BH13" s="258">
        <v>2</v>
      </c>
      <c r="BI13" s="260">
        <v>0</v>
      </c>
      <c r="BJ13" s="261">
        <v>94</v>
      </c>
      <c r="BK13" s="261">
        <v>118</v>
      </c>
      <c r="BL13" s="261">
        <v>120</v>
      </c>
      <c r="BM13" s="261">
        <v>88</v>
      </c>
      <c r="BN13" s="261">
        <v>88</v>
      </c>
      <c r="BO13" s="262">
        <v>508</v>
      </c>
      <c r="BP13" s="263">
        <v>510</v>
      </c>
      <c r="BQ13" s="257">
        <v>0</v>
      </c>
      <c r="BR13" s="261">
        <v>0</v>
      </c>
      <c r="BS13" s="258">
        <v>0</v>
      </c>
      <c r="BT13" s="260">
        <v>0</v>
      </c>
      <c r="BU13" s="261">
        <v>33</v>
      </c>
      <c r="BV13" s="261">
        <v>20</v>
      </c>
      <c r="BW13" s="261">
        <v>40</v>
      </c>
      <c r="BX13" s="261">
        <v>30</v>
      </c>
      <c r="BY13" s="261">
        <v>32</v>
      </c>
      <c r="BZ13" s="258">
        <v>155</v>
      </c>
      <c r="CA13" s="263">
        <v>155</v>
      </c>
      <c r="CB13" s="257">
        <v>0</v>
      </c>
      <c r="CC13" s="261">
        <v>0</v>
      </c>
      <c r="CD13" s="258">
        <v>0</v>
      </c>
      <c r="CE13" s="260">
        <v>0</v>
      </c>
      <c r="CF13" s="261">
        <v>0</v>
      </c>
      <c r="CG13" s="261">
        <v>1</v>
      </c>
      <c r="CH13" s="261">
        <v>3</v>
      </c>
      <c r="CI13" s="261">
        <v>23</v>
      </c>
      <c r="CJ13" s="261">
        <v>18</v>
      </c>
      <c r="CK13" s="258">
        <v>45</v>
      </c>
      <c r="CL13" s="263">
        <v>45</v>
      </c>
      <c r="CM13" s="257">
        <v>0</v>
      </c>
      <c r="CN13" s="261">
        <v>0</v>
      </c>
      <c r="CO13" s="258">
        <v>0</v>
      </c>
      <c r="CP13" s="260">
        <v>0</v>
      </c>
      <c r="CQ13" s="261">
        <v>21</v>
      </c>
      <c r="CR13" s="261">
        <v>30</v>
      </c>
      <c r="CS13" s="261">
        <v>30</v>
      </c>
      <c r="CT13" s="261">
        <v>41</v>
      </c>
      <c r="CU13" s="261">
        <v>28</v>
      </c>
      <c r="CV13" s="258">
        <v>150</v>
      </c>
      <c r="CW13" s="263">
        <v>150</v>
      </c>
    </row>
    <row r="14" spans="1:101" ht="21" customHeight="1" x14ac:dyDescent="0.2">
      <c r="B14" s="472" t="s">
        <v>11</v>
      </c>
      <c r="C14" s="257">
        <v>0</v>
      </c>
      <c r="D14" s="258">
        <v>0</v>
      </c>
      <c r="E14" s="259">
        <v>0</v>
      </c>
      <c r="F14" s="260">
        <v>0</v>
      </c>
      <c r="G14" s="261">
        <v>12</v>
      </c>
      <c r="H14" s="261">
        <v>10</v>
      </c>
      <c r="I14" s="261">
        <v>6</v>
      </c>
      <c r="J14" s="261">
        <v>7</v>
      </c>
      <c r="K14" s="261">
        <v>6</v>
      </c>
      <c r="L14" s="262">
        <v>41</v>
      </c>
      <c r="M14" s="263">
        <v>41</v>
      </c>
      <c r="N14" s="257">
        <v>0</v>
      </c>
      <c r="O14" s="261">
        <v>0</v>
      </c>
      <c r="P14" s="258">
        <v>0</v>
      </c>
      <c r="Q14" s="260">
        <v>0</v>
      </c>
      <c r="R14" s="261">
        <v>12</v>
      </c>
      <c r="S14" s="261">
        <v>14</v>
      </c>
      <c r="T14" s="261">
        <v>11</v>
      </c>
      <c r="U14" s="261">
        <v>11</v>
      </c>
      <c r="V14" s="261">
        <v>4</v>
      </c>
      <c r="W14" s="258">
        <v>52</v>
      </c>
      <c r="X14" s="263">
        <v>52</v>
      </c>
      <c r="Y14" s="257">
        <v>0</v>
      </c>
      <c r="Z14" s="261">
        <v>0</v>
      </c>
      <c r="AA14" s="258">
        <v>0</v>
      </c>
      <c r="AB14" s="260">
        <v>0</v>
      </c>
      <c r="AC14" s="261">
        <v>518</v>
      </c>
      <c r="AD14" s="261">
        <v>280</v>
      </c>
      <c r="AE14" s="261">
        <v>153</v>
      </c>
      <c r="AF14" s="261">
        <v>63</v>
      </c>
      <c r="AG14" s="261">
        <v>26</v>
      </c>
      <c r="AH14" s="258">
        <v>1040</v>
      </c>
      <c r="AI14" s="263">
        <v>1040</v>
      </c>
      <c r="AJ14" s="257">
        <v>1</v>
      </c>
      <c r="AK14" s="261">
        <v>0</v>
      </c>
      <c r="AL14" s="258">
        <v>1</v>
      </c>
      <c r="AM14" s="260">
        <v>0</v>
      </c>
      <c r="AN14" s="261">
        <v>19</v>
      </c>
      <c r="AO14" s="261">
        <v>12</v>
      </c>
      <c r="AP14" s="261">
        <v>19</v>
      </c>
      <c r="AQ14" s="261">
        <v>0</v>
      </c>
      <c r="AR14" s="261">
        <v>1</v>
      </c>
      <c r="AS14" s="258">
        <v>51</v>
      </c>
      <c r="AT14" s="263">
        <v>52</v>
      </c>
      <c r="AU14" s="257">
        <v>0</v>
      </c>
      <c r="AV14" s="261">
        <v>6</v>
      </c>
      <c r="AW14" s="258">
        <v>6</v>
      </c>
      <c r="AX14" s="260">
        <v>0</v>
      </c>
      <c r="AY14" s="261">
        <v>31</v>
      </c>
      <c r="AZ14" s="261">
        <v>30</v>
      </c>
      <c r="BA14" s="261">
        <v>33</v>
      </c>
      <c r="BB14" s="261">
        <v>21</v>
      </c>
      <c r="BC14" s="261">
        <v>3</v>
      </c>
      <c r="BD14" s="258">
        <v>118</v>
      </c>
      <c r="BE14" s="263">
        <v>124</v>
      </c>
      <c r="BF14" s="257">
        <v>0</v>
      </c>
      <c r="BG14" s="261">
        <v>3</v>
      </c>
      <c r="BH14" s="258">
        <v>3</v>
      </c>
      <c r="BI14" s="260">
        <v>0</v>
      </c>
      <c r="BJ14" s="261">
        <v>48</v>
      </c>
      <c r="BK14" s="261">
        <v>71</v>
      </c>
      <c r="BL14" s="261">
        <v>80</v>
      </c>
      <c r="BM14" s="261">
        <v>55</v>
      </c>
      <c r="BN14" s="261">
        <v>23</v>
      </c>
      <c r="BO14" s="262">
        <v>277</v>
      </c>
      <c r="BP14" s="263">
        <v>280</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5</v>
      </c>
      <c r="CR14" s="261">
        <v>6</v>
      </c>
      <c r="CS14" s="261">
        <v>4</v>
      </c>
      <c r="CT14" s="261">
        <v>8</v>
      </c>
      <c r="CU14" s="261">
        <v>2</v>
      </c>
      <c r="CV14" s="258">
        <v>25</v>
      </c>
      <c r="CW14" s="263">
        <v>25</v>
      </c>
    </row>
    <row r="15" spans="1:101" ht="21" customHeight="1" x14ac:dyDescent="0.2">
      <c r="B15" s="472" t="s">
        <v>12</v>
      </c>
      <c r="C15" s="257">
        <v>0</v>
      </c>
      <c r="D15" s="258">
        <v>0</v>
      </c>
      <c r="E15" s="259">
        <v>0</v>
      </c>
      <c r="F15" s="260">
        <v>0</v>
      </c>
      <c r="G15" s="261">
        <v>10</v>
      </c>
      <c r="H15" s="261">
        <v>5</v>
      </c>
      <c r="I15" s="261">
        <v>2</v>
      </c>
      <c r="J15" s="261">
        <v>4</v>
      </c>
      <c r="K15" s="261">
        <v>7</v>
      </c>
      <c r="L15" s="262">
        <v>28</v>
      </c>
      <c r="M15" s="263">
        <v>28</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93</v>
      </c>
      <c r="AD15" s="261">
        <v>253</v>
      </c>
      <c r="AE15" s="261">
        <v>149</v>
      </c>
      <c r="AF15" s="261">
        <v>81</v>
      </c>
      <c r="AG15" s="261">
        <v>27</v>
      </c>
      <c r="AH15" s="258">
        <v>903</v>
      </c>
      <c r="AI15" s="263">
        <v>903</v>
      </c>
      <c r="AJ15" s="257">
        <v>0</v>
      </c>
      <c r="AK15" s="261">
        <v>0</v>
      </c>
      <c r="AL15" s="258">
        <v>0</v>
      </c>
      <c r="AM15" s="260">
        <v>0</v>
      </c>
      <c r="AN15" s="261">
        <v>3</v>
      </c>
      <c r="AO15" s="261">
        <v>3</v>
      </c>
      <c r="AP15" s="261">
        <v>1</v>
      </c>
      <c r="AQ15" s="261">
        <v>1</v>
      </c>
      <c r="AR15" s="261">
        <v>1</v>
      </c>
      <c r="AS15" s="258">
        <v>9</v>
      </c>
      <c r="AT15" s="263">
        <v>9</v>
      </c>
      <c r="AU15" s="257">
        <v>0</v>
      </c>
      <c r="AV15" s="261">
        <v>1</v>
      </c>
      <c r="AW15" s="258">
        <v>1</v>
      </c>
      <c r="AX15" s="260">
        <v>0</v>
      </c>
      <c r="AY15" s="261">
        <v>19</v>
      </c>
      <c r="AZ15" s="261">
        <v>35</v>
      </c>
      <c r="BA15" s="261">
        <v>40</v>
      </c>
      <c r="BB15" s="261">
        <v>40</v>
      </c>
      <c r="BC15" s="261">
        <v>25</v>
      </c>
      <c r="BD15" s="258">
        <v>159</v>
      </c>
      <c r="BE15" s="263">
        <v>160</v>
      </c>
      <c r="BF15" s="257">
        <v>0</v>
      </c>
      <c r="BG15" s="261">
        <v>0</v>
      </c>
      <c r="BH15" s="258">
        <v>0</v>
      </c>
      <c r="BI15" s="260">
        <v>0</v>
      </c>
      <c r="BJ15" s="261">
        <v>35</v>
      </c>
      <c r="BK15" s="261">
        <v>55</v>
      </c>
      <c r="BL15" s="261">
        <v>41</v>
      </c>
      <c r="BM15" s="261">
        <v>36</v>
      </c>
      <c r="BN15" s="261">
        <v>38</v>
      </c>
      <c r="BO15" s="262">
        <v>205</v>
      </c>
      <c r="BP15" s="263">
        <v>205</v>
      </c>
      <c r="BQ15" s="257">
        <v>0</v>
      </c>
      <c r="BR15" s="261">
        <v>0</v>
      </c>
      <c r="BS15" s="258">
        <v>0</v>
      </c>
      <c r="BT15" s="260">
        <v>0</v>
      </c>
      <c r="BU15" s="261">
        <v>0</v>
      </c>
      <c r="BV15" s="261">
        <v>7</v>
      </c>
      <c r="BW15" s="261">
        <v>8</v>
      </c>
      <c r="BX15" s="261">
        <v>8</v>
      </c>
      <c r="BY15" s="261">
        <v>5</v>
      </c>
      <c r="BZ15" s="258">
        <v>28</v>
      </c>
      <c r="CA15" s="263">
        <v>28</v>
      </c>
      <c r="CB15" s="257">
        <v>0</v>
      </c>
      <c r="CC15" s="261">
        <v>0</v>
      </c>
      <c r="CD15" s="258">
        <v>0</v>
      </c>
      <c r="CE15" s="260">
        <v>0</v>
      </c>
      <c r="CF15" s="261">
        <v>0</v>
      </c>
      <c r="CG15" s="261">
        <v>0</v>
      </c>
      <c r="CH15" s="261">
        <v>11</v>
      </c>
      <c r="CI15" s="261">
        <v>11</v>
      </c>
      <c r="CJ15" s="261">
        <v>7</v>
      </c>
      <c r="CK15" s="258">
        <v>29</v>
      </c>
      <c r="CL15" s="263">
        <v>29</v>
      </c>
      <c r="CM15" s="257">
        <v>0</v>
      </c>
      <c r="CN15" s="261">
        <v>0</v>
      </c>
      <c r="CO15" s="258">
        <v>0</v>
      </c>
      <c r="CP15" s="260">
        <v>0</v>
      </c>
      <c r="CQ15" s="261">
        <v>6</v>
      </c>
      <c r="CR15" s="261">
        <v>18</v>
      </c>
      <c r="CS15" s="261">
        <v>21</v>
      </c>
      <c r="CT15" s="261">
        <v>22</v>
      </c>
      <c r="CU15" s="261">
        <v>19</v>
      </c>
      <c r="CV15" s="258">
        <v>86</v>
      </c>
      <c r="CW15" s="263">
        <v>86</v>
      </c>
    </row>
    <row r="16" spans="1:101" ht="21" customHeight="1" x14ac:dyDescent="0.2">
      <c r="B16" s="472" t="s">
        <v>13</v>
      </c>
      <c r="C16" s="257">
        <v>0</v>
      </c>
      <c r="D16" s="258">
        <v>0</v>
      </c>
      <c r="E16" s="259">
        <v>0</v>
      </c>
      <c r="F16" s="260">
        <v>0</v>
      </c>
      <c r="G16" s="261">
        <v>1</v>
      </c>
      <c r="H16" s="261">
        <v>1</v>
      </c>
      <c r="I16" s="261">
        <v>2</v>
      </c>
      <c r="J16" s="261">
        <v>1</v>
      </c>
      <c r="K16" s="261">
        <v>1</v>
      </c>
      <c r="L16" s="262">
        <v>6</v>
      </c>
      <c r="M16" s="263">
        <v>6</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62</v>
      </c>
      <c r="AD16" s="261">
        <v>135</v>
      </c>
      <c r="AE16" s="261">
        <v>68</v>
      </c>
      <c r="AF16" s="261">
        <v>36</v>
      </c>
      <c r="AG16" s="261">
        <v>17</v>
      </c>
      <c r="AH16" s="258">
        <v>418</v>
      </c>
      <c r="AI16" s="263">
        <v>418</v>
      </c>
      <c r="AJ16" s="257">
        <v>0</v>
      </c>
      <c r="AK16" s="261">
        <v>0</v>
      </c>
      <c r="AL16" s="258">
        <v>0</v>
      </c>
      <c r="AM16" s="260">
        <v>0</v>
      </c>
      <c r="AN16" s="261">
        <v>2</v>
      </c>
      <c r="AO16" s="261">
        <v>7</v>
      </c>
      <c r="AP16" s="261">
        <v>6</v>
      </c>
      <c r="AQ16" s="261">
        <v>5</v>
      </c>
      <c r="AR16" s="261">
        <v>4</v>
      </c>
      <c r="AS16" s="258">
        <v>24</v>
      </c>
      <c r="AT16" s="263">
        <v>24</v>
      </c>
      <c r="AU16" s="257">
        <v>1</v>
      </c>
      <c r="AV16" s="261">
        <v>3</v>
      </c>
      <c r="AW16" s="258">
        <v>4</v>
      </c>
      <c r="AX16" s="260">
        <v>0</v>
      </c>
      <c r="AY16" s="261">
        <v>9</v>
      </c>
      <c r="AZ16" s="261">
        <v>11</v>
      </c>
      <c r="BA16" s="261">
        <v>6</v>
      </c>
      <c r="BB16" s="261">
        <v>1</v>
      </c>
      <c r="BC16" s="261">
        <v>0</v>
      </c>
      <c r="BD16" s="258">
        <v>27</v>
      </c>
      <c r="BE16" s="263">
        <v>31</v>
      </c>
      <c r="BF16" s="257">
        <v>0</v>
      </c>
      <c r="BG16" s="261">
        <v>0</v>
      </c>
      <c r="BH16" s="258">
        <v>0</v>
      </c>
      <c r="BI16" s="260">
        <v>0</v>
      </c>
      <c r="BJ16" s="261">
        <v>11</v>
      </c>
      <c r="BK16" s="261">
        <v>18</v>
      </c>
      <c r="BL16" s="261">
        <v>26</v>
      </c>
      <c r="BM16" s="261">
        <v>14</v>
      </c>
      <c r="BN16" s="261">
        <v>11</v>
      </c>
      <c r="BO16" s="262">
        <v>80</v>
      </c>
      <c r="BP16" s="263">
        <v>80</v>
      </c>
      <c r="BQ16" s="257">
        <v>0</v>
      </c>
      <c r="BR16" s="261">
        <v>0</v>
      </c>
      <c r="BS16" s="258">
        <v>0</v>
      </c>
      <c r="BT16" s="260">
        <v>0</v>
      </c>
      <c r="BU16" s="261">
        <v>0</v>
      </c>
      <c r="BV16" s="261">
        <v>1</v>
      </c>
      <c r="BW16" s="261">
        <v>1</v>
      </c>
      <c r="BX16" s="261">
        <v>5</v>
      </c>
      <c r="BY16" s="261">
        <v>3</v>
      </c>
      <c r="BZ16" s="258">
        <v>10</v>
      </c>
      <c r="CA16" s="263">
        <v>10</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2</v>
      </c>
      <c r="I17" s="261">
        <v>4</v>
      </c>
      <c r="J17" s="261">
        <v>3</v>
      </c>
      <c r="K17" s="261">
        <v>5</v>
      </c>
      <c r="L17" s="262">
        <v>15</v>
      </c>
      <c r="M17" s="263">
        <v>15</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64</v>
      </c>
      <c r="AD17" s="261">
        <v>185</v>
      </c>
      <c r="AE17" s="261">
        <v>82</v>
      </c>
      <c r="AF17" s="261">
        <v>37</v>
      </c>
      <c r="AG17" s="261">
        <v>19</v>
      </c>
      <c r="AH17" s="258">
        <v>487</v>
      </c>
      <c r="AI17" s="263">
        <v>487</v>
      </c>
      <c r="AJ17" s="257">
        <v>0</v>
      </c>
      <c r="AK17" s="261">
        <v>0</v>
      </c>
      <c r="AL17" s="258">
        <v>0</v>
      </c>
      <c r="AM17" s="260">
        <v>0</v>
      </c>
      <c r="AN17" s="261">
        <v>3</v>
      </c>
      <c r="AO17" s="261">
        <v>4</v>
      </c>
      <c r="AP17" s="261">
        <v>5</v>
      </c>
      <c r="AQ17" s="261">
        <v>5</v>
      </c>
      <c r="AR17" s="261">
        <v>4</v>
      </c>
      <c r="AS17" s="258">
        <v>21</v>
      </c>
      <c r="AT17" s="263">
        <v>21</v>
      </c>
      <c r="AU17" s="257">
        <v>4</v>
      </c>
      <c r="AV17" s="261">
        <v>14</v>
      </c>
      <c r="AW17" s="258">
        <v>18</v>
      </c>
      <c r="AX17" s="260">
        <v>0</v>
      </c>
      <c r="AY17" s="261">
        <v>24</v>
      </c>
      <c r="AZ17" s="261">
        <v>15</v>
      </c>
      <c r="BA17" s="261">
        <v>10</v>
      </c>
      <c r="BB17" s="261">
        <v>7</v>
      </c>
      <c r="BC17" s="261">
        <v>5</v>
      </c>
      <c r="BD17" s="258">
        <v>61</v>
      </c>
      <c r="BE17" s="263">
        <v>79</v>
      </c>
      <c r="BF17" s="257">
        <v>0</v>
      </c>
      <c r="BG17" s="261">
        <v>4</v>
      </c>
      <c r="BH17" s="258">
        <v>4</v>
      </c>
      <c r="BI17" s="260">
        <v>0</v>
      </c>
      <c r="BJ17" s="261">
        <v>36</v>
      </c>
      <c r="BK17" s="261">
        <v>39</v>
      </c>
      <c r="BL17" s="261">
        <v>40</v>
      </c>
      <c r="BM17" s="261">
        <v>23</v>
      </c>
      <c r="BN17" s="261">
        <v>15</v>
      </c>
      <c r="BO17" s="262">
        <v>153</v>
      </c>
      <c r="BP17" s="263">
        <v>157</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7</v>
      </c>
      <c r="CI17" s="261">
        <v>13</v>
      </c>
      <c r="CJ17" s="261">
        <v>8</v>
      </c>
      <c r="CK17" s="258">
        <v>28</v>
      </c>
      <c r="CL17" s="263">
        <v>28</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10</v>
      </c>
      <c r="H18" s="261">
        <v>13</v>
      </c>
      <c r="I18" s="261">
        <v>15</v>
      </c>
      <c r="J18" s="261">
        <v>7</v>
      </c>
      <c r="K18" s="261">
        <v>10</v>
      </c>
      <c r="L18" s="262">
        <v>55</v>
      </c>
      <c r="M18" s="263">
        <v>55</v>
      </c>
      <c r="N18" s="257">
        <v>0</v>
      </c>
      <c r="O18" s="261">
        <v>0</v>
      </c>
      <c r="P18" s="258">
        <v>0</v>
      </c>
      <c r="Q18" s="260">
        <v>0</v>
      </c>
      <c r="R18" s="261">
        <v>0</v>
      </c>
      <c r="S18" s="261">
        <v>1</v>
      </c>
      <c r="T18" s="261">
        <v>3</v>
      </c>
      <c r="U18" s="261">
        <v>4</v>
      </c>
      <c r="V18" s="261">
        <v>2</v>
      </c>
      <c r="W18" s="258">
        <v>10</v>
      </c>
      <c r="X18" s="263">
        <v>10</v>
      </c>
      <c r="Y18" s="257">
        <v>0</v>
      </c>
      <c r="Z18" s="261">
        <v>0</v>
      </c>
      <c r="AA18" s="258">
        <v>0</v>
      </c>
      <c r="AB18" s="260">
        <v>0</v>
      </c>
      <c r="AC18" s="261">
        <v>160</v>
      </c>
      <c r="AD18" s="261">
        <v>164</v>
      </c>
      <c r="AE18" s="261">
        <v>83</v>
      </c>
      <c r="AF18" s="261">
        <v>38</v>
      </c>
      <c r="AG18" s="261">
        <v>17</v>
      </c>
      <c r="AH18" s="258">
        <v>462</v>
      </c>
      <c r="AI18" s="263">
        <v>462</v>
      </c>
      <c r="AJ18" s="257">
        <v>0</v>
      </c>
      <c r="AK18" s="261">
        <v>0</v>
      </c>
      <c r="AL18" s="258">
        <v>0</v>
      </c>
      <c r="AM18" s="260">
        <v>0</v>
      </c>
      <c r="AN18" s="261">
        <v>4</v>
      </c>
      <c r="AO18" s="261">
        <v>12</v>
      </c>
      <c r="AP18" s="261">
        <v>6</v>
      </c>
      <c r="AQ18" s="261">
        <v>3</v>
      </c>
      <c r="AR18" s="261">
        <v>3</v>
      </c>
      <c r="AS18" s="258">
        <v>28</v>
      </c>
      <c r="AT18" s="263">
        <v>28</v>
      </c>
      <c r="AU18" s="257">
        <v>2</v>
      </c>
      <c r="AV18" s="261">
        <v>1</v>
      </c>
      <c r="AW18" s="258">
        <v>3</v>
      </c>
      <c r="AX18" s="260">
        <v>0</v>
      </c>
      <c r="AY18" s="261">
        <v>18</v>
      </c>
      <c r="AZ18" s="261">
        <v>21</v>
      </c>
      <c r="BA18" s="261">
        <v>15</v>
      </c>
      <c r="BB18" s="261">
        <v>21</v>
      </c>
      <c r="BC18" s="261">
        <v>5</v>
      </c>
      <c r="BD18" s="258">
        <v>80</v>
      </c>
      <c r="BE18" s="263">
        <v>83</v>
      </c>
      <c r="BF18" s="257">
        <v>0</v>
      </c>
      <c r="BG18" s="261">
        <v>0</v>
      </c>
      <c r="BH18" s="258">
        <v>0</v>
      </c>
      <c r="BI18" s="260">
        <v>0</v>
      </c>
      <c r="BJ18" s="261">
        <v>17</v>
      </c>
      <c r="BK18" s="261">
        <v>38</v>
      </c>
      <c r="BL18" s="261">
        <v>67</v>
      </c>
      <c r="BM18" s="261">
        <v>35</v>
      </c>
      <c r="BN18" s="261">
        <v>39</v>
      </c>
      <c r="BO18" s="262">
        <v>196</v>
      </c>
      <c r="BP18" s="263">
        <v>196</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3</v>
      </c>
      <c r="CH18" s="261">
        <v>7</v>
      </c>
      <c r="CI18" s="261">
        <v>7</v>
      </c>
      <c r="CJ18" s="261">
        <v>13</v>
      </c>
      <c r="CK18" s="258">
        <v>30</v>
      </c>
      <c r="CL18" s="263">
        <v>30</v>
      </c>
      <c r="CM18" s="257">
        <v>0</v>
      </c>
      <c r="CN18" s="261">
        <v>0</v>
      </c>
      <c r="CO18" s="258">
        <v>0</v>
      </c>
      <c r="CP18" s="260">
        <v>0</v>
      </c>
      <c r="CQ18" s="261">
        <v>0</v>
      </c>
      <c r="CR18" s="261">
        <v>7</v>
      </c>
      <c r="CS18" s="261">
        <v>5</v>
      </c>
      <c r="CT18" s="261">
        <v>1</v>
      </c>
      <c r="CU18" s="261">
        <v>6</v>
      </c>
      <c r="CV18" s="258">
        <v>19</v>
      </c>
      <c r="CW18" s="263">
        <v>19</v>
      </c>
    </row>
    <row r="19" spans="2:101" ht="21" customHeight="1" x14ac:dyDescent="0.2">
      <c r="B19" s="472" t="s">
        <v>17</v>
      </c>
      <c r="C19" s="257">
        <v>0</v>
      </c>
      <c r="D19" s="258">
        <v>0</v>
      </c>
      <c r="E19" s="259">
        <v>0</v>
      </c>
      <c r="F19" s="260">
        <v>0</v>
      </c>
      <c r="G19" s="261">
        <v>2</v>
      </c>
      <c r="H19" s="261">
        <v>2</v>
      </c>
      <c r="I19" s="261">
        <v>4</v>
      </c>
      <c r="J19" s="261">
        <v>5</v>
      </c>
      <c r="K19" s="261">
        <v>1</v>
      </c>
      <c r="L19" s="262">
        <v>14</v>
      </c>
      <c r="M19" s="263">
        <v>14</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65</v>
      </c>
      <c r="AD19" s="261">
        <v>306</v>
      </c>
      <c r="AE19" s="261">
        <v>137</v>
      </c>
      <c r="AF19" s="261">
        <v>96</v>
      </c>
      <c r="AG19" s="261">
        <v>48</v>
      </c>
      <c r="AH19" s="258">
        <v>852</v>
      </c>
      <c r="AI19" s="263">
        <v>852</v>
      </c>
      <c r="AJ19" s="257">
        <v>1</v>
      </c>
      <c r="AK19" s="261">
        <v>2</v>
      </c>
      <c r="AL19" s="258">
        <v>3</v>
      </c>
      <c r="AM19" s="260">
        <v>0</v>
      </c>
      <c r="AN19" s="261">
        <v>19</v>
      </c>
      <c r="AO19" s="261">
        <v>17</v>
      </c>
      <c r="AP19" s="261">
        <v>15</v>
      </c>
      <c r="AQ19" s="261">
        <v>17</v>
      </c>
      <c r="AR19" s="261">
        <v>5</v>
      </c>
      <c r="AS19" s="258">
        <v>73</v>
      </c>
      <c r="AT19" s="263">
        <v>76</v>
      </c>
      <c r="AU19" s="257">
        <v>0</v>
      </c>
      <c r="AV19" s="261">
        <v>2</v>
      </c>
      <c r="AW19" s="258">
        <v>2</v>
      </c>
      <c r="AX19" s="260">
        <v>0</v>
      </c>
      <c r="AY19" s="261">
        <v>17</v>
      </c>
      <c r="AZ19" s="261">
        <v>26</v>
      </c>
      <c r="BA19" s="261">
        <v>37</v>
      </c>
      <c r="BB19" s="261">
        <v>26</v>
      </c>
      <c r="BC19" s="261">
        <v>14</v>
      </c>
      <c r="BD19" s="258">
        <v>120</v>
      </c>
      <c r="BE19" s="263">
        <v>122</v>
      </c>
      <c r="BF19" s="257">
        <v>0</v>
      </c>
      <c r="BG19" s="261">
        <v>0</v>
      </c>
      <c r="BH19" s="258">
        <v>0</v>
      </c>
      <c r="BI19" s="260">
        <v>0</v>
      </c>
      <c r="BJ19" s="261">
        <v>43</v>
      </c>
      <c r="BK19" s="261">
        <v>59</v>
      </c>
      <c r="BL19" s="261">
        <v>68</v>
      </c>
      <c r="BM19" s="261">
        <v>41</v>
      </c>
      <c r="BN19" s="261">
        <v>27</v>
      </c>
      <c r="BO19" s="262">
        <v>238</v>
      </c>
      <c r="BP19" s="263">
        <v>238</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5</v>
      </c>
      <c r="CI19" s="261">
        <v>40</v>
      </c>
      <c r="CJ19" s="261">
        <v>37</v>
      </c>
      <c r="CK19" s="258">
        <v>104</v>
      </c>
      <c r="CL19" s="263">
        <v>104</v>
      </c>
      <c r="CM19" s="257">
        <v>0</v>
      </c>
      <c r="CN19" s="261">
        <v>0</v>
      </c>
      <c r="CO19" s="258">
        <v>0</v>
      </c>
      <c r="CP19" s="260">
        <v>0</v>
      </c>
      <c r="CQ19" s="261">
        <v>1</v>
      </c>
      <c r="CR19" s="261">
        <v>2</v>
      </c>
      <c r="CS19" s="261">
        <v>3</v>
      </c>
      <c r="CT19" s="261">
        <v>5</v>
      </c>
      <c r="CU19" s="261">
        <v>8</v>
      </c>
      <c r="CV19" s="258">
        <v>19</v>
      </c>
      <c r="CW19" s="263">
        <v>19</v>
      </c>
    </row>
    <row r="20" spans="2:101" ht="21" customHeight="1" x14ac:dyDescent="0.2">
      <c r="B20" s="472" t="s">
        <v>18</v>
      </c>
      <c r="C20" s="257">
        <v>0</v>
      </c>
      <c r="D20" s="258">
        <v>0</v>
      </c>
      <c r="E20" s="259">
        <v>0</v>
      </c>
      <c r="F20" s="260">
        <v>0</v>
      </c>
      <c r="G20" s="261">
        <v>2</v>
      </c>
      <c r="H20" s="261">
        <v>4</v>
      </c>
      <c r="I20" s="261">
        <v>1</v>
      </c>
      <c r="J20" s="261">
        <v>1</v>
      </c>
      <c r="K20" s="261">
        <v>1</v>
      </c>
      <c r="L20" s="262">
        <v>9</v>
      </c>
      <c r="M20" s="263">
        <v>9</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309</v>
      </c>
      <c r="AD20" s="261">
        <v>197</v>
      </c>
      <c r="AE20" s="261">
        <v>91</v>
      </c>
      <c r="AF20" s="261">
        <v>41</v>
      </c>
      <c r="AG20" s="261">
        <v>11</v>
      </c>
      <c r="AH20" s="258">
        <v>649</v>
      </c>
      <c r="AI20" s="263">
        <v>649</v>
      </c>
      <c r="AJ20" s="257">
        <v>0</v>
      </c>
      <c r="AK20" s="261">
        <v>1</v>
      </c>
      <c r="AL20" s="258">
        <v>1</v>
      </c>
      <c r="AM20" s="260">
        <v>0</v>
      </c>
      <c r="AN20" s="261">
        <v>13</v>
      </c>
      <c r="AO20" s="261">
        <v>9</v>
      </c>
      <c r="AP20" s="261">
        <v>29</v>
      </c>
      <c r="AQ20" s="261">
        <v>12</v>
      </c>
      <c r="AR20" s="261">
        <v>12</v>
      </c>
      <c r="AS20" s="258">
        <v>75</v>
      </c>
      <c r="AT20" s="263">
        <v>76</v>
      </c>
      <c r="AU20" s="257">
        <v>7</v>
      </c>
      <c r="AV20" s="261">
        <v>15</v>
      </c>
      <c r="AW20" s="258">
        <v>22</v>
      </c>
      <c r="AX20" s="260">
        <v>0</v>
      </c>
      <c r="AY20" s="261">
        <v>45</v>
      </c>
      <c r="AZ20" s="261">
        <v>49</v>
      </c>
      <c r="BA20" s="261">
        <v>42</v>
      </c>
      <c r="BB20" s="261">
        <v>24</v>
      </c>
      <c r="BC20" s="261">
        <v>8</v>
      </c>
      <c r="BD20" s="258">
        <v>168</v>
      </c>
      <c r="BE20" s="263">
        <v>190</v>
      </c>
      <c r="BF20" s="257">
        <v>0</v>
      </c>
      <c r="BG20" s="261">
        <v>3</v>
      </c>
      <c r="BH20" s="258">
        <v>3</v>
      </c>
      <c r="BI20" s="260">
        <v>0</v>
      </c>
      <c r="BJ20" s="261">
        <v>54</v>
      </c>
      <c r="BK20" s="261">
        <v>70</v>
      </c>
      <c r="BL20" s="261">
        <v>97</v>
      </c>
      <c r="BM20" s="261">
        <v>56</v>
      </c>
      <c r="BN20" s="261">
        <v>26</v>
      </c>
      <c r="BO20" s="262">
        <v>303</v>
      </c>
      <c r="BP20" s="263">
        <v>306</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4</v>
      </c>
      <c r="CI20" s="261">
        <v>18</v>
      </c>
      <c r="CJ20" s="261">
        <v>4</v>
      </c>
      <c r="CK20" s="258">
        <v>28</v>
      </c>
      <c r="CL20" s="263">
        <v>28</v>
      </c>
      <c r="CM20" s="257">
        <v>0</v>
      </c>
      <c r="CN20" s="261">
        <v>0</v>
      </c>
      <c r="CO20" s="258">
        <v>0</v>
      </c>
      <c r="CP20" s="260">
        <v>0</v>
      </c>
      <c r="CQ20" s="261">
        <v>5</v>
      </c>
      <c r="CR20" s="261">
        <v>12</v>
      </c>
      <c r="CS20" s="261">
        <v>15</v>
      </c>
      <c r="CT20" s="261">
        <v>19</v>
      </c>
      <c r="CU20" s="261">
        <v>28</v>
      </c>
      <c r="CV20" s="258">
        <v>79</v>
      </c>
      <c r="CW20" s="263">
        <v>79</v>
      </c>
    </row>
    <row r="21" spans="2:101" ht="21" customHeight="1" x14ac:dyDescent="0.2">
      <c r="B21" s="472" t="s">
        <v>19</v>
      </c>
      <c r="C21" s="257">
        <v>0</v>
      </c>
      <c r="D21" s="258">
        <v>0</v>
      </c>
      <c r="E21" s="259">
        <v>0</v>
      </c>
      <c r="F21" s="260">
        <v>0</v>
      </c>
      <c r="G21" s="261">
        <v>14</v>
      </c>
      <c r="H21" s="261">
        <v>12</v>
      </c>
      <c r="I21" s="261">
        <v>7</v>
      </c>
      <c r="J21" s="261">
        <v>3</v>
      </c>
      <c r="K21" s="261">
        <v>7</v>
      </c>
      <c r="L21" s="262">
        <v>43</v>
      </c>
      <c r="M21" s="263">
        <v>43</v>
      </c>
      <c r="N21" s="257">
        <v>0</v>
      </c>
      <c r="O21" s="261">
        <v>0</v>
      </c>
      <c r="P21" s="258">
        <v>0</v>
      </c>
      <c r="Q21" s="260">
        <v>0</v>
      </c>
      <c r="R21" s="261">
        <v>2</v>
      </c>
      <c r="S21" s="261">
        <v>2</v>
      </c>
      <c r="T21" s="261">
        <v>4</v>
      </c>
      <c r="U21" s="261">
        <v>2</v>
      </c>
      <c r="V21" s="261">
        <v>1</v>
      </c>
      <c r="W21" s="258">
        <v>11</v>
      </c>
      <c r="X21" s="263">
        <v>11</v>
      </c>
      <c r="Y21" s="257">
        <v>0</v>
      </c>
      <c r="Z21" s="261">
        <v>0</v>
      </c>
      <c r="AA21" s="258">
        <v>0</v>
      </c>
      <c r="AB21" s="260">
        <v>0</v>
      </c>
      <c r="AC21" s="261">
        <v>129</v>
      </c>
      <c r="AD21" s="261">
        <v>103</v>
      </c>
      <c r="AE21" s="261">
        <v>51</v>
      </c>
      <c r="AF21" s="261">
        <v>27</v>
      </c>
      <c r="AG21" s="261">
        <v>11</v>
      </c>
      <c r="AH21" s="258">
        <v>321</v>
      </c>
      <c r="AI21" s="263">
        <v>321</v>
      </c>
      <c r="AJ21" s="257">
        <v>0</v>
      </c>
      <c r="AK21" s="261">
        <v>0</v>
      </c>
      <c r="AL21" s="258">
        <v>0</v>
      </c>
      <c r="AM21" s="260">
        <v>0</v>
      </c>
      <c r="AN21" s="261">
        <v>14</v>
      </c>
      <c r="AO21" s="261">
        <v>23</v>
      </c>
      <c r="AP21" s="261">
        <v>21</v>
      </c>
      <c r="AQ21" s="261">
        <v>2</v>
      </c>
      <c r="AR21" s="261">
        <v>3</v>
      </c>
      <c r="AS21" s="258">
        <v>63</v>
      </c>
      <c r="AT21" s="263">
        <v>63</v>
      </c>
      <c r="AU21" s="257">
        <v>0</v>
      </c>
      <c r="AV21" s="261">
        <v>3</v>
      </c>
      <c r="AW21" s="258">
        <v>3</v>
      </c>
      <c r="AX21" s="260">
        <v>0</v>
      </c>
      <c r="AY21" s="261">
        <v>22</v>
      </c>
      <c r="AZ21" s="261">
        <v>36</v>
      </c>
      <c r="BA21" s="261">
        <v>31</v>
      </c>
      <c r="BB21" s="261">
        <v>14</v>
      </c>
      <c r="BC21" s="261">
        <v>9</v>
      </c>
      <c r="BD21" s="258">
        <v>112</v>
      </c>
      <c r="BE21" s="263">
        <v>115</v>
      </c>
      <c r="BF21" s="257">
        <v>0</v>
      </c>
      <c r="BG21" s="261">
        <v>0</v>
      </c>
      <c r="BH21" s="258">
        <v>0</v>
      </c>
      <c r="BI21" s="260">
        <v>0</v>
      </c>
      <c r="BJ21" s="261">
        <v>13</v>
      </c>
      <c r="BK21" s="261">
        <v>22</v>
      </c>
      <c r="BL21" s="261">
        <v>34</v>
      </c>
      <c r="BM21" s="261">
        <v>19</v>
      </c>
      <c r="BN21" s="261">
        <v>15</v>
      </c>
      <c r="BO21" s="262">
        <v>103</v>
      </c>
      <c r="BP21" s="263">
        <v>103</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3</v>
      </c>
      <c r="CS21" s="261">
        <v>6</v>
      </c>
      <c r="CT21" s="261">
        <v>2</v>
      </c>
      <c r="CU21" s="261">
        <v>10</v>
      </c>
      <c r="CV21" s="258">
        <v>22</v>
      </c>
      <c r="CW21" s="263">
        <v>22</v>
      </c>
    </row>
    <row r="22" spans="2:101" ht="21" customHeight="1" x14ac:dyDescent="0.2">
      <c r="B22" s="472" t="s">
        <v>20</v>
      </c>
      <c r="C22" s="257">
        <v>0</v>
      </c>
      <c r="D22" s="258">
        <v>0</v>
      </c>
      <c r="E22" s="259">
        <v>0</v>
      </c>
      <c r="F22" s="260">
        <v>0</v>
      </c>
      <c r="G22" s="261">
        <v>1</v>
      </c>
      <c r="H22" s="261">
        <v>1</v>
      </c>
      <c r="I22" s="261">
        <v>0</v>
      </c>
      <c r="J22" s="261">
        <v>0</v>
      </c>
      <c r="K22" s="261">
        <v>0</v>
      </c>
      <c r="L22" s="262">
        <v>2</v>
      </c>
      <c r="M22" s="263">
        <v>2</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215</v>
      </c>
      <c r="AD22" s="261">
        <v>100</v>
      </c>
      <c r="AE22" s="261">
        <v>58</v>
      </c>
      <c r="AF22" s="261">
        <v>16</v>
      </c>
      <c r="AG22" s="261">
        <v>4</v>
      </c>
      <c r="AH22" s="258">
        <v>393</v>
      </c>
      <c r="AI22" s="263">
        <v>393</v>
      </c>
      <c r="AJ22" s="257">
        <v>0</v>
      </c>
      <c r="AK22" s="261">
        <v>0</v>
      </c>
      <c r="AL22" s="258">
        <v>0</v>
      </c>
      <c r="AM22" s="260">
        <v>0</v>
      </c>
      <c r="AN22" s="261">
        <v>1</v>
      </c>
      <c r="AO22" s="261">
        <v>0</v>
      </c>
      <c r="AP22" s="261">
        <v>3</v>
      </c>
      <c r="AQ22" s="261">
        <v>0</v>
      </c>
      <c r="AR22" s="261">
        <v>2</v>
      </c>
      <c r="AS22" s="258">
        <v>6</v>
      </c>
      <c r="AT22" s="263">
        <v>6</v>
      </c>
      <c r="AU22" s="257">
        <v>0</v>
      </c>
      <c r="AV22" s="261">
        <v>1</v>
      </c>
      <c r="AW22" s="258">
        <v>1</v>
      </c>
      <c r="AX22" s="260">
        <v>0</v>
      </c>
      <c r="AY22" s="261">
        <v>21</v>
      </c>
      <c r="AZ22" s="261">
        <v>9</v>
      </c>
      <c r="BA22" s="261">
        <v>8</v>
      </c>
      <c r="BB22" s="261">
        <v>5</v>
      </c>
      <c r="BC22" s="261">
        <v>1</v>
      </c>
      <c r="BD22" s="258">
        <v>44</v>
      </c>
      <c r="BE22" s="263">
        <v>45</v>
      </c>
      <c r="BF22" s="257">
        <v>0</v>
      </c>
      <c r="BG22" s="261">
        <v>0</v>
      </c>
      <c r="BH22" s="258">
        <v>0</v>
      </c>
      <c r="BI22" s="260">
        <v>0</v>
      </c>
      <c r="BJ22" s="261">
        <v>16</v>
      </c>
      <c r="BK22" s="261">
        <v>26</v>
      </c>
      <c r="BL22" s="261">
        <v>41</v>
      </c>
      <c r="BM22" s="261">
        <v>20</v>
      </c>
      <c r="BN22" s="261">
        <v>19</v>
      </c>
      <c r="BO22" s="262">
        <v>122</v>
      </c>
      <c r="BP22" s="263">
        <v>122</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4</v>
      </c>
      <c r="H23" s="261">
        <v>6</v>
      </c>
      <c r="I23" s="261">
        <v>2</v>
      </c>
      <c r="J23" s="261">
        <v>6</v>
      </c>
      <c r="K23" s="261">
        <v>0</v>
      </c>
      <c r="L23" s="262">
        <v>18</v>
      </c>
      <c r="M23" s="263">
        <v>18</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92</v>
      </c>
      <c r="AD23" s="261">
        <v>186</v>
      </c>
      <c r="AE23" s="261">
        <v>75</v>
      </c>
      <c r="AF23" s="261">
        <v>29</v>
      </c>
      <c r="AG23" s="261">
        <v>11</v>
      </c>
      <c r="AH23" s="258">
        <v>493</v>
      </c>
      <c r="AI23" s="263">
        <v>493</v>
      </c>
      <c r="AJ23" s="257">
        <v>0</v>
      </c>
      <c r="AK23" s="261">
        <v>0</v>
      </c>
      <c r="AL23" s="258">
        <v>0</v>
      </c>
      <c r="AM23" s="260">
        <v>0</v>
      </c>
      <c r="AN23" s="261">
        <v>0</v>
      </c>
      <c r="AO23" s="261">
        <v>0</v>
      </c>
      <c r="AP23" s="261">
        <v>0</v>
      </c>
      <c r="AQ23" s="261">
        <v>2</v>
      </c>
      <c r="AR23" s="261">
        <v>0</v>
      </c>
      <c r="AS23" s="258">
        <v>2</v>
      </c>
      <c r="AT23" s="263">
        <v>2</v>
      </c>
      <c r="AU23" s="257">
        <v>0</v>
      </c>
      <c r="AV23" s="261">
        <v>0</v>
      </c>
      <c r="AW23" s="258">
        <v>0</v>
      </c>
      <c r="AX23" s="260">
        <v>0</v>
      </c>
      <c r="AY23" s="261">
        <v>9</v>
      </c>
      <c r="AZ23" s="261">
        <v>5</v>
      </c>
      <c r="BA23" s="261">
        <v>19</v>
      </c>
      <c r="BB23" s="261">
        <v>7</v>
      </c>
      <c r="BC23" s="261">
        <v>2</v>
      </c>
      <c r="BD23" s="258">
        <v>42</v>
      </c>
      <c r="BE23" s="263">
        <v>42</v>
      </c>
      <c r="BF23" s="257">
        <v>0</v>
      </c>
      <c r="BG23" s="261">
        <v>0</v>
      </c>
      <c r="BH23" s="258">
        <v>0</v>
      </c>
      <c r="BI23" s="260">
        <v>0</v>
      </c>
      <c r="BJ23" s="261">
        <v>21</v>
      </c>
      <c r="BK23" s="261">
        <v>36</v>
      </c>
      <c r="BL23" s="261">
        <v>36</v>
      </c>
      <c r="BM23" s="261">
        <v>15</v>
      </c>
      <c r="BN23" s="261">
        <v>12</v>
      </c>
      <c r="BO23" s="262">
        <v>120</v>
      </c>
      <c r="BP23" s="263">
        <v>120</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2</v>
      </c>
      <c r="CR23" s="261">
        <v>3</v>
      </c>
      <c r="CS23" s="261">
        <v>0</v>
      </c>
      <c r="CT23" s="261">
        <v>2</v>
      </c>
      <c r="CU23" s="261">
        <v>6</v>
      </c>
      <c r="CV23" s="258">
        <v>13</v>
      </c>
      <c r="CW23" s="263">
        <v>13</v>
      </c>
    </row>
    <row r="24" spans="2:101" ht="21" customHeight="1" x14ac:dyDescent="0.2">
      <c r="B24" s="472" t="s">
        <v>22</v>
      </c>
      <c r="C24" s="257">
        <v>0</v>
      </c>
      <c r="D24" s="258">
        <v>0</v>
      </c>
      <c r="E24" s="259">
        <v>0</v>
      </c>
      <c r="F24" s="260">
        <v>0</v>
      </c>
      <c r="G24" s="261">
        <v>2</v>
      </c>
      <c r="H24" s="261">
        <v>7</v>
      </c>
      <c r="I24" s="261">
        <v>3</v>
      </c>
      <c r="J24" s="261">
        <v>3</v>
      </c>
      <c r="K24" s="261">
        <v>0</v>
      </c>
      <c r="L24" s="262">
        <v>15</v>
      </c>
      <c r="M24" s="263">
        <v>15</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118</v>
      </c>
      <c r="AD24" s="261">
        <v>85</v>
      </c>
      <c r="AE24" s="261">
        <v>38</v>
      </c>
      <c r="AF24" s="261">
        <v>21</v>
      </c>
      <c r="AG24" s="261">
        <v>5</v>
      </c>
      <c r="AH24" s="258">
        <v>267</v>
      </c>
      <c r="AI24" s="263">
        <v>267</v>
      </c>
      <c r="AJ24" s="257">
        <v>0</v>
      </c>
      <c r="AK24" s="261">
        <v>0</v>
      </c>
      <c r="AL24" s="258">
        <v>0</v>
      </c>
      <c r="AM24" s="260">
        <v>0</v>
      </c>
      <c r="AN24" s="261">
        <v>1</v>
      </c>
      <c r="AO24" s="261">
        <v>4</v>
      </c>
      <c r="AP24" s="261">
        <v>4</v>
      </c>
      <c r="AQ24" s="261">
        <v>3</v>
      </c>
      <c r="AR24" s="261">
        <v>3</v>
      </c>
      <c r="AS24" s="258">
        <v>15</v>
      </c>
      <c r="AT24" s="263">
        <v>15</v>
      </c>
      <c r="AU24" s="257">
        <v>2</v>
      </c>
      <c r="AV24" s="261">
        <v>3</v>
      </c>
      <c r="AW24" s="258">
        <v>5</v>
      </c>
      <c r="AX24" s="260">
        <v>0</v>
      </c>
      <c r="AY24" s="261">
        <v>20</v>
      </c>
      <c r="AZ24" s="261">
        <v>19</v>
      </c>
      <c r="BA24" s="261">
        <v>15</v>
      </c>
      <c r="BB24" s="261">
        <v>9</v>
      </c>
      <c r="BC24" s="261">
        <v>3</v>
      </c>
      <c r="BD24" s="258">
        <v>66</v>
      </c>
      <c r="BE24" s="263">
        <v>71</v>
      </c>
      <c r="BF24" s="257">
        <v>0</v>
      </c>
      <c r="BG24" s="261">
        <v>0</v>
      </c>
      <c r="BH24" s="258">
        <v>0</v>
      </c>
      <c r="BI24" s="260">
        <v>0</v>
      </c>
      <c r="BJ24" s="261">
        <v>12</v>
      </c>
      <c r="BK24" s="261">
        <v>15</v>
      </c>
      <c r="BL24" s="261">
        <v>13</v>
      </c>
      <c r="BM24" s="261">
        <v>11</v>
      </c>
      <c r="BN24" s="261">
        <v>4</v>
      </c>
      <c r="BO24" s="262">
        <v>55</v>
      </c>
      <c r="BP24" s="263">
        <v>55</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1</v>
      </c>
      <c r="CH24" s="261">
        <v>3</v>
      </c>
      <c r="CI24" s="261">
        <v>16</v>
      </c>
      <c r="CJ24" s="261">
        <v>9</v>
      </c>
      <c r="CK24" s="258">
        <v>29</v>
      </c>
      <c r="CL24" s="263">
        <v>29</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1</v>
      </c>
      <c r="I25" s="261">
        <v>0</v>
      </c>
      <c r="J25" s="261">
        <v>0</v>
      </c>
      <c r="K25" s="261">
        <v>1</v>
      </c>
      <c r="L25" s="262">
        <v>2</v>
      </c>
      <c r="M25" s="263">
        <v>2</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64</v>
      </c>
      <c r="AD25" s="261">
        <v>50</v>
      </c>
      <c r="AE25" s="261">
        <v>27</v>
      </c>
      <c r="AF25" s="261">
        <v>13</v>
      </c>
      <c r="AG25" s="261">
        <v>7</v>
      </c>
      <c r="AH25" s="258">
        <v>161</v>
      </c>
      <c r="AI25" s="263">
        <v>161</v>
      </c>
      <c r="AJ25" s="257">
        <v>0</v>
      </c>
      <c r="AK25" s="261">
        <v>0</v>
      </c>
      <c r="AL25" s="258">
        <v>0</v>
      </c>
      <c r="AM25" s="260">
        <v>0</v>
      </c>
      <c r="AN25" s="261">
        <v>0</v>
      </c>
      <c r="AO25" s="261">
        <v>0</v>
      </c>
      <c r="AP25" s="261">
        <v>2</v>
      </c>
      <c r="AQ25" s="261">
        <v>1</v>
      </c>
      <c r="AR25" s="261">
        <v>1</v>
      </c>
      <c r="AS25" s="258">
        <v>4</v>
      </c>
      <c r="AT25" s="263">
        <v>4</v>
      </c>
      <c r="AU25" s="257">
        <v>0</v>
      </c>
      <c r="AV25" s="261">
        <v>0</v>
      </c>
      <c r="AW25" s="258">
        <v>0</v>
      </c>
      <c r="AX25" s="260">
        <v>0</v>
      </c>
      <c r="AY25" s="261">
        <v>6</v>
      </c>
      <c r="AZ25" s="261">
        <v>4</v>
      </c>
      <c r="BA25" s="261">
        <v>2</v>
      </c>
      <c r="BB25" s="261">
        <v>1</v>
      </c>
      <c r="BC25" s="261">
        <v>2</v>
      </c>
      <c r="BD25" s="258">
        <v>15</v>
      </c>
      <c r="BE25" s="263">
        <v>15</v>
      </c>
      <c r="BF25" s="257">
        <v>0</v>
      </c>
      <c r="BG25" s="261">
        <v>0</v>
      </c>
      <c r="BH25" s="258">
        <v>0</v>
      </c>
      <c r="BI25" s="260">
        <v>0</v>
      </c>
      <c r="BJ25" s="261">
        <v>30</v>
      </c>
      <c r="BK25" s="261">
        <v>16</v>
      </c>
      <c r="BL25" s="261">
        <v>20</v>
      </c>
      <c r="BM25" s="261">
        <v>15</v>
      </c>
      <c r="BN25" s="261">
        <v>8</v>
      </c>
      <c r="BO25" s="262">
        <v>89</v>
      </c>
      <c r="BP25" s="263">
        <v>89</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72" t="s">
        <v>24</v>
      </c>
      <c r="C26" s="257">
        <v>0</v>
      </c>
      <c r="D26" s="258">
        <v>0</v>
      </c>
      <c r="E26" s="259">
        <v>0</v>
      </c>
      <c r="F26" s="260">
        <v>0</v>
      </c>
      <c r="G26" s="261">
        <v>2</v>
      </c>
      <c r="H26" s="261">
        <v>3</v>
      </c>
      <c r="I26" s="261">
        <v>3</v>
      </c>
      <c r="J26" s="261">
        <v>3</v>
      </c>
      <c r="K26" s="261">
        <v>0</v>
      </c>
      <c r="L26" s="262">
        <v>11</v>
      </c>
      <c r="M26" s="263">
        <v>11</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9</v>
      </c>
      <c r="AD26" s="261">
        <v>18</v>
      </c>
      <c r="AE26" s="261">
        <v>16</v>
      </c>
      <c r="AF26" s="261">
        <v>5</v>
      </c>
      <c r="AG26" s="261">
        <v>3</v>
      </c>
      <c r="AH26" s="258">
        <v>71</v>
      </c>
      <c r="AI26" s="263">
        <v>71</v>
      </c>
      <c r="AJ26" s="257">
        <v>0</v>
      </c>
      <c r="AK26" s="261">
        <v>0</v>
      </c>
      <c r="AL26" s="258">
        <v>0</v>
      </c>
      <c r="AM26" s="260">
        <v>0</v>
      </c>
      <c r="AN26" s="261">
        <v>9</v>
      </c>
      <c r="AO26" s="261">
        <v>6</v>
      </c>
      <c r="AP26" s="261">
        <v>6</v>
      </c>
      <c r="AQ26" s="261">
        <v>2</v>
      </c>
      <c r="AR26" s="261">
        <v>1</v>
      </c>
      <c r="AS26" s="258">
        <v>24</v>
      </c>
      <c r="AT26" s="263">
        <v>24</v>
      </c>
      <c r="AU26" s="257">
        <v>2</v>
      </c>
      <c r="AV26" s="261">
        <v>3</v>
      </c>
      <c r="AW26" s="258">
        <v>5</v>
      </c>
      <c r="AX26" s="260">
        <v>0</v>
      </c>
      <c r="AY26" s="261">
        <v>18</v>
      </c>
      <c r="AZ26" s="261">
        <v>7</v>
      </c>
      <c r="BA26" s="261">
        <v>10</v>
      </c>
      <c r="BB26" s="261">
        <v>5</v>
      </c>
      <c r="BC26" s="261">
        <v>2</v>
      </c>
      <c r="BD26" s="258">
        <v>42</v>
      </c>
      <c r="BE26" s="263">
        <v>47</v>
      </c>
      <c r="BF26" s="257">
        <v>0</v>
      </c>
      <c r="BG26" s="261">
        <v>0</v>
      </c>
      <c r="BH26" s="258">
        <v>0</v>
      </c>
      <c r="BI26" s="260">
        <v>0</v>
      </c>
      <c r="BJ26" s="261">
        <v>2</v>
      </c>
      <c r="BK26" s="261">
        <v>4</v>
      </c>
      <c r="BL26" s="261">
        <v>7</v>
      </c>
      <c r="BM26" s="261">
        <v>8</v>
      </c>
      <c r="BN26" s="261">
        <v>5</v>
      </c>
      <c r="BO26" s="262">
        <v>26</v>
      </c>
      <c r="BP26" s="263">
        <v>26</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7</v>
      </c>
      <c r="AD27" s="261">
        <v>36</v>
      </c>
      <c r="AE27" s="261">
        <v>17</v>
      </c>
      <c r="AF27" s="261">
        <v>4</v>
      </c>
      <c r="AG27" s="261">
        <v>1</v>
      </c>
      <c r="AH27" s="258">
        <v>145</v>
      </c>
      <c r="AI27" s="263">
        <v>145</v>
      </c>
      <c r="AJ27" s="257">
        <v>0</v>
      </c>
      <c r="AK27" s="261">
        <v>0</v>
      </c>
      <c r="AL27" s="258">
        <v>0</v>
      </c>
      <c r="AM27" s="260">
        <v>0</v>
      </c>
      <c r="AN27" s="261">
        <v>0</v>
      </c>
      <c r="AO27" s="261">
        <v>0</v>
      </c>
      <c r="AP27" s="261">
        <v>0</v>
      </c>
      <c r="AQ27" s="261">
        <v>0</v>
      </c>
      <c r="AR27" s="261">
        <v>0</v>
      </c>
      <c r="AS27" s="258">
        <v>0</v>
      </c>
      <c r="AT27" s="263">
        <v>0</v>
      </c>
      <c r="AU27" s="257">
        <v>2</v>
      </c>
      <c r="AV27" s="261">
        <v>0</v>
      </c>
      <c r="AW27" s="258">
        <v>2</v>
      </c>
      <c r="AX27" s="260">
        <v>0</v>
      </c>
      <c r="AY27" s="261">
        <v>2</v>
      </c>
      <c r="AZ27" s="261">
        <v>7</v>
      </c>
      <c r="BA27" s="261">
        <v>2</v>
      </c>
      <c r="BB27" s="261">
        <v>3</v>
      </c>
      <c r="BC27" s="261">
        <v>0</v>
      </c>
      <c r="BD27" s="258">
        <v>14</v>
      </c>
      <c r="BE27" s="263">
        <v>16</v>
      </c>
      <c r="BF27" s="257">
        <v>0</v>
      </c>
      <c r="BG27" s="261">
        <v>0</v>
      </c>
      <c r="BH27" s="258">
        <v>0</v>
      </c>
      <c r="BI27" s="260">
        <v>0</v>
      </c>
      <c r="BJ27" s="261">
        <v>10</v>
      </c>
      <c r="BK27" s="261">
        <v>8</v>
      </c>
      <c r="BL27" s="261">
        <v>9</v>
      </c>
      <c r="BM27" s="261">
        <v>6</v>
      </c>
      <c r="BN27" s="261">
        <v>1</v>
      </c>
      <c r="BO27" s="262">
        <v>34</v>
      </c>
      <c r="BP27" s="263">
        <v>34</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5</v>
      </c>
      <c r="AD28" s="261">
        <v>41</v>
      </c>
      <c r="AE28" s="261">
        <v>25</v>
      </c>
      <c r="AF28" s="261">
        <v>7</v>
      </c>
      <c r="AG28" s="261">
        <v>10</v>
      </c>
      <c r="AH28" s="258">
        <v>128</v>
      </c>
      <c r="AI28" s="263">
        <v>128</v>
      </c>
      <c r="AJ28" s="257">
        <v>0</v>
      </c>
      <c r="AK28" s="261">
        <v>0</v>
      </c>
      <c r="AL28" s="258">
        <v>0</v>
      </c>
      <c r="AM28" s="260">
        <v>0</v>
      </c>
      <c r="AN28" s="261">
        <v>1</v>
      </c>
      <c r="AO28" s="261">
        <v>3</v>
      </c>
      <c r="AP28" s="261">
        <v>5</v>
      </c>
      <c r="AQ28" s="261">
        <v>1</v>
      </c>
      <c r="AR28" s="261">
        <v>2</v>
      </c>
      <c r="AS28" s="258">
        <v>12</v>
      </c>
      <c r="AT28" s="263">
        <v>12</v>
      </c>
      <c r="AU28" s="257">
        <v>1</v>
      </c>
      <c r="AV28" s="261">
        <v>1</v>
      </c>
      <c r="AW28" s="258">
        <v>2</v>
      </c>
      <c r="AX28" s="260">
        <v>0</v>
      </c>
      <c r="AY28" s="261">
        <v>6</v>
      </c>
      <c r="AZ28" s="261">
        <v>5</v>
      </c>
      <c r="BA28" s="261">
        <v>4</v>
      </c>
      <c r="BB28" s="261">
        <v>1</v>
      </c>
      <c r="BC28" s="261">
        <v>2</v>
      </c>
      <c r="BD28" s="258">
        <v>18</v>
      </c>
      <c r="BE28" s="263">
        <v>20</v>
      </c>
      <c r="BF28" s="257">
        <v>0</v>
      </c>
      <c r="BG28" s="261">
        <v>0</v>
      </c>
      <c r="BH28" s="258">
        <v>0</v>
      </c>
      <c r="BI28" s="260">
        <v>0</v>
      </c>
      <c r="BJ28" s="261">
        <v>10</v>
      </c>
      <c r="BK28" s="261">
        <v>13</v>
      </c>
      <c r="BL28" s="261">
        <v>21</v>
      </c>
      <c r="BM28" s="261">
        <v>11</v>
      </c>
      <c r="BN28" s="261">
        <v>1</v>
      </c>
      <c r="BO28" s="262">
        <v>56</v>
      </c>
      <c r="BP28" s="263">
        <v>56</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4</v>
      </c>
      <c r="AD29" s="261">
        <v>15</v>
      </c>
      <c r="AE29" s="261">
        <v>8</v>
      </c>
      <c r="AF29" s="261">
        <v>1</v>
      </c>
      <c r="AG29" s="261">
        <v>0</v>
      </c>
      <c r="AH29" s="258">
        <v>58</v>
      </c>
      <c r="AI29" s="263">
        <v>58</v>
      </c>
      <c r="AJ29" s="257">
        <v>0</v>
      </c>
      <c r="AK29" s="261">
        <v>0</v>
      </c>
      <c r="AL29" s="258">
        <v>0</v>
      </c>
      <c r="AM29" s="260">
        <v>0</v>
      </c>
      <c r="AN29" s="261">
        <v>3</v>
      </c>
      <c r="AO29" s="261">
        <v>1</v>
      </c>
      <c r="AP29" s="261">
        <v>1</v>
      </c>
      <c r="AQ29" s="261">
        <v>1</v>
      </c>
      <c r="AR29" s="261">
        <v>1</v>
      </c>
      <c r="AS29" s="258">
        <v>7</v>
      </c>
      <c r="AT29" s="263">
        <v>7</v>
      </c>
      <c r="AU29" s="257">
        <v>0</v>
      </c>
      <c r="AV29" s="261">
        <v>0</v>
      </c>
      <c r="AW29" s="258">
        <v>0</v>
      </c>
      <c r="AX29" s="260">
        <v>0</v>
      </c>
      <c r="AY29" s="261">
        <v>4</v>
      </c>
      <c r="AZ29" s="261">
        <v>2</v>
      </c>
      <c r="BA29" s="261">
        <v>5</v>
      </c>
      <c r="BB29" s="261">
        <v>0</v>
      </c>
      <c r="BC29" s="261">
        <v>0</v>
      </c>
      <c r="BD29" s="258">
        <v>11</v>
      </c>
      <c r="BE29" s="263">
        <v>11</v>
      </c>
      <c r="BF29" s="257">
        <v>0</v>
      </c>
      <c r="BG29" s="261">
        <v>1</v>
      </c>
      <c r="BH29" s="258">
        <v>1</v>
      </c>
      <c r="BI29" s="260">
        <v>0</v>
      </c>
      <c r="BJ29" s="261">
        <v>9</v>
      </c>
      <c r="BK29" s="261">
        <v>6</v>
      </c>
      <c r="BL29" s="261">
        <v>7</v>
      </c>
      <c r="BM29" s="261">
        <v>5</v>
      </c>
      <c r="BN29" s="261">
        <v>6</v>
      </c>
      <c r="BO29" s="262">
        <v>33</v>
      </c>
      <c r="BP29" s="263">
        <v>34</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8</v>
      </c>
      <c r="CI29" s="261">
        <v>11</v>
      </c>
      <c r="CJ29" s="261">
        <v>6</v>
      </c>
      <c r="CK29" s="258">
        <v>25</v>
      </c>
      <c r="CL29" s="263">
        <v>25</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19</v>
      </c>
      <c r="AD30" s="261">
        <v>16</v>
      </c>
      <c r="AE30" s="261">
        <v>1</v>
      </c>
      <c r="AF30" s="261">
        <v>1</v>
      </c>
      <c r="AG30" s="261">
        <v>1</v>
      </c>
      <c r="AH30" s="258">
        <v>38</v>
      </c>
      <c r="AI30" s="263">
        <v>38</v>
      </c>
      <c r="AJ30" s="257">
        <v>0</v>
      </c>
      <c r="AK30" s="261">
        <v>0</v>
      </c>
      <c r="AL30" s="258">
        <v>0</v>
      </c>
      <c r="AM30" s="260">
        <v>0</v>
      </c>
      <c r="AN30" s="261">
        <v>1</v>
      </c>
      <c r="AO30" s="261">
        <v>2</v>
      </c>
      <c r="AP30" s="261">
        <v>1</v>
      </c>
      <c r="AQ30" s="261">
        <v>0</v>
      </c>
      <c r="AR30" s="261">
        <v>0</v>
      </c>
      <c r="AS30" s="258">
        <v>4</v>
      </c>
      <c r="AT30" s="263">
        <v>4</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5</v>
      </c>
      <c r="BL30" s="261">
        <v>2</v>
      </c>
      <c r="BM30" s="261">
        <v>4</v>
      </c>
      <c r="BN30" s="261">
        <v>4</v>
      </c>
      <c r="BO30" s="262">
        <v>15</v>
      </c>
      <c r="BP30" s="263">
        <v>15</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1</v>
      </c>
      <c r="CI30" s="261">
        <v>0</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2</v>
      </c>
      <c r="H31" s="261">
        <v>0</v>
      </c>
      <c r="I31" s="261">
        <v>0</v>
      </c>
      <c r="J31" s="261">
        <v>0</v>
      </c>
      <c r="K31" s="261">
        <v>0</v>
      </c>
      <c r="L31" s="262">
        <v>2</v>
      </c>
      <c r="M31" s="263">
        <v>2</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2</v>
      </c>
      <c r="AD31" s="261">
        <v>17</v>
      </c>
      <c r="AE31" s="261">
        <v>3</v>
      </c>
      <c r="AF31" s="261">
        <v>4</v>
      </c>
      <c r="AG31" s="261">
        <v>0</v>
      </c>
      <c r="AH31" s="258">
        <v>46</v>
      </c>
      <c r="AI31" s="263">
        <v>46</v>
      </c>
      <c r="AJ31" s="257">
        <v>0</v>
      </c>
      <c r="AK31" s="261">
        <v>0</v>
      </c>
      <c r="AL31" s="258">
        <v>0</v>
      </c>
      <c r="AM31" s="260">
        <v>0</v>
      </c>
      <c r="AN31" s="261">
        <v>1</v>
      </c>
      <c r="AO31" s="261">
        <v>1</v>
      </c>
      <c r="AP31" s="261">
        <v>1</v>
      </c>
      <c r="AQ31" s="261">
        <v>1</v>
      </c>
      <c r="AR31" s="261">
        <v>0</v>
      </c>
      <c r="AS31" s="258">
        <v>4</v>
      </c>
      <c r="AT31" s="263">
        <v>4</v>
      </c>
      <c r="AU31" s="257">
        <v>0</v>
      </c>
      <c r="AV31" s="261">
        <v>4</v>
      </c>
      <c r="AW31" s="258">
        <v>4</v>
      </c>
      <c r="AX31" s="260">
        <v>0</v>
      </c>
      <c r="AY31" s="261">
        <v>9</v>
      </c>
      <c r="AZ31" s="261">
        <v>3</v>
      </c>
      <c r="BA31" s="261">
        <v>6</v>
      </c>
      <c r="BB31" s="261">
        <v>3</v>
      </c>
      <c r="BC31" s="261">
        <v>1</v>
      </c>
      <c r="BD31" s="258">
        <v>22</v>
      </c>
      <c r="BE31" s="263">
        <v>26</v>
      </c>
      <c r="BF31" s="257">
        <v>0</v>
      </c>
      <c r="BG31" s="261">
        <v>0</v>
      </c>
      <c r="BH31" s="258">
        <v>0</v>
      </c>
      <c r="BI31" s="260">
        <v>0</v>
      </c>
      <c r="BJ31" s="261">
        <v>4</v>
      </c>
      <c r="BK31" s="261">
        <v>6</v>
      </c>
      <c r="BL31" s="261">
        <v>7</v>
      </c>
      <c r="BM31" s="261">
        <v>2</v>
      </c>
      <c r="BN31" s="261">
        <v>3</v>
      </c>
      <c r="BO31" s="262">
        <v>22</v>
      </c>
      <c r="BP31" s="263">
        <v>22</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0</v>
      </c>
      <c r="CI31" s="261">
        <v>7</v>
      </c>
      <c r="CJ31" s="261">
        <v>6</v>
      </c>
      <c r="CK31" s="258">
        <v>23</v>
      </c>
      <c r="CL31" s="263">
        <v>23</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1</v>
      </c>
      <c r="I32" s="261">
        <v>1</v>
      </c>
      <c r="J32" s="261">
        <v>0</v>
      </c>
      <c r="K32" s="261">
        <v>0</v>
      </c>
      <c r="L32" s="262">
        <v>2</v>
      </c>
      <c r="M32" s="263">
        <v>2</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1</v>
      </c>
      <c r="AD32" s="261">
        <v>8</v>
      </c>
      <c r="AE32" s="261">
        <v>10</v>
      </c>
      <c r="AF32" s="261">
        <v>3</v>
      </c>
      <c r="AG32" s="261">
        <v>1</v>
      </c>
      <c r="AH32" s="258">
        <v>43</v>
      </c>
      <c r="AI32" s="263">
        <v>43</v>
      </c>
      <c r="AJ32" s="257">
        <v>0</v>
      </c>
      <c r="AK32" s="261">
        <v>0</v>
      </c>
      <c r="AL32" s="258">
        <v>0</v>
      </c>
      <c r="AM32" s="260">
        <v>0</v>
      </c>
      <c r="AN32" s="261">
        <v>2</v>
      </c>
      <c r="AO32" s="261">
        <v>2</v>
      </c>
      <c r="AP32" s="261">
        <v>1</v>
      </c>
      <c r="AQ32" s="261">
        <v>0</v>
      </c>
      <c r="AR32" s="261">
        <v>0</v>
      </c>
      <c r="AS32" s="258">
        <v>5</v>
      </c>
      <c r="AT32" s="263">
        <v>5</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6</v>
      </c>
      <c r="BK32" s="261">
        <v>5</v>
      </c>
      <c r="BL32" s="261">
        <v>3</v>
      </c>
      <c r="BM32" s="261">
        <v>4</v>
      </c>
      <c r="BN32" s="261">
        <v>1</v>
      </c>
      <c r="BO32" s="262">
        <v>19</v>
      </c>
      <c r="BP32" s="263">
        <v>19</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6</v>
      </c>
      <c r="AD33" s="261">
        <v>16</v>
      </c>
      <c r="AE33" s="261">
        <v>9</v>
      </c>
      <c r="AF33" s="261">
        <v>4</v>
      </c>
      <c r="AG33" s="261">
        <v>0</v>
      </c>
      <c r="AH33" s="258">
        <v>65</v>
      </c>
      <c r="AI33" s="263">
        <v>65</v>
      </c>
      <c r="AJ33" s="257">
        <v>0</v>
      </c>
      <c r="AK33" s="261">
        <v>0</v>
      </c>
      <c r="AL33" s="258">
        <v>0</v>
      </c>
      <c r="AM33" s="260">
        <v>0</v>
      </c>
      <c r="AN33" s="261">
        <v>0</v>
      </c>
      <c r="AO33" s="261">
        <v>0</v>
      </c>
      <c r="AP33" s="261">
        <v>0</v>
      </c>
      <c r="AQ33" s="261">
        <v>1</v>
      </c>
      <c r="AR33" s="261">
        <v>1</v>
      </c>
      <c r="AS33" s="258">
        <v>2</v>
      </c>
      <c r="AT33" s="263">
        <v>2</v>
      </c>
      <c r="AU33" s="257">
        <v>0</v>
      </c>
      <c r="AV33" s="261">
        <v>2</v>
      </c>
      <c r="AW33" s="258">
        <v>2</v>
      </c>
      <c r="AX33" s="260">
        <v>0</v>
      </c>
      <c r="AY33" s="261">
        <v>9</v>
      </c>
      <c r="AZ33" s="261">
        <v>4</v>
      </c>
      <c r="BA33" s="261">
        <v>6</v>
      </c>
      <c r="BB33" s="261">
        <v>4</v>
      </c>
      <c r="BC33" s="261">
        <v>1</v>
      </c>
      <c r="BD33" s="258">
        <v>24</v>
      </c>
      <c r="BE33" s="263">
        <v>26</v>
      </c>
      <c r="BF33" s="257">
        <v>0</v>
      </c>
      <c r="BG33" s="261">
        <v>0</v>
      </c>
      <c r="BH33" s="258">
        <v>0</v>
      </c>
      <c r="BI33" s="260">
        <v>0</v>
      </c>
      <c r="BJ33" s="261">
        <v>7</v>
      </c>
      <c r="BK33" s="261">
        <v>6</v>
      </c>
      <c r="BL33" s="261">
        <v>12</v>
      </c>
      <c r="BM33" s="261">
        <v>10</v>
      </c>
      <c r="BN33" s="261">
        <v>5</v>
      </c>
      <c r="BO33" s="262">
        <v>40</v>
      </c>
      <c r="BP33" s="263">
        <v>4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2</v>
      </c>
      <c r="H34" s="261">
        <v>1</v>
      </c>
      <c r="I34" s="261">
        <v>0</v>
      </c>
      <c r="J34" s="261">
        <v>0</v>
      </c>
      <c r="K34" s="261">
        <v>0</v>
      </c>
      <c r="L34" s="262">
        <v>3</v>
      </c>
      <c r="M34" s="263">
        <v>3</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6</v>
      </c>
      <c r="AD34" s="261">
        <v>31</v>
      </c>
      <c r="AE34" s="261">
        <v>14</v>
      </c>
      <c r="AF34" s="261">
        <v>4</v>
      </c>
      <c r="AG34" s="261">
        <v>2</v>
      </c>
      <c r="AH34" s="258">
        <v>87</v>
      </c>
      <c r="AI34" s="263">
        <v>87</v>
      </c>
      <c r="AJ34" s="257">
        <v>0</v>
      </c>
      <c r="AK34" s="261">
        <v>0</v>
      </c>
      <c r="AL34" s="258">
        <v>0</v>
      </c>
      <c r="AM34" s="260">
        <v>0</v>
      </c>
      <c r="AN34" s="261">
        <v>4</v>
      </c>
      <c r="AO34" s="261">
        <v>1</v>
      </c>
      <c r="AP34" s="261">
        <v>1</v>
      </c>
      <c r="AQ34" s="261">
        <v>0</v>
      </c>
      <c r="AR34" s="261">
        <v>1</v>
      </c>
      <c r="AS34" s="258">
        <v>7</v>
      </c>
      <c r="AT34" s="263">
        <v>7</v>
      </c>
      <c r="AU34" s="257">
        <v>0</v>
      </c>
      <c r="AV34" s="261">
        <v>4</v>
      </c>
      <c r="AW34" s="258">
        <v>4</v>
      </c>
      <c r="AX34" s="260">
        <v>0</v>
      </c>
      <c r="AY34" s="261">
        <v>6</v>
      </c>
      <c r="AZ34" s="261">
        <v>1</v>
      </c>
      <c r="BA34" s="261">
        <v>3</v>
      </c>
      <c r="BB34" s="261">
        <v>2</v>
      </c>
      <c r="BC34" s="261">
        <v>0</v>
      </c>
      <c r="BD34" s="258">
        <v>12</v>
      </c>
      <c r="BE34" s="263">
        <v>16</v>
      </c>
      <c r="BF34" s="257">
        <v>0</v>
      </c>
      <c r="BG34" s="261">
        <v>0</v>
      </c>
      <c r="BH34" s="258">
        <v>0</v>
      </c>
      <c r="BI34" s="260">
        <v>0</v>
      </c>
      <c r="BJ34" s="261">
        <v>2</v>
      </c>
      <c r="BK34" s="261">
        <v>5</v>
      </c>
      <c r="BL34" s="261">
        <v>8</v>
      </c>
      <c r="BM34" s="261">
        <v>9</v>
      </c>
      <c r="BN34" s="261">
        <v>5</v>
      </c>
      <c r="BO34" s="262">
        <v>29</v>
      </c>
      <c r="BP34" s="263">
        <v>29</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8</v>
      </c>
      <c r="CJ34" s="261">
        <v>2</v>
      </c>
      <c r="CK34" s="258">
        <v>23</v>
      </c>
      <c r="CL34" s="263">
        <v>23</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5</v>
      </c>
      <c r="AD35" s="261">
        <v>12</v>
      </c>
      <c r="AE35" s="261">
        <v>9</v>
      </c>
      <c r="AF35" s="261">
        <v>2</v>
      </c>
      <c r="AG35" s="261">
        <v>2</v>
      </c>
      <c r="AH35" s="258">
        <v>50</v>
      </c>
      <c r="AI35" s="263">
        <v>50</v>
      </c>
      <c r="AJ35" s="257">
        <v>0</v>
      </c>
      <c r="AK35" s="261">
        <v>0</v>
      </c>
      <c r="AL35" s="258">
        <v>0</v>
      </c>
      <c r="AM35" s="260">
        <v>0</v>
      </c>
      <c r="AN35" s="261">
        <v>0</v>
      </c>
      <c r="AO35" s="261">
        <v>0</v>
      </c>
      <c r="AP35" s="261">
        <v>1</v>
      </c>
      <c r="AQ35" s="261">
        <v>0</v>
      </c>
      <c r="AR35" s="261">
        <v>0</v>
      </c>
      <c r="AS35" s="258">
        <v>1</v>
      </c>
      <c r="AT35" s="263">
        <v>1</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4</v>
      </c>
      <c r="BK35" s="261">
        <v>3</v>
      </c>
      <c r="BL35" s="261">
        <v>7</v>
      </c>
      <c r="BM35" s="261">
        <v>0</v>
      </c>
      <c r="BN35" s="261">
        <v>1</v>
      </c>
      <c r="BO35" s="262">
        <v>15</v>
      </c>
      <c r="BP35" s="263">
        <v>16</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5</v>
      </c>
      <c r="CR35" s="261">
        <v>2</v>
      </c>
      <c r="CS35" s="261">
        <v>5</v>
      </c>
      <c r="CT35" s="261">
        <v>2</v>
      </c>
      <c r="CU35" s="261">
        <v>6</v>
      </c>
      <c r="CV35" s="258">
        <v>20</v>
      </c>
      <c r="CW35" s="263">
        <v>20</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4</v>
      </c>
      <c r="AD36" s="261">
        <v>8</v>
      </c>
      <c r="AE36" s="261">
        <v>2</v>
      </c>
      <c r="AF36" s="261">
        <v>3</v>
      </c>
      <c r="AG36" s="261">
        <v>1</v>
      </c>
      <c r="AH36" s="258">
        <v>28</v>
      </c>
      <c r="AI36" s="263">
        <v>28</v>
      </c>
      <c r="AJ36" s="257">
        <v>0</v>
      </c>
      <c r="AK36" s="261">
        <v>0</v>
      </c>
      <c r="AL36" s="258">
        <v>0</v>
      </c>
      <c r="AM36" s="260">
        <v>0</v>
      </c>
      <c r="AN36" s="261">
        <v>0</v>
      </c>
      <c r="AO36" s="261">
        <v>0</v>
      </c>
      <c r="AP36" s="261">
        <v>0</v>
      </c>
      <c r="AQ36" s="261">
        <v>0</v>
      </c>
      <c r="AR36" s="261">
        <v>1</v>
      </c>
      <c r="AS36" s="258">
        <v>1</v>
      </c>
      <c r="AT36" s="263">
        <v>1</v>
      </c>
      <c r="AU36" s="257">
        <v>2</v>
      </c>
      <c r="AV36" s="261">
        <v>2</v>
      </c>
      <c r="AW36" s="258">
        <v>4</v>
      </c>
      <c r="AX36" s="260">
        <v>0</v>
      </c>
      <c r="AY36" s="261">
        <v>6</v>
      </c>
      <c r="AZ36" s="261">
        <v>8</v>
      </c>
      <c r="BA36" s="261">
        <v>7</v>
      </c>
      <c r="BB36" s="261">
        <v>0</v>
      </c>
      <c r="BC36" s="261">
        <v>0</v>
      </c>
      <c r="BD36" s="258">
        <v>21</v>
      </c>
      <c r="BE36" s="263">
        <v>25</v>
      </c>
      <c r="BF36" s="257">
        <v>0</v>
      </c>
      <c r="BG36" s="261">
        <v>0</v>
      </c>
      <c r="BH36" s="258">
        <v>0</v>
      </c>
      <c r="BI36" s="260">
        <v>0</v>
      </c>
      <c r="BJ36" s="261">
        <v>3</v>
      </c>
      <c r="BK36" s="261">
        <v>2</v>
      </c>
      <c r="BL36" s="261">
        <v>0</v>
      </c>
      <c r="BM36" s="261">
        <v>2</v>
      </c>
      <c r="BN36" s="261">
        <v>3</v>
      </c>
      <c r="BO36" s="262">
        <v>10</v>
      </c>
      <c r="BP36" s="263">
        <v>1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6</v>
      </c>
      <c r="CR36" s="261">
        <v>6</v>
      </c>
      <c r="CS36" s="261">
        <v>7</v>
      </c>
      <c r="CT36" s="261">
        <v>3</v>
      </c>
      <c r="CU36" s="261">
        <v>4</v>
      </c>
      <c r="CV36" s="258">
        <v>26</v>
      </c>
      <c r="CW36" s="263">
        <v>26</v>
      </c>
    </row>
    <row r="37" spans="2:101" ht="21" customHeight="1" x14ac:dyDescent="0.2">
      <c r="B37" s="472" t="s">
        <v>35</v>
      </c>
      <c r="C37" s="257">
        <v>0</v>
      </c>
      <c r="D37" s="258">
        <v>0</v>
      </c>
      <c r="E37" s="259">
        <v>0</v>
      </c>
      <c r="F37" s="260">
        <v>0</v>
      </c>
      <c r="G37" s="261">
        <v>0</v>
      </c>
      <c r="H37" s="261">
        <v>0</v>
      </c>
      <c r="I37" s="261">
        <v>2</v>
      </c>
      <c r="J37" s="261">
        <v>1</v>
      </c>
      <c r="K37" s="261">
        <v>0</v>
      </c>
      <c r="L37" s="262">
        <v>3</v>
      </c>
      <c r="M37" s="263">
        <v>3</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20</v>
      </c>
      <c r="AD37" s="261">
        <v>16</v>
      </c>
      <c r="AE37" s="261">
        <v>5</v>
      </c>
      <c r="AF37" s="261">
        <v>12</v>
      </c>
      <c r="AG37" s="261">
        <v>3</v>
      </c>
      <c r="AH37" s="258">
        <v>56</v>
      </c>
      <c r="AI37" s="263">
        <v>56</v>
      </c>
      <c r="AJ37" s="257">
        <v>0</v>
      </c>
      <c r="AK37" s="261">
        <v>0</v>
      </c>
      <c r="AL37" s="258">
        <v>0</v>
      </c>
      <c r="AM37" s="260">
        <v>0</v>
      </c>
      <c r="AN37" s="261">
        <v>0</v>
      </c>
      <c r="AO37" s="261">
        <v>0</v>
      </c>
      <c r="AP37" s="261">
        <v>0</v>
      </c>
      <c r="AQ37" s="261">
        <v>0</v>
      </c>
      <c r="AR37" s="261">
        <v>0</v>
      </c>
      <c r="AS37" s="258">
        <v>0</v>
      </c>
      <c r="AT37" s="263">
        <v>0</v>
      </c>
      <c r="AU37" s="257">
        <v>3</v>
      </c>
      <c r="AV37" s="261">
        <v>1</v>
      </c>
      <c r="AW37" s="258">
        <v>4</v>
      </c>
      <c r="AX37" s="260">
        <v>0</v>
      </c>
      <c r="AY37" s="261">
        <v>14</v>
      </c>
      <c r="AZ37" s="261">
        <v>8</v>
      </c>
      <c r="BA37" s="261">
        <v>9</v>
      </c>
      <c r="BB37" s="261">
        <v>5</v>
      </c>
      <c r="BC37" s="261">
        <v>2</v>
      </c>
      <c r="BD37" s="258">
        <v>38</v>
      </c>
      <c r="BE37" s="263">
        <v>42</v>
      </c>
      <c r="BF37" s="257">
        <v>0</v>
      </c>
      <c r="BG37" s="261">
        <v>1</v>
      </c>
      <c r="BH37" s="258">
        <v>1</v>
      </c>
      <c r="BI37" s="260">
        <v>0</v>
      </c>
      <c r="BJ37" s="261">
        <v>12</v>
      </c>
      <c r="BK37" s="261">
        <v>14</v>
      </c>
      <c r="BL37" s="261">
        <v>11</v>
      </c>
      <c r="BM37" s="261">
        <v>13</v>
      </c>
      <c r="BN37" s="261">
        <v>6</v>
      </c>
      <c r="BO37" s="262">
        <v>56</v>
      </c>
      <c r="BP37" s="263">
        <v>57</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66</v>
      </c>
      <c r="AD38" s="261">
        <v>44</v>
      </c>
      <c r="AE38" s="261">
        <v>29</v>
      </c>
      <c r="AF38" s="261">
        <v>15</v>
      </c>
      <c r="AG38" s="261">
        <v>11</v>
      </c>
      <c r="AH38" s="258">
        <v>165</v>
      </c>
      <c r="AI38" s="263">
        <v>165</v>
      </c>
      <c r="AJ38" s="257">
        <v>0</v>
      </c>
      <c r="AK38" s="261">
        <v>0</v>
      </c>
      <c r="AL38" s="258">
        <v>0</v>
      </c>
      <c r="AM38" s="260">
        <v>0</v>
      </c>
      <c r="AN38" s="261">
        <v>0</v>
      </c>
      <c r="AO38" s="261">
        <v>0</v>
      </c>
      <c r="AP38" s="261">
        <v>0</v>
      </c>
      <c r="AQ38" s="261">
        <v>0</v>
      </c>
      <c r="AR38" s="261">
        <v>0</v>
      </c>
      <c r="AS38" s="258">
        <v>0</v>
      </c>
      <c r="AT38" s="263">
        <v>0</v>
      </c>
      <c r="AU38" s="257">
        <v>1</v>
      </c>
      <c r="AV38" s="261">
        <v>3</v>
      </c>
      <c r="AW38" s="258">
        <v>4</v>
      </c>
      <c r="AX38" s="260">
        <v>0</v>
      </c>
      <c r="AY38" s="261">
        <v>13</v>
      </c>
      <c r="AZ38" s="261">
        <v>11</v>
      </c>
      <c r="BA38" s="261">
        <v>7</v>
      </c>
      <c r="BB38" s="261">
        <v>4</v>
      </c>
      <c r="BC38" s="261">
        <v>2</v>
      </c>
      <c r="BD38" s="258">
        <v>37</v>
      </c>
      <c r="BE38" s="263">
        <v>41</v>
      </c>
      <c r="BF38" s="257">
        <v>0</v>
      </c>
      <c r="BG38" s="261">
        <v>0</v>
      </c>
      <c r="BH38" s="258">
        <v>0</v>
      </c>
      <c r="BI38" s="260">
        <v>0</v>
      </c>
      <c r="BJ38" s="261">
        <v>6</v>
      </c>
      <c r="BK38" s="261">
        <v>14</v>
      </c>
      <c r="BL38" s="261">
        <v>10</v>
      </c>
      <c r="BM38" s="261">
        <v>11</v>
      </c>
      <c r="BN38" s="261">
        <v>6</v>
      </c>
      <c r="BO38" s="262">
        <v>47</v>
      </c>
      <c r="BP38" s="263">
        <v>47</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2</v>
      </c>
      <c r="AD39" s="268">
        <v>8</v>
      </c>
      <c r="AE39" s="268">
        <v>7</v>
      </c>
      <c r="AF39" s="268">
        <v>1</v>
      </c>
      <c r="AG39" s="268">
        <v>2</v>
      </c>
      <c r="AH39" s="265">
        <v>30</v>
      </c>
      <c r="AI39" s="270">
        <v>30</v>
      </c>
      <c r="AJ39" s="264">
        <v>0</v>
      </c>
      <c r="AK39" s="268">
        <v>0</v>
      </c>
      <c r="AL39" s="265">
        <v>0</v>
      </c>
      <c r="AM39" s="267">
        <v>0</v>
      </c>
      <c r="AN39" s="268">
        <v>1</v>
      </c>
      <c r="AO39" s="268">
        <v>0</v>
      </c>
      <c r="AP39" s="268">
        <v>0</v>
      </c>
      <c r="AQ39" s="268">
        <v>1</v>
      </c>
      <c r="AR39" s="268">
        <v>1</v>
      </c>
      <c r="AS39" s="265">
        <v>3</v>
      </c>
      <c r="AT39" s="270">
        <v>3</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4</v>
      </c>
      <c r="BM39" s="268">
        <v>1</v>
      </c>
      <c r="BN39" s="268">
        <v>0</v>
      </c>
      <c r="BO39" s="269">
        <v>6</v>
      </c>
      <c r="BP39" s="270">
        <v>6</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8</v>
      </c>
      <c r="L1" s="504">
        <f>IF(K1&lt;3,K1+12-2,K1-2)</f>
        <v>6</v>
      </c>
      <c r="M1" s="504"/>
    </row>
    <row r="2" spans="1:101" s="272" customFormat="1" ht="24" customHeight="1" thickBot="1" x14ac:dyDescent="0.25">
      <c r="A2" s="39"/>
      <c r="B2" s="271" t="s">
        <v>130</v>
      </c>
    </row>
    <row r="3" spans="1:101" ht="21" customHeight="1" thickBot="1" x14ac:dyDescent="0.25">
      <c r="B3" s="512"/>
      <c r="C3" s="515" t="s">
        <v>94</v>
      </c>
      <c r="D3" s="516"/>
      <c r="E3" s="516"/>
      <c r="F3" s="516"/>
      <c r="G3" s="516"/>
      <c r="H3" s="516"/>
      <c r="I3" s="516"/>
      <c r="J3" s="516"/>
      <c r="K3" s="516"/>
      <c r="L3" s="516"/>
      <c r="M3" s="517"/>
      <c r="N3" s="515" t="s">
        <v>88</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301" t="s">
        <v>43</v>
      </c>
      <c r="D5" s="246" t="s">
        <v>44</v>
      </c>
      <c r="E5" s="247" t="s">
        <v>45</v>
      </c>
      <c r="F5" s="248" t="s">
        <v>83</v>
      </c>
      <c r="G5" s="243" t="s">
        <v>47</v>
      </c>
      <c r="H5" s="243" t="s">
        <v>48</v>
      </c>
      <c r="I5" s="243" t="s">
        <v>49</v>
      </c>
      <c r="J5" s="243" t="s">
        <v>50</v>
      </c>
      <c r="K5" s="243" t="s">
        <v>51</v>
      </c>
      <c r="L5" s="249" t="s">
        <v>45</v>
      </c>
      <c r="M5" s="506"/>
      <c r="N5" s="301" t="s">
        <v>43</v>
      </c>
      <c r="O5" s="243" t="s">
        <v>44</v>
      </c>
      <c r="P5" s="246" t="s">
        <v>45</v>
      </c>
      <c r="Q5" s="248" t="s">
        <v>83</v>
      </c>
      <c r="R5" s="243" t="s">
        <v>47</v>
      </c>
      <c r="S5" s="243" t="s">
        <v>48</v>
      </c>
      <c r="T5" s="243" t="s">
        <v>49</v>
      </c>
      <c r="U5" s="243" t="s">
        <v>50</v>
      </c>
      <c r="V5" s="243" t="s">
        <v>51</v>
      </c>
      <c r="W5" s="246" t="s">
        <v>45</v>
      </c>
      <c r="X5" s="506"/>
      <c r="Y5" s="301" t="s">
        <v>43</v>
      </c>
      <c r="Z5" s="243" t="s">
        <v>44</v>
      </c>
      <c r="AA5" s="246" t="s">
        <v>45</v>
      </c>
      <c r="AB5" s="248" t="s">
        <v>83</v>
      </c>
      <c r="AC5" s="243" t="s">
        <v>47</v>
      </c>
      <c r="AD5" s="243" t="s">
        <v>48</v>
      </c>
      <c r="AE5" s="243" t="s">
        <v>49</v>
      </c>
      <c r="AF5" s="243" t="s">
        <v>50</v>
      </c>
      <c r="AG5" s="243" t="s">
        <v>51</v>
      </c>
      <c r="AH5" s="246" t="s">
        <v>45</v>
      </c>
      <c r="AI5" s="506"/>
      <c r="AJ5" s="318" t="s">
        <v>43</v>
      </c>
      <c r="AK5" s="243" t="s">
        <v>44</v>
      </c>
      <c r="AL5" s="246" t="s">
        <v>45</v>
      </c>
      <c r="AM5" s="248" t="s">
        <v>83</v>
      </c>
      <c r="AN5" s="243" t="s">
        <v>47</v>
      </c>
      <c r="AO5" s="243" t="s">
        <v>48</v>
      </c>
      <c r="AP5" s="243" t="s">
        <v>49</v>
      </c>
      <c r="AQ5" s="243" t="s">
        <v>50</v>
      </c>
      <c r="AR5" s="243" t="s">
        <v>51</v>
      </c>
      <c r="AS5" s="246" t="s">
        <v>45</v>
      </c>
      <c r="AT5" s="506"/>
      <c r="AU5" s="318" t="s">
        <v>43</v>
      </c>
      <c r="AV5" s="243" t="s">
        <v>44</v>
      </c>
      <c r="AW5" s="246" t="s">
        <v>45</v>
      </c>
      <c r="AX5" s="248" t="s">
        <v>83</v>
      </c>
      <c r="AY5" s="243" t="s">
        <v>47</v>
      </c>
      <c r="AZ5" s="243" t="s">
        <v>48</v>
      </c>
      <c r="BA5" s="243" t="s">
        <v>49</v>
      </c>
      <c r="BB5" s="243" t="s">
        <v>50</v>
      </c>
      <c r="BC5" s="243" t="s">
        <v>51</v>
      </c>
      <c r="BD5" s="246" t="s">
        <v>45</v>
      </c>
      <c r="BE5" s="539"/>
      <c r="BF5" s="318" t="s">
        <v>43</v>
      </c>
      <c r="BG5" s="243" t="s">
        <v>44</v>
      </c>
      <c r="BH5" s="246" t="s">
        <v>45</v>
      </c>
      <c r="BI5" s="248" t="s">
        <v>83</v>
      </c>
      <c r="BJ5" s="243" t="s">
        <v>47</v>
      </c>
      <c r="BK5" s="243" t="s">
        <v>48</v>
      </c>
      <c r="BL5" s="243" t="s">
        <v>49</v>
      </c>
      <c r="BM5" s="243" t="s">
        <v>50</v>
      </c>
      <c r="BN5" s="243" t="s">
        <v>51</v>
      </c>
      <c r="BO5" s="246" t="s">
        <v>45</v>
      </c>
      <c r="BP5" s="539"/>
      <c r="BQ5" s="318" t="s">
        <v>43</v>
      </c>
      <c r="BR5" s="243" t="s">
        <v>44</v>
      </c>
      <c r="BS5" s="246" t="s">
        <v>45</v>
      </c>
      <c r="BT5" s="248" t="s">
        <v>83</v>
      </c>
      <c r="BU5" s="243" t="s">
        <v>47</v>
      </c>
      <c r="BV5" s="243" t="s">
        <v>48</v>
      </c>
      <c r="BW5" s="243" t="s">
        <v>49</v>
      </c>
      <c r="BX5" s="243" t="s">
        <v>50</v>
      </c>
      <c r="BY5" s="243" t="s">
        <v>51</v>
      </c>
      <c r="BZ5" s="246" t="s">
        <v>45</v>
      </c>
      <c r="CA5" s="539"/>
      <c r="CB5" s="318" t="s">
        <v>43</v>
      </c>
      <c r="CC5" s="243" t="s">
        <v>44</v>
      </c>
      <c r="CD5" s="246" t="s">
        <v>45</v>
      </c>
      <c r="CE5" s="248" t="s">
        <v>83</v>
      </c>
      <c r="CF5" s="243" t="s">
        <v>47</v>
      </c>
      <c r="CG5" s="243" t="s">
        <v>48</v>
      </c>
      <c r="CH5" s="243" t="s">
        <v>49</v>
      </c>
      <c r="CI5" s="243" t="s">
        <v>50</v>
      </c>
      <c r="CJ5" s="243" t="s">
        <v>51</v>
      </c>
      <c r="CK5" s="246" t="s">
        <v>45</v>
      </c>
      <c r="CL5" s="539"/>
      <c r="CM5" s="318"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18</v>
      </c>
      <c r="H6" s="254">
        <v>25</v>
      </c>
      <c r="I6" s="254">
        <v>25</v>
      </c>
      <c r="J6" s="254">
        <v>25</v>
      </c>
      <c r="K6" s="254">
        <v>17</v>
      </c>
      <c r="L6" s="255">
        <v>110</v>
      </c>
      <c r="M6" s="256">
        <v>110</v>
      </c>
      <c r="N6" s="250">
        <v>0</v>
      </c>
      <c r="O6" s="254">
        <v>0</v>
      </c>
      <c r="P6" s="251">
        <v>0</v>
      </c>
      <c r="Q6" s="253">
        <v>0</v>
      </c>
      <c r="R6" s="254">
        <v>12</v>
      </c>
      <c r="S6" s="254">
        <v>31</v>
      </c>
      <c r="T6" s="254">
        <v>39</v>
      </c>
      <c r="U6" s="254">
        <v>33</v>
      </c>
      <c r="V6" s="254">
        <v>25</v>
      </c>
      <c r="W6" s="251">
        <v>140</v>
      </c>
      <c r="X6" s="256">
        <v>140</v>
      </c>
      <c r="Y6" s="250">
        <v>0</v>
      </c>
      <c r="Z6" s="254">
        <v>0</v>
      </c>
      <c r="AA6" s="251">
        <v>0</v>
      </c>
      <c r="AB6" s="253">
        <v>0</v>
      </c>
      <c r="AC6" s="254">
        <v>981</v>
      </c>
      <c r="AD6" s="254">
        <v>814</v>
      </c>
      <c r="AE6" s="254">
        <v>401</v>
      </c>
      <c r="AF6" s="254">
        <v>165</v>
      </c>
      <c r="AG6" s="254">
        <v>81</v>
      </c>
      <c r="AH6" s="251">
        <v>2442</v>
      </c>
      <c r="AI6" s="256">
        <v>2442</v>
      </c>
      <c r="AJ6" s="250">
        <v>1</v>
      </c>
      <c r="AK6" s="254">
        <v>1</v>
      </c>
      <c r="AL6" s="251">
        <v>2</v>
      </c>
      <c r="AM6" s="253">
        <v>0</v>
      </c>
      <c r="AN6" s="254">
        <v>72</v>
      </c>
      <c r="AO6" s="254">
        <v>75</v>
      </c>
      <c r="AP6" s="254">
        <v>80</v>
      </c>
      <c r="AQ6" s="254">
        <v>36</v>
      </c>
      <c r="AR6" s="254">
        <v>27</v>
      </c>
      <c r="AS6" s="251">
        <v>290</v>
      </c>
      <c r="AT6" s="256">
        <v>292</v>
      </c>
      <c r="AU6" s="250">
        <v>11</v>
      </c>
      <c r="AV6" s="254">
        <v>7</v>
      </c>
      <c r="AW6" s="251">
        <v>18</v>
      </c>
      <c r="AX6" s="253">
        <v>0</v>
      </c>
      <c r="AY6" s="254">
        <v>79</v>
      </c>
      <c r="AZ6" s="254">
        <v>84</v>
      </c>
      <c r="BA6" s="254">
        <v>84</v>
      </c>
      <c r="BB6" s="254">
        <v>51</v>
      </c>
      <c r="BC6" s="254">
        <v>24</v>
      </c>
      <c r="BD6" s="251">
        <v>322</v>
      </c>
      <c r="BE6" s="256">
        <v>340</v>
      </c>
      <c r="BF6" s="250">
        <v>0</v>
      </c>
      <c r="BG6" s="254">
        <v>0</v>
      </c>
      <c r="BH6" s="251">
        <v>0</v>
      </c>
      <c r="BI6" s="253">
        <v>0</v>
      </c>
      <c r="BJ6" s="254">
        <v>98</v>
      </c>
      <c r="BK6" s="254">
        <v>141</v>
      </c>
      <c r="BL6" s="254">
        <v>147</v>
      </c>
      <c r="BM6" s="254">
        <v>115</v>
      </c>
      <c r="BN6" s="254">
        <v>81</v>
      </c>
      <c r="BO6" s="255">
        <v>582</v>
      </c>
      <c r="BP6" s="256">
        <v>582</v>
      </c>
      <c r="BQ6" s="250">
        <v>0</v>
      </c>
      <c r="BR6" s="254">
        <v>0</v>
      </c>
      <c r="BS6" s="251">
        <v>0</v>
      </c>
      <c r="BT6" s="253">
        <v>0</v>
      </c>
      <c r="BU6" s="254">
        <v>3</v>
      </c>
      <c r="BV6" s="254">
        <v>6</v>
      </c>
      <c r="BW6" s="254">
        <v>8</v>
      </c>
      <c r="BX6" s="254">
        <v>3</v>
      </c>
      <c r="BY6" s="254">
        <v>5</v>
      </c>
      <c r="BZ6" s="251">
        <v>25</v>
      </c>
      <c r="CA6" s="256">
        <v>25</v>
      </c>
      <c r="CB6" s="250">
        <v>0</v>
      </c>
      <c r="CC6" s="254">
        <v>0</v>
      </c>
      <c r="CD6" s="251">
        <v>0</v>
      </c>
      <c r="CE6" s="253">
        <v>0</v>
      </c>
      <c r="CF6" s="254">
        <v>0</v>
      </c>
      <c r="CG6" s="254">
        <v>3</v>
      </c>
      <c r="CH6" s="254">
        <v>14</v>
      </c>
      <c r="CI6" s="254">
        <v>26</v>
      </c>
      <c r="CJ6" s="254">
        <v>9</v>
      </c>
      <c r="CK6" s="251">
        <v>52</v>
      </c>
      <c r="CL6" s="256">
        <v>52</v>
      </c>
      <c r="CM6" s="250">
        <v>0</v>
      </c>
      <c r="CN6" s="254">
        <v>0</v>
      </c>
      <c r="CO6" s="251">
        <v>0</v>
      </c>
      <c r="CP6" s="253">
        <v>0</v>
      </c>
      <c r="CQ6" s="254">
        <v>20</v>
      </c>
      <c r="CR6" s="254">
        <v>19</v>
      </c>
      <c r="CS6" s="254">
        <v>19</v>
      </c>
      <c r="CT6" s="254">
        <v>29</v>
      </c>
      <c r="CU6" s="254">
        <v>36</v>
      </c>
      <c r="CV6" s="251">
        <v>123</v>
      </c>
      <c r="CW6" s="256">
        <v>123</v>
      </c>
    </row>
    <row r="7" spans="1:101" ht="21" customHeight="1" x14ac:dyDescent="0.2">
      <c r="B7" s="471" t="s">
        <v>5</v>
      </c>
      <c r="C7" s="257">
        <v>0</v>
      </c>
      <c r="D7" s="258">
        <v>0</v>
      </c>
      <c r="E7" s="259">
        <v>0</v>
      </c>
      <c r="F7" s="260">
        <v>0</v>
      </c>
      <c r="G7" s="261">
        <v>6</v>
      </c>
      <c r="H7" s="261">
        <v>13</v>
      </c>
      <c r="I7" s="261">
        <v>11</v>
      </c>
      <c r="J7" s="261">
        <v>17</v>
      </c>
      <c r="K7" s="261">
        <v>8</v>
      </c>
      <c r="L7" s="262">
        <v>55</v>
      </c>
      <c r="M7" s="263">
        <v>55</v>
      </c>
      <c r="N7" s="257">
        <v>0</v>
      </c>
      <c r="O7" s="261">
        <v>0</v>
      </c>
      <c r="P7" s="258">
        <v>0</v>
      </c>
      <c r="Q7" s="260">
        <v>0</v>
      </c>
      <c r="R7" s="261">
        <v>8</v>
      </c>
      <c r="S7" s="261">
        <v>26</v>
      </c>
      <c r="T7" s="261">
        <v>29</v>
      </c>
      <c r="U7" s="261">
        <v>29</v>
      </c>
      <c r="V7" s="261">
        <v>20</v>
      </c>
      <c r="W7" s="258">
        <v>112</v>
      </c>
      <c r="X7" s="263">
        <v>112</v>
      </c>
      <c r="Y7" s="257">
        <v>0</v>
      </c>
      <c r="Z7" s="261">
        <v>0</v>
      </c>
      <c r="AA7" s="258">
        <v>0</v>
      </c>
      <c r="AB7" s="260">
        <v>0</v>
      </c>
      <c r="AC7" s="261">
        <v>394</v>
      </c>
      <c r="AD7" s="261">
        <v>407</v>
      </c>
      <c r="AE7" s="261">
        <v>190</v>
      </c>
      <c r="AF7" s="261">
        <v>81</v>
      </c>
      <c r="AG7" s="261">
        <v>43</v>
      </c>
      <c r="AH7" s="258">
        <v>1115</v>
      </c>
      <c r="AI7" s="263">
        <v>1115</v>
      </c>
      <c r="AJ7" s="257">
        <v>0</v>
      </c>
      <c r="AK7" s="261">
        <v>0</v>
      </c>
      <c r="AL7" s="258">
        <v>0</v>
      </c>
      <c r="AM7" s="260">
        <v>0</v>
      </c>
      <c r="AN7" s="261">
        <v>37</v>
      </c>
      <c r="AO7" s="261">
        <v>32</v>
      </c>
      <c r="AP7" s="261">
        <v>51</v>
      </c>
      <c r="AQ7" s="261">
        <v>19</v>
      </c>
      <c r="AR7" s="261">
        <v>13</v>
      </c>
      <c r="AS7" s="258">
        <v>152</v>
      </c>
      <c r="AT7" s="263">
        <v>152</v>
      </c>
      <c r="AU7" s="257">
        <v>5</v>
      </c>
      <c r="AV7" s="261">
        <v>5</v>
      </c>
      <c r="AW7" s="258">
        <v>10</v>
      </c>
      <c r="AX7" s="260">
        <v>0</v>
      </c>
      <c r="AY7" s="261">
        <v>25</v>
      </c>
      <c r="AZ7" s="261">
        <v>35</v>
      </c>
      <c r="BA7" s="261">
        <v>32</v>
      </c>
      <c r="BB7" s="261">
        <v>18</v>
      </c>
      <c r="BC7" s="261">
        <v>12</v>
      </c>
      <c r="BD7" s="258">
        <v>122</v>
      </c>
      <c r="BE7" s="263">
        <v>132</v>
      </c>
      <c r="BF7" s="257">
        <v>0</v>
      </c>
      <c r="BG7" s="261">
        <v>0</v>
      </c>
      <c r="BH7" s="258">
        <v>0</v>
      </c>
      <c r="BI7" s="260">
        <v>0</v>
      </c>
      <c r="BJ7" s="261">
        <v>32</v>
      </c>
      <c r="BK7" s="261">
        <v>57</v>
      </c>
      <c r="BL7" s="261">
        <v>45</v>
      </c>
      <c r="BM7" s="261">
        <v>49</v>
      </c>
      <c r="BN7" s="261">
        <v>34</v>
      </c>
      <c r="BO7" s="262">
        <v>217</v>
      </c>
      <c r="BP7" s="263">
        <v>217</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3</v>
      </c>
      <c r="CI7" s="261">
        <v>4</v>
      </c>
      <c r="CJ7" s="261">
        <v>2</v>
      </c>
      <c r="CK7" s="258">
        <v>10</v>
      </c>
      <c r="CL7" s="263">
        <v>10</v>
      </c>
      <c r="CM7" s="257">
        <v>0</v>
      </c>
      <c r="CN7" s="261">
        <v>0</v>
      </c>
      <c r="CO7" s="258">
        <v>0</v>
      </c>
      <c r="CP7" s="260">
        <v>0</v>
      </c>
      <c r="CQ7" s="261">
        <v>3</v>
      </c>
      <c r="CR7" s="261">
        <v>3</v>
      </c>
      <c r="CS7" s="261">
        <v>5</v>
      </c>
      <c r="CT7" s="261">
        <v>4</v>
      </c>
      <c r="CU7" s="261">
        <v>19</v>
      </c>
      <c r="CV7" s="258">
        <v>34</v>
      </c>
      <c r="CW7" s="263">
        <v>34</v>
      </c>
    </row>
    <row r="8" spans="1:101" ht="21" customHeight="1" x14ac:dyDescent="0.2">
      <c r="B8" s="472" t="s">
        <v>6</v>
      </c>
      <c r="C8" s="257">
        <v>0</v>
      </c>
      <c r="D8" s="258">
        <v>0</v>
      </c>
      <c r="E8" s="259">
        <v>0</v>
      </c>
      <c r="F8" s="260">
        <v>0</v>
      </c>
      <c r="G8" s="261">
        <v>3</v>
      </c>
      <c r="H8" s="261">
        <v>3</v>
      </c>
      <c r="I8" s="261">
        <v>7</v>
      </c>
      <c r="J8" s="261">
        <v>5</v>
      </c>
      <c r="K8" s="261">
        <v>6</v>
      </c>
      <c r="L8" s="262">
        <v>24</v>
      </c>
      <c r="M8" s="263">
        <v>24</v>
      </c>
      <c r="N8" s="257">
        <v>0</v>
      </c>
      <c r="O8" s="261">
        <v>0</v>
      </c>
      <c r="P8" s="258">
        <v>0</v>
      </c>
      <c r="Q8" s="260">
        <v>0</v>
      </c>
      <c r="R8" s="261">
        <v>3</v>
      </c>
      <c r="S8" s="261">
        <v>5</v>
      </c>
      <c r="T8" s="261">
        <v>7</v>
      </c>
      <c r="U8" s="261">
        <v>4</v>
      </c>
      <c r="V8" s="261">
        <v>5</v>
      </c>
      <c r="W8" s="258">
        <v>24</v>
      </c>
      <c r="X8" s="263">
        <v>24</v>
      </c>
      <c r="Y8" s="257">
        <v>0</v>
      </c>
      <c r="Z8" s="261">
        <v>0</v>
      </c>
      <c r="AA8" s="258">
        <v>0</v>
      </c>
      <c r="AB8" s="260">
        <v>0</v>
      </c>
      <c r="AC8" s="261">
        <v>109</v>
      </c>
      <c r="AD8" s="261">
        <v>69</v>
      </c>
      <c r="AE8" s="261">
        <v>39</v>
      </c>
      <c r="AF8" s="261">
        <v>20</v>
      </c>
      <c r="AG8" s="261">
        <v>9</v>
      </c>
      <c r="AH8" s="258">
        <v>246</v>
      </c>
      <c r="AI8" s="263">
        <v>246</v>
      </c>
      <c r="AJ8" s="257">
        <v>0</v>
      </c>
      <c r="AK8" s="261">
        <v>0</v>
      </c>
      <c r="AL8" s="258">
        <v>0</v>
      </c>
      <c r="AM8" s="260">
        <v>0</v>
      </c>
      <c r="AN8" s="261">
        <v>14</v>
      </c>
      <c r="AO8" s="261">
        <v>12</v>
      </c>
      <c r="AP8" s="261">
        <v>8</v>
      </c>
      <c r="AQ8" s="261">
        <v>4</v>
      </c>
      <c r="AR8" s="261">
        <v>6</v>
      </c>
      <c r="AS8" s="258">
        <v>44</v>
      </c>
      <c r="AT8" s="263">
        <v>44</v>
      </c>
      <c r="AU8" s="257">
        <v>2</v>
      </c>
      <c r="AV8" s="261">
        <v>0</v>
      </c>
      <c r="AW8" s="258">
        <v>2</v>
      </c>
      <c r="AX8" s="260">
        <v>0</v>
      </c>
      <c r="AY8" s="261">
        <v>13</v>
      </c>
      <c r="AZ8" s="261">
        <v>11</v>
      </c>
      <c r="BA8" s="261">
        <v>9</v>
      </c>
      <c r="BB8" s="261">
        <v>12</v>
      </c>
      <c r="BC8" s="261">
        <v>4</v>
      </c>
      <c r="BD8" s="258">
        <v>49</v>
      </c>
      <c r="BE8" s="263">
        <v>51</v>
      </c>
      <c r="BF8" s="257">
        <v>0</v>
      </c>
      <c r="BG8" s="261">
        <v>0</v>
      </c>
      <c r="BH8" s="258">
        <v>0</v>
      </c>
      <c r="BI8" s="260">
        <v>0</v>
      </c>
      <c r="BJ8" s="261">
        <v>24</v>
      </c>
      <c r="BK8" s="261">
        <v>23</v>
      </c>
      <c r="BL8" s="261">
        <v>22</v>
      </c>
      <c r="BM8" s="261">
        <v>23</v>
      </c>
      <c r="BN8" s="261">
        <v>11</v>
      </c>
      <c r="BO8" s="262">
        <v>103</v>
      </c>
      <c r="BP8" s="263">
        <v>103</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5</v>
      </c>
      <c r="CI8" s="261">
        <v>8</v>
      </c>
      <c r="CJ8" s="261">
        <v>1</v>
      </c>
      <c r="CK8" s="258">
        <v>14</v>
      </c>
      <c r="CL8" s="263">
        <v>14</v>
      </c>
      <c r="CM8" s="257">
        <v>0</v>
      </c>
      <c r="CN8" s="261">
        <v>0</v>
      </c>
      <c r="CO8" s="258">
        <v>0</v>
      </c>
      <c r="CP8" s="260">
        <v>0</v>
      </c>
      <c r="CQ8" s="261">
        <v>7</v>
      </c>
      <c r="CR8" s="261">
        <v>2</v>
      </c>
      <c r="CS8" s="261">
        <v>1</v>
      </c>
      <c r="CT8" s="261">
        <v>7</v>
      </c>
      <c r="CU8" s="261">
        <v>4</v>
      </c>
      <c r="CV8" s="258">
        <v>21</v>
      </c>
      <c r="CW8" s="263">
        <v>21</v>
      </c>
    </row>
    <row r="9" spans="1:101" ht="21" customHeight="1" x14ac:dyDescent="0.2">
      <c r="B9" s="472" t="s">
        <v>14</v>
      </c>
      <c r="C9" s="257">
        <v>0</v>
      </c>
      <c r="D9" s="258">
        <v>0</v>
      </c>
      <c r="E9" s="259">
        <v>0</v>
      </c>
      <c r="F9" s="260">
        <v>0</v>
      </c>
      <c r="G9" s="261">
        <v>2</v>
      </c>
      <c r="H9" s="261">
        <v>2</v>
      </c>
      <c r="I9" s="261">
        <v>1</v>
      </c>
      <c r="J9" s="261">
        <v>0</v>
      </c>
      <c r="K9" s="261">
        <v>0</v>
      </c>
      <c r="L9" s="262">
        <v>5</v>
      </c>
      <c r="M9" s="263">
        <v>5</v>
      </c>
      <c r="N9" s="257">
        <v>0</v>
      </c>
      <c r="O9" s="261">
        <v>0</v>
      </c>
      <c r="P9" s="258">
        <v>0</v>
      </c>
      <c r="Q9" s="260">
        <v>0</v>
      </c>
      <c r="R9" s="261">
        <v>0</v>
      </c>
      <c r="S9" s="261">
        <v>0</v>
      </c>
      <c r="T9" s="261">
        <v>0</v>
      </c>
      <c r="U9" s="261">
        <v>0</v>
      </c>
      <c r="V9" s="261">
        <v>0</v>
      </c>
      <c r="W9" s="258">
        <v>0</v>
      </c>
      <c r="X9" s="263">
        <v>0</v>
      </c>
      <c r="Y9" s="257">
        <v>0</v>
      </c>
      <c r="Z9" s="261">
        <v>0</v>
      </c>
      <c r="AA9" s="258">
        <v>0</v>
      </c>
      <c r="AB9" s="260">
        <v>0</v>
      </c>
      <c r="AC9" s="261">
        <v>74</v>
      </c>
      <c r="AD9" s="261">
        <v>70</v>
      </c>
      <c r="AE9" s="261">
        <v>45</v>
      </c>
      <c r="AF9" s="261">
        <v>10</v>
      </c>
      <c r="AG9" s="261">
        <v>7</v>
      </c>
      <c r="AH9" s="258">
        <v>206</v>
      </c>
      <c r="AI9" s="263">
        <v>206</v>
      </c>
      <c r="AJ9" s="257">
        <v>0</v>
      </c>
      <c r="AK9" s="261">
        <v>0</v>
      </c>
      <c r="AL9" s="258">
        <v>0</v>
      </c>
      <c r="AM9" s="260">
        <v>0</v>
      </c>
      <c r="AN9" s="261">
        <v>1</v>
      </c>
      <c r="AO9" s="261">
        <v>4</v>
      </c>
      <c r="AP9" s="261">
        <v>2</v>
      </c>
      <c r="AQ9" s="261">
        <v>0</v>
      </c>
      <c r="AR9" s="261">
        <v>0</v>
      </c>
      <c r="AS9" s="258">
        <v>7</v>
      </c>
      <c r="AT9" s="263">
        <v>7</v>
      </c>
      <c r="AU9" s="257">
        <v>1</v>
      </c>
      <c r="AV9" s="261">
        <v>1</v>
      </c>
      <c r="AW9" s="258">
        <v>2</v>
      </c>
      <c r="AX9" s="260">
        <v>0</v>
      </c>
      <c r="AY9" s="261">
        <v>8</v>
      </c>
      <c r="AZ9" s="261">
        <v>8</v>
      </c>
      <c r="BA9" s="261">
        <v>5</v>
      </c>
      <c r="BB9" s="261">
        <v>2</v>
      </c>
      <c r="BC9" s="261">
        <v>3</v>
      </c>
      <c r="BD9" s="258">
        <v>26</v>
      </c>
      <c r="BE9" s="263">
        <v>28</v>
      </c>
      <c r="BF9" s="257">
        <v>0</v>
      </c>
      <c r="BG9" s="261">
        <v>0</v>
      </c>
      <c r="BH9" s="258">
        <v>0</v>
      </c>
      <c r="BI9" s="260">
        <v>0</v>
      </c>
      <c r="BJ9" s="261">
        <v>5</v>
      </c>
      <c r="BK9" s="261">
        <v>11</v>
      </c>
      <c r="BL9" s="261">
        <v>12</v>
      </c>
      <c r="BM9" s="261">
        <v>11</v>
      </c>
      <c r="BN9" s="261">
        <v>9</v>
      </c>
      <c r="BO9" s="262">
        <v>48</v>
      </c>
      <c r="BP9" s="263">
        <v>48</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2</v>
      </c>
      <c r="CJ9" s="261">
        <v>0</v>
      </c>
      <c r="CK9" s="258">
        <v>4</v>
      </c>
      <c r="CL9" s="263">
        <v>4</v>
      </c>
      <c r="CM9" s="257">
        <v>0</v>
      </c>
      <c r="CN9" s="261">
        <v>0</v>
      </c>
      <c r="CO9" s="258">
        <v>0</v>
      </c>
      <c r="CP9" s="260">
        <v>0</v>
      </c>
      <c r="CQ9" s="261">
        <v>1</v>
      </c>
      <c r="CR9" s="261">
        <v>4</v>
      </c>
      <c r="CS9" s="261">
        <v>0</v>
      </c>
      <c r="CT9" s="261">
        <v>3</v>
      </c>
      <c r="CU9" s="261">
        <v>1</v>
      </c>
      <c r="CV9" s="258">
        <v>9</v>
      </c>
      <c r="CW9" s="263">
        <v>9</v>
      </c>
    </row>
    <row r="10" spans="1:101" ht="21" customHeight="1" x14ac:dyDescent="0.2">
      <c r="B10" s="472" t="s">
        <v>7</v>
      </c>
      <c r="C10" s="257">
        <v>0</v>
      </c>
      <c r="D10" s="258">
        <v>0</v>
      </c>
      <c r="E10" s="259">
        <v>0</v>
      </c>
      <c r="F10" s="260">
        <v>0</v>
      </c>
      <c r="G10" s="261">
        <v>0</v>
      </c>
      <c r="H10" s="261">
        <v>0</v>
      </c>
      <c r="I10" s="261">
        <v>0</v>
      </c>
      <c r="J10" s="261">
        <v>0</v>
      </c>
      <c r="K10" s="261">
        <v>1</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83</v>
      </c>
      <c r="AD10" s="261">
        <v>54</v>
      </c>
      <c r="AE10" s="261">
        <v>22</v>
      </c>
      <c r="AF10" s="261">
        <v>8</v>
      </c>
      <c r="AG10" s="261">
        <v>5</v>
      </c>
      <c r="AH10" s="258">
        <v>172</v>
      </c>
      <c r="AI10" s="263">
        <v>172</v>
      </c>
      <c r="AJ10" s="257">
        <v>0</v>
      </c>
      <c r="AK10" s="261">
        <v>0</v>
      </c>
      <c r="AL10" s="258">
        <v>0</v>
      </c>
      <c r="AM10" s="260">
        <v>0</v>
      </c>
      <c r="AN10" s="261">
        <v>9</v>
      </c>
      <c r="AO10" s="261">
        <v>14</v>
      </c>
      <c r="AP10" s="261">
        <v>6</v>
      </c>
      <c r="AQ10" s="261">
        <v>7</v>
      </c>
      <c r="AR10" s="261">
        <v>2</v>
      </c>
      <c r="AS10" s="258">
        <v>38</v>
      </c>
      <c r="AT10" s="263">
        <v>38</v>
      </c>
      <c r="AU10" s="257">
        <v>0</v>
      </c>
      <c r="AV10" s="261">
        <v>0</v>
      </c>
      <c r="AW10" s="258">
        <v>0</v>
      </c>
      <c r="AX10" s="260">
        <v>0</v>
      </c>
      <c r="AY10" s="261">
        <v>5</v>
      </c>
      <c r="AZ10" s="261">
        <v>4</v>
      </c>
      <c r="BA10" s="261">
        <v>3</v>
      </c>
      <c r="BB10" s="261">
        <v>1</v>
      </c>
      <c r="BC10" s="261">
        <v>0</v>
      </c>
      <c r="BD10" s="258">
        <v>13</v>
      </c>
      <c r="BE10" s="263">
        <v>13</v>
      </c>
      <c r="BF10" s="257">
        <v>0</v>
      </c>
      <c r="BG10" s="261">
        <v>0</v>
      </c>
      <c r="BH10" s="258">
        <v>0</v>
      </c>
      <c r="BI10" s="260">
        <v>0</v>
      </c>
      <c r="BJ10" s="261">
        <v>8</v>
      </c>
      <c r="BK10" s="261">
        <v>4</v>
      </c>
      <c r="BL10" s="261">
        <v>18</v>
      </c>
      <c r="BM10" s="261">
        <v>3</v>
      </c>
      <c r="BN10" s="261">
        <v>4</v>
      </c>
      <c r="BO10" s="262">
        <v>37</v>
      </c>
      <c r="BP10" s="263">
        <v>37</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1</v>
      </c>
      <c r="CT10" s="261">
        <v>2</v>
      </c>
      <c r="CU10" s="261">
        <v>3</v>
      </c>
      <c r="CV10" s="258">
        <v>7</v>
      </c>
      <c r="CW10" s="263">
        <v>7</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6</v>
      </c>
      <c r="AD11" s="261">
        <v>30</v>
      </c>
      <c r="AE11" s="261">
        <v>13</v>
      </c>
      <c r="AF11" s="261">
        <v>6</v>
      </c>
      <c r="AG11" s="261">
        <v>3</v>
      </c>
      <c r="AH11" s="258">
        <v>98</v>
      </c>
      <c r="AI11" s="263">
        <v>98</v>
      </c>
      <c r="AJ11" s="257">
        <v>0</v>
      </c>
      <c r="AK11" s="261">
        <v>0</v>
      </c>
      <c r="AL11" s="258">
        <v>0</v>
      </c>
      <c r="AM11" s="260">
        <v>0</v>
      </c>
      <c r="AN11" s="261">
        <v>1</v>
      </c>
      <c r="AO11" s="261">
        <v>0</v>
      </c>
      <c r="AP11" s="261">
        <v>0</v>
      </c>
      <c r="AQ11" s="261">
        <v>0</v>
      </c>
      <c r="AR11" s="261">
        <v>1</v>
      </c>
      <c r="AS11" s="258">
        <v>2</v>
      </c>
      <c r="AT11" s="263">
        <v>2</v>
      </c>
      <c r="AU11" s="257">
        <v>0</v>
      </c>
      <c r="AV11" s="261">
        <v>1</v>
      </c>
      <c r="AW11" s="258">
        <v>1</v>
      </c>
      <c r="AX11" s="260">
        <v>0</v>
      </c>
      <c r="AY11" s="261">
        <v>1</v>
      </c>
      <c r="AZ11" s="261">
        <v>3</v>
      </c>
      <c r="BA11" s="261">
        <v>3</v>
      </c>
      <c r="BB11" s="261">
        <v>1</v>
      </c>
      <c r="BC11" s="261">
        <v>1</v>
      </c>
      <c r="BD11" s="258">
        <v>9</v>
      </c>
      <c r="BE11" s="263">
        <v>10</v>
      </c>
      <c r="BF11" s="257">
        <v>0</v>
      </c>
      <c r="BG11" s="261">
        <v>0</v>
      </c>
      <c r="BH11" s="258">
        <v>0</v>
      </c>
      <c r="BI11" s="260">
        <v>0</v>
      </c>
      <c r="BJ11" s="261">
        <v>5</v>
      </c>
      <c r="BK11" s="261">
        <v>3</v>
      </c>
      <c r="BL11" s="261">
        <v>4</v>
      </c>
      <c r="BM11" s="261">
        <v>4</v>
      </c>
      <c r="BN11" s="261">
        <v>1</v>
      </c>
      <c r="BO11" s="262">
        <v>17</v>
      </c>
      <c r="BP11" s="263">
        <v>17</v>
      </c>
      <c r="BQ11" s="257">
        <v>0</v>
      </c>
      <c r="BR11" s="261">
        <v>0</v>
      </c>
      <c r="BS11" s="258">
        <v>0</v>
      </c>
      <c r="BT11" s="260">
        <v>0</v>
      </c>
      <c r="BU11" s="261">
        <v>0</v>
      </c>
      <c r="BV11" s="261">
        <v>0</v>
      </c>
      <c r="BW11" s="261">
        <v>2</v>
      </c>
      <c r="BX11" s="261">
        <v>0</v>
      </c>
      <c r="BY11" s="261">
        <v>1</v>
      </c>
      <c r="BZ11" s="258">
        <v>3</v>
      </c>
      <c r="CA11" s="263">
        <v>3</v>
      </c>
      <c r="CB11" s="257">
        <v>0</v>
      </c>
      <c r="CC11" s="261">
        <v>0</v>
      </c>
      <c r="CD11" s="258">
        <v>0</v>
      </c>
      <c r="CE11" s="260">
        <v>0</v>
      </c>
      <c r="CF11" s="261">
        <v>0</v>
      </c>
      <c r="CG11" s="261">
        <v>0</v>
      </c>
      <c r="CH11" s="261">
        <v>0</v>
      </c>
      <c r="CI11" s="261">
        <v>1</v>
      </c>
      <c r="CJ11" s="261">
        <v>0</v>
      </c>
      <c r="CK11" s="258">
        <v>1</v>
      </c>
      <c r="CL11" s="263">
        <v>1</v>
      </c>
      <c r="CM11" s="257">
        <v>0</v>
      </c>
      <c r="CN11" s="261">
        <v>0</v>
      </c>
      <c r="CO11" s="258">
        <v>0</v>
      </c>
      <c r="CP11" s="260">
        <v>0</v>
      </c>
      <c r="CQ11" s="261">
        <v>3</v>
      </c>
      <c r="CR11" s="261">
        <v>0</v>
      </c>
      <c r="CS11" s="261">
        <v>2</v>
      </c>
      <c r="CT11" s="261">
        <v>2</v>
      </c>
      <c r="CU11" s="261">
        <v>1</v>
      </c>
      <c r="CV11" s="258">
        <v>8</v>
      </c>
      <c r="CW11" s="263">
        <v>8</v>
      </c>
    </row>
    <row r="12" spans="1:101" ht="21" customHeight="1" x14ac:dyDescent="0.2">
      <c r="B12" s="472" t="s">
        <v>9</v>
      </c>
      <c r="C12" s="257">
        <v>0</v>
      </c>
      <c r="D12" s="258">
        <v>0</v>
      </c>
      <c r="E12" s="259">
        <v>0</v>
      </c>
      <c r="F12" s="260">
        <v>0</v>
      </c>
      <c r="G12" s="261">
        <v>0</v>
      </c>
      <c r="H12" s="261">
        <v>0</v>
      </c>
      <c r="I12" s="261">
        <v>0</v>
      </c>
      <c r="J12" s="261">
        <v>0</v>
      </c>
      <c r="K12" s="261">
        <v>0</v>
      </c>
      <c r="L12" s="262">
        <v>0</v>
      </c>
      <c r="M12" s="263">
        <v>0</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9</v>
      </c>
      <c r="AD12" s="261">
        <v>27</v>
      </c>
      <c r="AE12" s="261">
        <v>15</v>
      </c>
      <c r="AF12" s="261">
        <v>8</v>
      </c>
      <c r="AG12" s="261">
        <v>2</v>
      </c>
      <c r="AH12" s="258">
        <v>101</v>
      </c>
      <c r="AI12" s="263">
        <v>101</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5</v>
      </c>
      <c r="BA12" s="261">
        <v>3</v>
      </c>
      <c r="BB12" s="261">
        <v>0</v>
      </c>
      <c r="BC12" s="261">
        <v>0</v>
      </c>
      <c r="BD12" s="258">
        <v>9</v>
      </c>
      <c r="BE12" s="263">
        <v>10</v>
      </c>
      <c r="BF12" s="257">
        <v>0</v>
      </c>
      <c r="BG12" s="261">
        <v>0</v>
      </c>
      <c r="BH12" s="258">
        <v>0</v>
      </c>
      <c r="BI12" s="260">
        <v>0</v>
      </c>
      <c r="BJ12" s="261">
        <v>2</v>
      </c>
      <c r="BK12" s="261">
        <v>3</v>
      </c>
      <c r="BL12" s="261">
        <v>8</v>
      </c>
      <c r="BM12" s="261">
        <v>2</v>
      </c>
      <c r="BN12" s="261">
        <v>2</v>
      </c>
      <c r="BO12" s="262">
        <v>17</v>
      </c>
      <c r="BP12" s="263">
        <v>17</v>
      </c>
      <c r="BQ12" s="257">
        <v>0</v>
      </c>
      <c r="BR12" s="261">
        <v>0</v>
      </c>
      <c r="BS12" s="258">
        <v>0</v>
      </c>
      <c r="BT12" s="260">
        <v>0</v>
      </c>
      <c r="BU12" s="261">
        <v>1</v>
      </c>
      <c r="BV12" s="261">
        <v>0</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2</v>
      </c>
      <c r="CT12" s="261">
        <v>1</v>
      </c>
      <c r="CU12" s="261">
        <v>2</v>
      </c>
      <c r="CV12" s="258">
        <v>6</v>
      </c>
      <c r="CW12" s="263">
        <v>6</v>
      </c>
    </row>
    <row r="13" spans="1:101" ht="21" customHeight="1" x14ac:dyDescent="0.2">
      <c r="B13" s="472" t="s">
        <v>10</v>
      </c>
      <c r="C13" s="257">
        <v>0</v>
      </c>
      <c r="D13" s="258">
        <v>0</v>
      </c>
      <c r="E13" s="259">
        <v>0</v>
      </c>
      <c r="F13" s="260">
        <v>0</v>
      </c>
      <c r="G13" s="261">
        <v>3</v>
      </c>
      <c r="H13" s="261">
        <v>2</v>
      </c>
      <c r="I13" s="261">
        <v>2</v>
      </c>
      <c r="J13" s="261">
        <v>0</v>
      </c>
      <c r="K13" s="261">
        <v>0</v>
      </c>
      <c r="L13" s="262">
        <v>7</v>
      </c>
      <c r="M13" s="263">
        <v>7</v>
      </c>
      <c r="N13" s="257">
        <v>0</v>
      </c>
      <c r="O13" s="261">
        <v>0</v>
      </c>
      <c r="P13" s="258">
        <v>0</v>
      </c>
      <c r="Q13" s="260">
        <v>0</v>
      </c>
      <c r="R13" s="261">
        <v>1</v>
      </c>
      <c r="S13" s="261">
        <v>0</v>
      </c>
      <c r="T13" s="261">
        <v>2</v>
      </c>
      <c r="U13" s="261">
        <v>0</v>
      </c>
      <c r="V13" s="261">
        <v>0</v>
      </c>
      <c r="W13" s="258">
        <v>3</v>
      </c>
      <c r="X13" s="263">
        <v>3</v>
      </c>
      <c r="Y13" s="257">
        <v>0</v>
      </c>
      <c r="Z13" s="261">
        <v>0</v>
      </c>
      <c r="AA13" s="258">
        <v>0</v>
      </c>
      <c r="AB13" s="260">
        <v>0</v>
      </c>
      <c r="AC13" s="261">
        <v>41</v>
      </c>
      <c r="AD13" s="261">
        <v>24</v>
      </c>
      <c r="AE13" s="261">
        <v>7</v>
      </c>
      <c r="AF13" s="261">
        <v>5</v>
      </c>
      <c r="AG13" s="261">
        <v>0</v>
      </c>
      <c r="AH13" s="258">
        <v>77</v>
      </c>
      <c r="AI13" s="263">
        <v>77</v>
      </c>
      <c r="AJ13" s="257">
        <v>0</v>
      </c>
      <c r="AK13" s="261">
        <v>0</v>
      </c>
      <c r="AL13" s="258">
        <v>0</v>
      </c>
      <c r="AM13" s="260">
        <v>0</v>
      </c>
      <c r="AN13" s="261">
        <v>4</v>
      </c>
      <c r="AO13" s="261">
        <v>1</v>
      </c>
      <c r="AP13" s="261">
        <v>2</v>
      </c>
      <c r="AQ13" s="261">
        <v>1</v>
      </c>
      <c r="AR13" s="261">
        <v>2</v>
      </c>
      <c r="AS13" s="258">
        <v>10</v>
      </c>
      <c r="AT13" s="263">
        <v>10</v>
      </c>
      <c r="AU13" s="257">
        <v>0</v>
      </c>
      <c r="AV13" s="261">
        <v>0</v>
      </c>
      <c r="AW13" s="258">
        <v>0</v>
      </c>
      <c r="AX13" s="260">
        <v>0</v>
      </c>
      <c r="AY13" s="261">
        <v>3</v>
      </c>
      <c r="AZ13" s="261">
        <v>3</v>
      </c>
      <c r="BA13" s="261">
        <v>4</v>
      </c>
      <c r="BB13" s="261">
        <v>3</v>
      </c>
      <c r="BC13" s="261">
        <v>1</v>
      </c>
      <c r="BD13" s="258">
        <v>14</v>
      </c>
      <c r="BE13" s="263">
        <v>14</v>
      </c>
      <c r="BF13" s="257">
        <v>0</v>
      </c>
      <c r="BG13" s="261">
        <v>0</v>
      </c>
      <c r="BH13" s="258">
        <v>0</v>
      </c>
      <c r="BI13" s="260">
        <v>0</v>
      </c>
      <c r="BJ13" s="261">
        <v>5</v>
      </c>
      <c r="BK13" s="261">
        <v>10</v>
      </c>
      <c r="BL13" s="261">
        <v>10</v>
      </c>
      <c r="BM13" s="261">
        <v>3</v>
      </c>
      <c r="BN13" s="261">
        <v>5</v>
      </c>
      <c r="BO13" s="262">
        <v>33</v>
      </c>
      <c r="BP13" s="263">
        <v>33</v>
      </c>
      <c r="BQ13" s="257">
        <v>0</v>
      </c>
      <c r="BR13" s="261">
        <v>0</v>
      </c>
      <c r="BS13" s="258">
        <v>0</v>
      </c>
      <c r="BT13" s="260">
        <v>0</v>
      </c>
      <c r="BU13" s="261">
        <v>2</v>
      </c>
      <c r="BV13" s="261">
        <v>2</v>
      </c>
      <c r="BW13" s="261">
        <v>6</v>
      </c>
      <c r="BX13" s="261">
        <v>0</v>
      </c>
      <c r="BY13" s="261">
        <v>3</v>
      </c>
      <c r="BZ13" s="258">
        <v>13</v>
      </c>
      <c r="CA13" s="263">
        <v>13</v>
      </c>
      <c r="CB13" s="257">
        <v>0</v>
      </c>
      <c r="CC13" s="261">
        <v>0</v>
      </c>
      <c r="CD13" s="258">
        <v>0</v>
      </c>
      <c r="CE13" s="260">
        <v>0</v>
      </c>
      <c r="CF13" s="261">
        <v>0</v>
      </c>
      <c r="CG13" s="261">
        <v>1</v>
      </c>
      <c r="CH13" s="261">
        <v>1</v>
      </c>
      <c r="CI13" s="261">
        <v>4</v>
      </c>
      <c r="CJ13" s="261">
        <v>3</v>
      </c>
      <c r="CK13" s="258">
        <v>9</v>
      </c>
      <c r="CL13" s="263">
        <v>9</v>
      </c>
      <c r="CM13" s="257">
        <v>0</v>
      </c>
      <c r="CN13" s="261">
        <v>0</v>
      </c>
      <c r="CO13" s="258">
        <v>0</v>
      </c>
      <c r="CP13" s="260">
        <v>0</v>
      </c>
      <c r="CQ13" s="261">
        <v>2</v>
      </c>
      <c r="CR13" s="261">
        <v>2</v>
      </c>
      <c r="CS13" s="261">
        <v>4</v>
      </c>
      <c r="CT13" s="261">
        <v>6</v>
      </c>
      <c r="CU13" s="261">
        <v>2</v>
      </c>
      <c r="CV13" s="258">
        <v>16</v>
      </c>
      <c r="CW13" s="263">
        <v>16</v>
      </c>
    </row>
    <row r="14" spans="1:101" ht="21" customHeight="1" x14ac:dyDescent="0.2">
      <c r="B14" s="472" t="s">
        <v>11</v>
      </c>
      <c r="C14" s="257">
        <v>0</v>
      </c>
      <c r="D14" s="258">
        <v>0</v>
      </c>
      <c r="E14" s="259">
        <v>0</v>
      </c>
      <c r="F14" s="260">
        <v>0</v>
      </c>
      <c r="G14" s="261">
        <v>1</v>
      </c>
      <c r="H14" s="261">
        <v>0</v>
      </c>
      <c r="I14" s="261">
        <v>1</v>
      </c>
      <c r="J14" s="261">
        <v>0</v>
      </c>
      <c r="K14" s="261">
        <v>1</v>
      </c>
      <c r="L14" s="262">
        <v>3</v>
      </c>
      <c r="M14" s="263">
        <v>3</v>
      </c>
      <c r="N14" s="257">
        <v>0</v>
      </c>
      <c r="O14" s="261">
        <v>0</v>
      </c>
      <c r="P14" s="258">
        <v>0</v>
      </c>
      <c r="Q14" s="260">
        <v>0</v>
      </c>
      <c r="R14" s="261">
        <v>0</v>
      </c>
      <c r="S14" s="261">
        <v>0</v>
      </c>
      <c r="T14" s="261">
        <v>0</v>
      </c>
      <c r="U14" s="261">
        <v>0</v>
      </c>
      <c r="V14" s="261">
        <v>0</v>
      </c>
      <c r="W14" s="258">
        <v>0</v>
      </c>
      <c r="X14" s="263">
        <v>0</v>
      </c>
      <c r="Y14" s="257">
        <v>0</v>
      </c>
      <c r="Z14" s="261">
        <v>0</v>
      </c>
      <c r="AA14" s="258">
        <v>0</v>
      </c>
      <c r="AB14" s="260">
        <v>0</v>
      </c>
      <c r="AC14" s="261">
        <v>16</v>
      </c>
      <c r="AD14" s="261">
        <v>10</v>
      </c>
      <c r="AE14" s="261">
        <v>4</v>
      </c>
      <c r="AF14" s="261">
        <v>2</v>
      </c>
      <c r="AG14" s="261">
        <v>1</v>
      </c>
      <c r="AH14" s="258">
        <v>33</v>
      </c>
      <c r="AI14" s="263">
        <v>33</v>
      </c>
      <c r="AJ14" s="257">
        <v>1</v>
      </c>
      <c r="AK14" s="261">
        <v>0</v>
      </c>
      <c r="AL14" s="258">
        <v>1</v>
      </c>
      <c r="AM14" s="260">
        <v>0</v>
      </c>
      <c r="AN14" s="261">
        <v>0</v>
      </c>
      <c r="AO14" s="261">
        <v>2</v>
      </c>
      <c r="AP14" s="261">
        <v>1</v>
      </c>
      <c r="AQ14" s="261">
        <v>0</v>
      </c>
      <c r="AR14" s="261">
        <v>0</v>
      </c>
      <c r="AS14" s="258">
        <v>3</v>
      </c>
      <c r="AT14" s="263">
        <v>4</v>
      </c>
      <c r="AU14" s="257">
        <v>0</v>
      </c>
      <c r="AV14" s="261">
        <v>0</v>
      </c>
      <c r="AW14" s="258">
        <v>0</v>
      </c>
      <c r="AX14" s="260">
        <v>0</v>
      </c>
      <c r="AY14" s="261">
        <v>0</v>
      </c>
      <c r="AZ14" s="261">
        <v>3</v>
      </c>
      <c r="BA14" s="261">
        <v>4</v>
      </c>
      <c r="BB14" s="261">
        <v>0</v>
      </c>
      <c r="BC14" s="261">
        <v>0</v>
      </c>
      <c r="BD14" s="258">
        <v>7</v>
      </c>
      <c r="BE14" s="263">
        <v>7</v>
      </c>
      <c r="BF14" s="257">
        <v>0</v>
      </c>
      <c r="BG14" s="261">
        <v>0</v>
      </c>
      <c r="BH14" s="258">
        <v>0</v>
      </c>
      <c r="BI14" s="260">
        <v>0</v>
      </c>
      <c r="BJ14" s="261">
        <v>0</v>
      </c>
      <c r="BK14" s="261">
        <v>2</v>
      </c>
      <c r="BL14" s="261">
        <v>2</v>
      </c>
      <c r="BM14" s="261">
        <v>4</v>
      </c>
      <c r="BN14" s="261">
        <v>1</v>
      </c>
      <c r="BO14" s="262">
        <v>9</v>
      </c>
      <c r="BP14" s="263">
        <v>9</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72" t="s">
        <v>12</v>
      </c>
      <c r="C15" s="257">
        <v>0</v>
      </c>
      <c r="D15" s="258">
        <v>0</v>
      </c>
      <c r="E15" s="259">
        <v>0</v>
      </c>
      <c r="F15" s="260">
        <v>0</v>
      </c>
      <c r="G15" s="261">
        <v>1</v>
      </c>
      <c r="H15" s="261">
        <v>1</v>
      </c>
      <c r="I15" s="261">
        <v>0</v>
      </c>
      <c r="J15" s="261">
        <v>1</v>
      </c>
      <c r="K15" s="261">
        <v>0</v>
      </c>
      <c r="L15" s="262">
        <v>3</v>
      </c>
      <c r="M15" s="263">
        <v>3</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6</v>
      </c>
      <c r="AD15" s="261">
        <v>20</v>
      </c>
      <c r="AE15" s="261">
        <v>12</v>
      </c>
      <c r="AF15" s="261">
        <v>7</v>
      </c>
      <c r="AG15" s="261">
        <v>2</v>
      </c>
      <c r="AH15" s="258">
        <v>67</v>
      </c>
      <c r="AI15" s="263">
        <v>67</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2</v>
      </c>
      <c r="AZ15" s="261">
        <v>0</v>
      </c>
      <c r="BA15" s="261">
        <v>4</v>
      </c>
      <c r="BB15" s="261">
        <v>3</v>
      </c>
      <c r="BC15" s="261">
        <v>2</v>
      </c>
      <c r="BD15" s="258">
        <v>11</v>
      </c>
      <c r="BE15" s="263">
        <v>11</v>
      </c>
      <c r="BF15" s="257">
        <v>0</v>
      </c>
      <c r="BG15" s="261">
        <v>0</v>
      </c>
      <c r="BH15" s="258">
        <v>0</v>
      </c>
      <c r="BI15" s="260">
        <v>0</v>
      </c>
      <c r="BJ15" s="261">
        <v>3</v>
      </c>
      <c r="BK15" s="261">
        <v>2</v>
      </c>
      <c r="BL15" s="261">
        <v>3</v>
      </c>
      <c r="BM15" s="261">
        <v>2</v>
      </c>
      <c r="BN15" s="261">
        <v>3</v>
      </c>
      <c r="BO15" s="262">
        <v>13</v>
      </c>
      <c r="BP15" s="263">
        <v>13</v>
      </c>
      <c r="BQ15" s="257">
        <v>0</v>
      </c>
      <c r="BR15" s="261">
        <v>0</v>
      </c>
      <c r="BS15" s="258">
        <v>0</v>
      </c>
      <c r="BT15" s="260">
        <v>0</v>
      </c>
      <c r="BU15" s="261">
        <v>0</v>
      </c>
      <c r="BV15" s="261">
        <v>4</v>
      </c>
      <c r="BW15" s="261">
        <v>0</v>
      </c>
      <c r="BX15" s="261">
        <v>1</v>
      </c>
      <c r="BY15" s="261">
        <v>1</v>
      </c>
      <c r="BZ15" s="258">
        <v>6</v>
      </c>
      <c r="CA15" s="263">
        <v>6</v>
      </c>
      <c r="CB15" s="257">
        <v>0</v>
      </c>
      <c r="CC15" s="261">
        <v>0</v>
      </c>
      <c r="CD15" s="258">
        <v>0</v>
      </c>
      <c r="CE15" s="260">
        <v>0</v>
      </c>
      <c r="CF15" s="261">
        <v>0</v>
      </c>
      <c r="CG15" s="261">
        <v>0</v>
      </c>
      <c r="CH15" s="261">
        <v>0</v>
      </c>
      <c r="CI15" s="261">
        <v>0</v>
      </c>
      <c r="CJ15" s="261">
        <v>1</v>
      </c>
      <c r="CK15" s="258">
        <v>1</v>
      </c>
      <c r="CL15" s="263">
        <v>1</v>
      </c>
      <c r="CM15" s="257">
        <v>0</v>
      </c>
      <c r="CN15" s="261">
        <v>0</v>
      </c>
      <c r="CO15" s="258">
        <v>0</v>
      </c>
      <c r="CP15" s="260">
        <v>0</v>
      </c>
      <c r="CQ15" s="261">
        <v>0</v>
      </c>
      <c r="CR15" s="261">
        <v>4</v>
      </c>
      <c r="CS15" s="261">
        <v>0</v>
      </c>
      <c r="CT15" s="261">
        <v>1</v>
      </c>
      <c r="CU15" s="261">
        <v>1</v>
      </c>
      <c r="CV15" s="258">
        <v>6</v>
      </c>
      <c r="CW15" s="263">
        <v>6</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7</v>
      </c>
      <c r="AD16" s="261">
        <v>14</v>
      </c>
      <c r="AE16" s="261">
        <v>7</v>
      </c>
      <c r="AF16" s="261">
        <v>2</v>
      </c>
      <c r="AG16" s="261">
        <v>2</v>
      </c>
      <c r="AH16" s="258">
        <v>42</v>
      </c>
      <c r="AI16" s="263">
        <v>42</v>
      </c>
      <c r="AJ16" s="257">
        <v>0</v>
      </c>
      <c r="AK16" s="261">
        <v>0</v>
      </c>
      <c r="AL16" s="258">
        <v>0</v>
      </c>
      <c r="AM16" s="260">
        <v>0</v>
      </c>
      <c r="AN16" s="261">
        <v>0</v>
      </c>
      <c r="AO16" s="261">
        <v>2</v>
      </c>
      <c r="AP16" s="261">
        <v>1</v>
      </c>
      <c r="AQ16" s="261">
        <v>1</v>
      </c>
      <c r="AR16" s="261">
        <v>1</v>
      </c>
      <c r="AS16" s="258">
        <v>5</v>
      </c>
      <c r="AT16" s="263">
        <v>5</v>
      </c>
      <c r="AU16" s="257">
        <v>0</v>
      </c>
      <c r="AV16" s="261">
        <v>0</v>
      </c>
      <c r="AW16" s="258">
        <v>0</v>
      </c>
      <c r="AX16" s="260">
        <v>0</v>
      </c>
      <c r="AY16" s="261">
        <v>0</v>
      </c>
      <c r="AZ16" s="261">
        <v>3</v>
      </c>
      <c r="BA16" s="261">
        <v>0</v>
      </c>
      <c r="BB16" s="261">
        <v>0</v>
      </c>
      <c r="BC16" s="261">
        <v>0</v>
      </c>
      <c r="BD16" s="258">
        <v>3</v>
      </c>
      <c r="BE16" s="263">
        <v>3</v>
      </c>
      <c r="BF16" s="257">
        <v>0</v>
      </c>
      <c r="BG16" s="261">
        <v>0</v>
      </c>
      <c r="BH16" s="258">
        <v>0</v>
      </c>
      <c r="BI16" s="260">
        <v>0</v>
      </c>
      <c r="BJ16" s="261">
        <v>0</v>
      </c>
      <c r="BK16" s="261">
        <v>2</v>
      </c>
      <c r="BL16" s="261">
        <v>0</v>
      </c>
      <c r="BM16" s="261">
        <v>1</v>
      </c>
      <c r="BN16" s="261">
        <v>0</v>
      </c>
      <c r="BO16" s="262">
        <v>3</v>
      </c>
      <c r="BP16" s="263">
        <v>3</v>
      </c>
      <c r="BQ16" s="257">
        <v>0</v>
      </c>
      <c r="BR16" s="261">
        <v>0</v>
      </c>
      <c r="BS16" s="258">
        <v>0</v>
      </c>
      <c r="BT16" s="260">
        <v>0</v>
      </c>
      <c r="BU16" s="261">
        <v>0</v>
      </c>
      <c r="BV16" s="261">
        <v>0</v>
      </c>
      <c r="BW16" s="261">
        <v>0</v>
      </c>
      <c r="BX16" s="261">
        <v>2</v>
      </c>
      <c r="BY16" s="261">
        <v>0</v>
      </c>
      <c r="BZ16" s="258">
        <v>2</v>
      </c>
      <c r="CA16" s="263">
        <v>2</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0</v>
      </c>
      <c r="I17" s="261">
        <v>0</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1</v>
      </c>
      <c r="AD17" s="261">
        <v>6</v>
      </c>
      <c r="AE17" s="261">
        <v>3</v>
      </c>
      <c r="AF17" s="261">
        <v>2</v>
      </c>
      <c r="AG17" s="261">
        <v>2</v>
      </c>
      <c r="AH17" s="258">
        <v>24</v>
      </c>
      <c r="AI17" s="263">
        <v>24</v>
      </c>
      <c r="AJ17" s="257">
        <v>0</v>
      </c>
      <c r="AK17" s="261">
        <v>0</v>
      </c>
      <c r="AL17" s="258">
        <v>0</v>
      </c>
      <c r="AM17" s="260">
        <v>0</v>
      </c>
      <c r="AN17" s="261">
        <v>0</v>
      </c>
      <c r="AO17" s="261">
        <v>0</v>
      </c>
      <c r="AP17" s="261">
        <v>0</v>
      </c>
      <c r="AQ17" s="261">
        <v>1</v>
      </c>
      <c r="AR17" s="261">
        <v>0</v>
      </c>
      <c r="AS17" s="258">
        <v>1</v>
      </c>
      <c r="AT17" s="263">
        <v>1</v>
      </c>
      <c r="AU17" s="257">
        <v>0</v>
      </c>
      <c r="AV17" s="261">
        <v>0</v>
      </c>
      <c r="AW17" s="258">
        <v>0</v>
      </c>
      <c r="AX17" s="260">
        <v>0</v>
      </c>
      <c r="AY17" s="261">
        <v>1</v>
      </c>
      <c r="AZ17" s="261">
        <v>1</v>
      </c>
      <c r="BA17" s="261">
        <v>0</v>
      </c>
      <c r="BB17" s="261">
        <v>2</v>
      </c>
      <c r="BC17" s="261">
        <v>1</v>
      </c>
      <c r="BD17" s="258">
        <v>5</v>
      </c>
      <c r="BE17" s="263">
        <v>5</v>
      </c>
      <c r="BF17" s="257">
        <v>0</v>
      </c>
      <c r="BG17" s="261">
        <v>0</v>
      </c>
      <c r="BH17" s="258">
        <v>0</v>
      </c>
      <c r="BI17" s="260">
        <v>0</v>
      </c>
      <c r="BJ17" s="261">
        <v>3</v>
      </c>
      <c r="BK17" s="261">
        <v>0</v>
      </c>
      <c r="BL17" s="261">
        <v>1</v>
      </c>
      <c r="BM17" s="261">
        <v>0</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0</v>
      </c>
      <c r="K18" s="261">
        <v>0</v>
      </c>
      <c r="L18" s="262">
        <v>0</v>
      </c>
      <c r="M18" s="263">
        <v>0</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14</v>
      </c>
      <c r="AD18" s="261">
        <v>7</v>
      </c>
      <c r="AE18" s="261">
        <v>7</v>
      </c>
      <c r="AF18" s="261">
        <v>2</v>
      </c>
      <c r="AG18" s="261">
        <v>0</v>
      </c>
      <c r="AH18" s="258">
        <v>30</v>
      </c>
      <c r="AI18" s="263">
        <v>30</v>
      </c>
      <c r="AJ18" s="257">
        <v>0</v>
      </c>
      <c r="AK18" s="261">
        <v>0</v>
      </c>
      <c r="AL18" s="258">
        <v>0</v>
      </c>
      <c r="AM18" s="260">
        <v>0</v>
      </c>
      <c r="AN18" s="261">
        <v>0</v>
      </c>
      <c r="AO18" s="261">
        <v>0</v>
      </c>
      <c r="AP18" s="261">
        <v>1</v>
      </c>
      <c r="AQ18" s="261">
        <v>0</v>
      </c>
      <c r="AR18" s="261">
        <v>0</v>
      </c>
      <c r="AS18" s="258">
        <v>1</v>
      </c>
      <c r="AT18" s="263">
        <v>1</v>
      </c>
      <c r="AU18" s="257">
        <v>0</v>
      </c>
      <c r="AV18" s="261">
        <v>0</v>
      </c>
      <c r="AW18" s="258">
        <v>0</v>
      </c>
      <c r="AX18" s="260">
        <v>0</v>
      </c>
      <c r="AY18" s="261">
        <v>0</v>
      </c>
      <c r="AZ18" s="261">
        <v>0</v>
      </c>
      <c r="BA18" s="261">
        <v>2</v>
      </c>
      <c r="BB18" s="261">
        <v>1</v>
      </c>
      <c r="BC18" s="261">
        <v>0</v>
      </c>
      <c r="BD18" s="258">
        <v>3</v>
      </c>
      <c r="BE18" s="263">
        <v>3</v>
      </c>
      <c r="BF18" s="257">
        <v>0</v>
      </c>
      <c r="BG18" s="261">
        <v>0</v>
      </c>
      <c r="BH18" s="258">
        <v>0</v>
      </c>
      <c r="BI18" s="260">
        <v>0</v>
      </c>
      <c r="BJ18" s="261">
        <v>0</v>
      </c>
      <c r="BK18" s="261">
        <v>2</v>
      </c>
      <c r="BL18" s="261">
        <v>2</v>
      </c>
      <c r="BM18" s="261">
        <v>2</v>
      </c>
      <c r="BN18" s="261">
        <v>3</v>
      </c>
      <c r="BO18" s="262">
        <v>9</v>
      </c>
      <c r="BP18" s="263">
        <v>9</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72"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2</v>
      </c>
      <c r="AD19" s="261">
        <v>16</v>
      </c>
      <c r="AE19" s="261">
        <v>10</v>
      </c>
      <c r="AF19" s="261">
        <v>1</v>
      </c>
      <c r="AG19" s="261">
        <v>2</v>
      </c>
      <c r="AH19" s="258">
        <v>51</v>
      </c>
      <c r="AI19" s="263">
        <v>51</v>
      </c>
      <c r="AJ19" s="257">
        <v>0</v>
      </c>
      <c r="AK19" s="261">
        <v>0</v>
      </c>
      <c r="AL19" s="258">
        <v>0</v>
      </c>
      <c r="AM19" s="260">
        <v>0</v>
      </c>
      <c r="AN19" s="261">
        <v>3</v>
      </c>
      <c r="AO19" s="261">
        <v>1</v>
      </c>
      <c r="AP19" s="261">
        <v>1</v>
      </c>
      <c r="AQ19" s="261">
        <v>0</v>
      </c>
      <c r="AR19" s="261">
        <v>0</v>
      </c>
      <c r="AS19" s="258">
        <v>5</v>
      </c>
      <c r="AT19" s="263">
        <v>5</v>
      </c>
      <c r="AU19" s="257">
        <v>0</v>
      </c>
      <c r="AV19" s="261">
        <v>0</v>
      </c>
      <c r="AW19" s="258">
        <v>0</v>
      </c>
      <c r="AX19" s="260">
        <v>0</v>
      </c>
      <c r="AY19" s="261">
        <v>3</v>
      </c>
      <c r="AZ19" s="261">
        <v>1</v>
      </c>
      <c r="BA19" s="261">
        <v>3</v>
      </c>
      <c r="BB19" s="261">
        <v>3</v>
      </c>
      <c r="BC19" s="261">
        <v>0</v>
      </c>
      <c r="BD19" s="258">
        <v>10</v>
      </c>
      <c r="BE19" s="263">
        <v>10</v>
      </c>
      <c r="BF19" s="257">
        <v>0</v>
      </c>
      <c r="BG19" s="261">
        <v>0</v>
      </c>
      <c r="BH19" s="258">
        <v>0</v>
      </c>
      <c r="BI19" s="260">
        <v>0</v>
      </c>
      <c r="BJ19" s="261">
        <v>3</v>
      </c>
      <c r="BK19" s="261">
        <v>5</v>
      </c>
      <c r="BL19" s="261">
        <v>5</v>
      </c>
      <c r="BM19" s="261">
        <v>1</v>
      </c>
      <c r="BN19" s="261">
        <v>1</v>
      </c>
      <c r="BO19" s="262">
        <v>15</v>
      </c>
      <c r="BP19" s="263">
        <v>15</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0</v>
      </c>
      <c r="CK19" s="258">
        <v>3</v>
      </c>
      <c r="CL19" s="263">
        <v>3</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72"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0</v>
      </c>
      <c r="AD20" s="261">
        <v>13</v>
      </c>
      <c r="AE20" s="261">
        <v>6</v>
      </c>
      <c r="AF20" s="261">
        <v>2</v>
      </c>
      <c r="AG20" s="261">
        <v>0</v>
      </c>
      <c r="AH20" s="258">
        <v>41</v>
      </c>
      <c r="AI20" s="263">
        <v>41</v>
      </c>
      <c r="AJ20" s="257">
        <v>0</v>
      </c>
      <c r="AK20" s="261">
        <v>1</v>
      </c>
      <c r="AL20" s="258">
        <v>1</v>
      </c>
      <c r="AM20" s="260">
        <v>0</v>
      </c>
      <c r="AN20" s="261">
        <v>0</v>
      </c>
      <c r="AO20" s="261">
        <v>0</v>
      </c>
      <c r="AP20" s="261">
        <v>4</v>
      </c>
      <c r="AQ20" s="261">
        <v>0</v>
      </c>
      <c r="AR20" s="261">
        <v>1</v>
      </c>
      <c r="AS20" s="258">
        <v>5</v>
      </c>
      <c r="AT20" s="263">
        <v>6</v>
      </c>
      <c r="AU20" s="257">
        <v>1</v>
      </c>
      <c r="AV20" s="261">
        <v>0</v>
      </c>
      <c r="AW20" s="258">
        <v>1</v>
      </c>
      <c r="AX20" s="260">
        <v>0</v>
      </c>
      <c r="AY20" s="261">
        <v>5</v>
      </c>
      <c r="AZ20" s="261">
        <v>2</v>
      </c>
      <c r="BA20" s="261">
        <v>5</v>
      </c>
      <c r="BB20" s="261">
        <v>4</v>
      </c>
      <c r="BC20" s="261">
        <v>0</v>
      </c>
      <c r="BD20" s="258">
        <v>16</v>
      </c>
      <c r="BE20" s="263">
        <v>17</v>
      </c>
      <c r="BF20" s="257">
        <v>0</v>
      </c>
      <c r="BG20" s="261">
        <v>0</v>
      </c>
      <c r="BH20" s="258">
        <v>0</v>
      </c>
      <c r="BI20" s="260">
        <v>0</v>
      </c>
      <c r="BJ20" s="261">
        <v>1</v>
      </c>
      <c r="BK20" s="261">
        <v>4</v>
      </c>
      <c r="BL20" s="261">
        <v>4</v>
      </c>
      <c r="BM20" s="261">
        <v>2</v>
      </c>
      <c r="BN20" s="261">
        <v>2</v>
      </c>
      <c r="BO20" s="262">
        <v>13</v>
      </c>
      <c r="BP20" s="263">
        <v>13</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1</v>
      </c>
      <c r="CR20" s="261">
        <v>0</v>
      </c>
      <c r="CS20" s="261">
        <v>2</v>
      </c>
      <c r="CT20" s="261">
        <v>1</v>
      </c>
      <c r="CU20" s="261">
        <v>1</v>
      </c>
      <c r="CV20" s="258">
        <v>5</v>
      </c>
      <c r="CW20" s="263">
        <v>5</v>
      </c>
    </row>
    <row r="21" spans="2:101" ht="21" customHeight="1" x14ac:dyDescent="0.2">
      <c r="B21" s="472" t="s">
        <v>19</v>
      </c>
      <c r="C21" s="257">
        <v>0</v>
      </c>
      <c r="D21" s="258">
        <v>0</v>
      </c>
      <c r="E21" s="259">
        <v>0</v>
      </c>
      <c r="F21" s="260">
        <v>0</v>
      </c>
      <c r="G21" s="261">
        <v>1</v>
      </c>
      <c r="H21" s="261">
        <v>1</v>
      </c>
      <c r="I21" s="261">
        <v>0</v>
      </c>
      <c r="J21" s="261">
        <v>0</v>
      </c>
      <c r="K21" s="261">
        <v>0</v>
      </c>
      <c r="L21" s="262">
        <v>2</v>
      </c>
      <c r="M21" s="263">
        <v>2</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3</v>
      </c>
      <c r="AD21" s="261">
        <v>5</v>
      </c>
      <c r="AE21" s="261">
        <v>0</v>
      </c>
      <c r="AF21" s="261">
        <v>0</v>
      </c>
      <c r="AG21" s="261">
        <v>0</v>
      </c>
      <c r="AH21" s="258">
        <v>8</v>
      </c>
      <c r="AI21" s="263">
        <v>8</v>
      </c>
      <c r="AJ21" s="257">
        <v>0</v>
      </c>
      <c r="AK21" s="261">
        <v>0</v>
      </c>
      <c r="AL21" s="258">
        <v>0</v>
      </c>
      <c r="AM21" s="260">
        <v>0</v>
      </c>
      <c r="AN21" s="261">
        <v>1</v>
      </c>
      <c r="AO21" s="261">
        <v>5</v>
      </c>
      <c r="AP21" s="261">
        <v>1</v>
      </c>
      <c r="AQ21" s="261">
        <v>0</v>
      </c>
      <c r="AR21" s="261">
        <v>0</v>
      </c>
      <c r="AS21" s="258">
        <v>7</v>
      </c>
      <c r="AT21" s="263">
        <v>7</v>
      </c>
      <c r="AU21" s="257">
        <v>0</v>
      </c>
      <c r="AV21" s="261">
        <v>0</v>
      </c>
      <c r="AW21" s="258">
        <v>0</v>
      </c>
      <c r="AX21" s="260">
        <v>0</v>
      </c>
      <c r="AY21" s="261">
        <v>5</v>
      </c>
      <c r="AZ21" s="261">
        <v>1</v>
      </c>
      <c r="BA21" s="261">
        <v>2</v>
      </c>
      <c r="BB21" s="261">
        <v>1</v>
      </c>
      <c r="BC21" s="261">
        <v>0</v>
      </c>
      <c r="BD21" s="258">
        <v>9</v>
      </c>
      <c r="BE21" s="263">
        <v>9</v>
      </c>
      <c r="BF21" s="257">
        <v>0</v>
      </c>
      <c r="BG21" s="261">
        <v>0</v>
      </c>
      <c r="BH21" s="258">
        <v>0</v>
      </c>
      <c r="BI21" s="260">
        <v>0</v>
      </c>
      <c r="BJ21" s="261">
        <v>2</v>
      </c>
      <c r="BK21" s="261">
        <v>2</v>
      </c>
      <c r="BL21" s="261">
        <v>1</v>
      </c>
      <c r="BM21" s="261">
        <v>0</v>
      </c>
      <c r="BN21" s="261">
        <v>0</v>
      </c>
      <c r="BO21" s="262">
        <v>5</v>
      </c>
      <c r="BP21" s="263">
        <v>5</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1</v>
      </c>
      <c r="CS21" s="261">
        <v>0</v>
      </c>
      <c r="CT21" s="261">
        <v>1</v>
      </c>
      <c r="CU21" s="261">
        <v>1</v>
      </c>
      <c r="CV21" s="258">
        <v>3</v>
      </c>
      <c r="CW21" s="263">
        <v>3</v>
      </c>
    </row>
    <row r="22" spans="2:101" ht="21" customHeight="1" x14ac:dyDescent="0.2">
      <c r="B22" s="472"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2</v>
      </c>
      <c r="AD22" s="261">
        <v>7</v>
      </c>
      <c r="AE22" s="261">
        <v>7</v>
      </c>
      <c r="AF22" s="261">
        <v>3</v>
      </c>
      <c r="AG22" s="261">
        <v>1</v>
      </c>
      <c r="AH22" s="258">
        <v>30</v>
      </c>
      <c r="AI22" s="263">
        <v>30</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2</v>
      </c>
      <c r="AZ22" s="261">
        <v>0</v>
      </c>
      <c r="BA22" s="261">
        <v>1</v>
      </c>
      <c r="BB22" s="261">
        <v>0</v>
      </c>
      <c r="BC22" s="261">
        <v>0</v>
      </c>
      <c r="BD22" s="258">
        <v>3</v>
      </c>
      <c r="BE22" s="263">
        <v>3</v>
      </c>
      <c r="BF22" s="257">
        <v>0</v>
      </c>
      <c r="BG22" s="261">
        <v>0</v>
      </c>
      <c r="BH22" s="258">
        <v>0</v>
      </c>
      <c r="BI22" s="260">
        <v>0</v>
      </c>
      <c r="BJ22" s="261">
        <v>0</v>
      </c>
      <c r="BK22" s="261">
        <v>1</v>
      </c>
      <c r="BL22" s="261">
        <v>2</v>
      </c>
      <c r="BM22" s="261">
        <v>1</v>
      </c>
      <c r="BN22" s="261">
        <v>0</v>
      </c>
      <c r="BO22" s="262">
        <v>4</v>
      </c>
      <c r="BP22" s="263">
        <v>4</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1</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9</v>
      </c>
      <c r="AD23" s="261">
        <v>11</v>
      </c>
      <c r="AE23" s="261">
        <v>3</v>
      </c>
      <c r="AF23" s="261">
        <v>2</v>
      </c>
      <c r="AG23" s="261">
        <v>0</v>
      </c>
      <c r="AH23" s="258">
        <v>25</v>
      </c>
      <c r="AI23" s="263">
        <v>25</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3</v>
      </c>
      <c r="BB23" s="261">
        <v>0</v>
      </c>
      <c r="BC23" s="261">
        <v>0</v>
      </c>
      <c r="BD23" s="258">
        <v>3</v>
      </c>
      <c r="BE23" s="263">
        <v>3</v>
      </c>
      <c r="BF23" s="257">
        <v>0</v>
      </c>
      <c r="BG23" s="261">
        <v>0</v>
      </c>
      <c r="BH23" s="258">
        <v>0</v>
      </c>
      <c r="BI23" s="260">
        <v>0</v>
      </c>
      <c r="BJ23" s="261">
        <v>2</v>
      </c>
      <c r="BK23" s="261">
        <v>2</v>
      </c>
      <c r="BL23" s="261">
        <v>0</v>
      </c>
      <c r="BM23" s="261">
        <v>1</v>
      </c>
      <c r="BN23" s="261">
        <v>0</v>
      </c>
      <c r="BO23" s="262">
        <v>5</v>
      </c>
      <c r="BP23" s="263">
        <v>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4</v>
      </c>
      <c r="AD24" s="261">
        <v>3</v>
      </c>
      <c r="AE24" s="261">
        <v>1</v>
      </c>
      <c r="AF24" s="261">
        <v>2</v>
      </c>
      <c r="AG24" s="261">
        <v>0</v>
      </c>
      <c r="AH24" s="258">
        <v>10</v>
      </c>
      <c r="AI24" s="263">
        <v>10</v>
      </c>
      <c r="AJ24" s="257">
        <v>0</v>
      </c>
      <c r="AK24" s="261">
        <v>0</v>
      </c>
      <c r="AL24" s="258">
        <v>0</v>
      </c>
      <c r="AM24" s="260">
        <v>0</v>
      </c>
      <c r="AN24" s="261">
        <v>0</v>
      </c>
      <c r="AO24" s="261">
        <v>0</v>
      </c>
      <c r="AP24" s="261">
        <v>0</v>
      </c>
      <c r="AQ24" s="261">
        <v>1</v>
      </c>
      <c r="AR24" s="261">
        <v>0</v>
      </c>
      <c r="AS24" s="258">
        <v>1</v>
      </c>
      <c r="AT24" s="263">
        <v>1</v>
      </c>
      <c r="AU24" s="257">
        <v>0</v>
      </c>
      <c r="AV24" s="261">
        <v>0</v>
      </c>
      <c r="AW24" s="258">
        <v>0</v>
      </c>
      <c r="AX24" s="260">
        <v>0</v>
      </c>
      <c r="AY24" s="261">
        <v>4</v>
      </c>
      <c r="AZ24" s="261">
        <v>2</v>
      </c>
      <c r="BA24" s="261">
        <v>0</v>
      </c>
      <c r="BB24" s="261">
        <v>0</v>
      </c>
      <c r="BC24" s="261">
        <v>0</v>
      </c>
      <c r="BD24" s="258">
        <v>6</v>
      </c>
      <c r="BE24" s="263">
        <v>6</v>
      </c>
      <c r="BF24" s="257">
        <v>0</v>
      </c>
      <c r="BG24" s="261">
        <v>0</v>
      </c>
      <c r="BH24" s="258">
        <v>0</v>
      </c>
      <c r="BI24" s="260">
        <v>0</v>
      </c>
      <c r="BJ24" s="261">
        <v>1</v>
      </c>
      <c r="BK24" s="261">
        <v>2</v>
      </c>
      <c r="BL24" s="261">
        <v>1</v>
      </c>
      <c r="BM24" s="261">
        <v>0</v>
      </c>
      <c r="BN24" s="261">
        <v>0</v>
      </c>
      <c r="BO24" s="262">
        <v>4</v>
      </c>
      <c r="BP24" s="263">
        <v>4</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1</v>
      </c>
      <c r="CH24" s="261">
        <v>0</v>
      </c>
      <c r="CI24" s="261">
        <v>2</v>
      </c>
      <c r="CJ24" s="261">
        <v>0</v>
      </c>
      <c r="CK24" s="258">
        <v>3</v>
      </c>
      <c r="CL24" s="263">
        <v>3</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8</v>
      </c>
      <c r="AD25" s="261">
        <v>1</v>
      </c>
      <c r="AE25" s="261">
        <v>1</v>
      </c>
      <c r="AF25" s="261">
        <v>1</v>
      </c>
      <c r="AG25" s="261">
        <v>0</v>
      </c>
      <c r="AH25" s="258">
        <v>11</v>
      </c>
      <c r="AI25" s="263">
        <v>11</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1</v>
      </c>
      <c r="BL25" s="261">
        <v>2</v>
      </c>
      <c r="BM25" s="261">
        <v>3</v>
      </c>
      <c r="BN25" s="261">
        <v>1</v>
      </c>
      <c r="BO25" s="262">
        <v>8</v>
      </c>
      <c r="BP25" s="263">
        <v>8</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3</v>
      </c>
      <c r="AE26" s="261">
        <v>3</v>
      </c>
      <c r="AF26" s="261">
        <v>0</v>
      </c>
      <c r="AG26" s="261">
        <v>0</v>
      </c>
      <c r="AH26" s="258">
        <v>7</v>
      </c>
      <c r="AI26" s="263">
        <v>7</v>
      </c>
      <c r="AJ26" s="257">
        <v>0</v>
      </c>
      <c r="AK26" s="261">
        <v>0</v>
      </c>
      <c r="AL26" s="258">
        <v>0</v>
      </c>
      <c r="AM26" s="260">
        <v>0</v>
      </c>
      <c r="AN26" s="261">
        <v>1</v>
      </c>
      <c r="AO26" s="261">
        <v>0</v>
      </c>
      <c r="AP26" s="261">
        <v>1</v>
      </c>
      <c r="AQ26" s="261">
        <v>0</v>
      </c>
      <c r="AR26" s="261">
        <v>0</v>
      </c>
      <c r="AS26" s="258">
        <v>2</v>
      </c>
      <c r="AT26" s="263">
        <v>2</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0</v>
      </c>
      <c r="BL26" s="261">
        <v>2</v>
      </c>
      <c r="BM26" s="261">
        <v>0</v>
      </c>
      <c r="BN26" s="261">
        <v>1</v>
      </c>
      <c r="BO26" s="262">
        <v>3</v>
      </c>
      <c r="BP26" s="263">
        <v>3</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0</v>
      </c>
      <c r="AF27" s="261">
        <v>0</v>
      </c>
      <c r="AG27" s="261">
        <v>0</v>
      </c>
      <c r="AH27" s="258">
        <v>6</v>
      </c>
      <c r="AI27" s="263">
        <v>6</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6</v>
      </c>
      <c r="AE28" s="261">
        <v>1</v>
      </c>
      <c r="AF28" s="261">
        <v>0</v>
      </c>
      <c r="AG28" s="261">
        <v>1</v>
      </c>
      <c r="AH28" s="258">
        <v>11</v>
      </c>
      <c r="AI28" s="263">
        <v>11</v>
      </c>
      <c r="AJ28" s="257">
        <v>0</v>
      </c>
      <c r="AK28" s="261">
        <v>0</v>
      </c>
      <c r="AL28" s="258">
        <v>0</v>
      </c>
      <c r="AM28" s="260">
        <v>0</v>
      </c>
      <c r="AN28" s="261">
        <v>0</v>
      </c>
      <c r="AO28" s="261">
        <v>1</v>
      </c>
      <c r="AP28" s="261">
        <v>0</v>
      </c>
      <c r="AQ28" s="261">
        <v>0</v>
      </c>
      <c r="AR28" s="261">
        <v>0</v>
      </c>
      <c r="AS28" s="258">
        <v>1</v>
      </c>
      <c r="AT28" s="263">
        <v>1</v>
      </c>
      <c r="AU28" s="257">
        <v>0</v>
      </c>
      <c r="AV28" s="261">
        <v>0</v>
      </c>
      <c r="AW28" s="258">
        <v>0</v>
      </c>
      <c r="AX28" s="260">
        <v>0</v>
      </c>
      <c r="AY28" s="261">
        <v>0</v>
      </c>
      <c r="AZ28" s="261">
        <v>0</v>
      </c>
      <c r="BA28" s="261">
        <v>0</v>
      </c>
      <c r="BB28" s="261">
        <v>0</v>
      </c>
      <c r="BC28" s="261">
        <v>0</v>
      </c>
      <c r="BD28" s="258">
        <v>0</v>
      </c>
      <c r="BE28" s="263">
        <v>0</v>
      </c>
      <c r="BF28" s="257">
        <v>0</v>
      </c>
      <c r="BG28" s="261">
        <v>0</v>
      </c>
      <c r="BH28" s="258">
        <v>0</v>
      </c>
      <c r="BI28" s="260">
        <v>0</v>
      </c>
      <c r="BJ28" s="261">
        <v>0</v>
      </c>
      <c r="BK28" s="261">
        <v>1</v>
      </c>
      <c r="BL28" s="261">
        <v>1</v>
      </c>
      <c r="BM28" s="261">
        <v>1</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1</v>
      </c>
      <c r="AO29" s="261">
        <v>0</v>
      </c>
      <c r="AP29" s="261">
        <v>1</v>
      </c>
      <c r="AQ29" s="261">
        <v>1</v>
      </c>
      <c r="AR29" s="261">
        <v>0</v>
      </c>
      <c r="AS29" s="258">
        <v>3</v>
      </c>
      <c r="AT29" s="263">
        <v>3</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1</v>
      </c>
      <c r="BM29" s="261">
        <v>0</v>
      </c>
      <c r="BN29" s="261">
        <v>0</v>
      </c>
      <c r="BO29" s="262">
        <v>1</v>
      </c>
      <c r="BP29" s="263">
        <v>1</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1</v>
      </c>
      <c r="CK29" s="258">
        <v>2</v>
      </c>
      <c r="CL29" s="263">
        <v>2</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5</v>
      </c>
      <c r="AD30" s="261">
        <v>1</v>
      </c>
      <c r="AE30" s="261">
        <v>0</v>
      </c>
      <c r="AF30" s="261">
        <v>0</v>
      </c>
      <c r="AG30" s="261">
        <v>0</v>
      </c>
      <c r="AH30" s="258">
        <v>6</v>
      </c>
      <c r="AI30" s="263">
        <v>6</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2</v>
      </c>
      <c r="BO30" s="262">
        <v>2</v>
      </c>
      <c r="BP30" s="263">
        <v>2</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0</v>
      </c>
      <c r="H31" s="261">
        <v>0</v>
      </c>
      <c r="I31" s="261">
        <v>0</v>
      </c>
      <c r="J31" s="261">
        <v>0</v>
      </c>
      <c r="K31" s="261">
        <v>0</v>
      </c>
      <c r="L31" s="262">
        <v>0</v>
      </c>
      <c r="M31" s="263">
        <v>0</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1</v>
      </c>
      <c r="AE31" s="261">
        <v>0</v>
      </c>
      <c r="AF31" s="261">
        <v>0</v>
      </c>
      <c r="AG31" s="261">
        <v>0</v>
      </c>
      <c r="AH31" s="258">
        <v>3</v>
      </c>
      <c r="AI31" s="263">
        <v>3</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v>
      </c>
      <c r="AD32" s="261">
        <v>0</v>
      </c>
      <c r="AE32" s="261">
        <v>1</v>
      </c>
      <c r="AF32" s="261">
        <v>0</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0</v>
      </c>
      <c r="AD33" s="261">
        <v>2</v>
      </c>
      <c r="AE33" s="261">
        <v>1</v>
      </c>
      <c r="AF33" s="261">
        <v>0</v>
      </c>
      <c r="AG33" s="261">
        <v>0</v>
      </c>
      <c r="AH33" s="258">
        <v>3</v>
      </c>
      <c r="AI33" s="263">
        <v>3</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2</v>
      </c>
      <c r="BL33" s="261">
        <v>0</v>
      </c>
      <c r="BM33" s="261">
        <v>0</v>
      </c>
      <c r="BN33" s="261">
        <v>1</v>
      </c>
      <c r="BO33" s="262">
        <v>3</v>
      </c>
      <c r="BP33" s="263">
        <v>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0</v>
      </c>
      <c r="I34" s="261">
        <v>0</v>
      </c>
      <c r="J34" s="261">
        <v>0</v>
      </c>
      <c r="K34" s="261">
        <v>0</v>
      </c>
      <c r="L34" s="262">
        <v>0</v>
      </c>
      <c r="M34" s="263">
        <v>0</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2</v>
      </c>
      <c r="AD34" s="261">
        <v>2</v>
      </c>
      <c r="AE34" s="261">
        <v>2</v>
      </c>
      <c r="AF34" s="261">
        <v>0</v>
      </c>
      <c r="AG34" s="261">
        <v>1</v>
      </c>
      <c r="AH34" s="258">
        <v>7</v>
      </c>
      <c r="AI34" s="263">
        <v>7</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0</v>
      </c>
      <c r="CJ34" s="261">
        <v>0</v>
      </c>
      <c r="CK34" s="258">
        <v>1</v>
      </c>
      <c r="CL34" s="263">
        <v>1</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1</v>
      </c>
      <c r="CR35" s="261">
        <v>0</v>
      </c>
      <c r="CS35" s="261">
        <v>1</v>
      </c>
      <c r="CT35" s="261">
        <v>0</v>
      </c>
      <c r="CU35" s="261">
        <v>0</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0</v>
      </c>
      <c r="AG36" s="261">
        <v>0</v>
      </c>
      <c r="AH36" s="258">
        <v>2</v>
      </c>
      <c r="AI36" s="263">
        <v>2</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1</v>
      </c>
      <c r="BB36" s="261">
        <v>0</v>
      </c>
      <c r="BC36" s="261">
        <v>0</v>
      </c>
      <c r="BD36" s="258">
        <v>2</v>
      </c>
      <c r="BE36" s="263">
        <v>2</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row>
    <row r="37" spans="2:101" ht="21" customHeight="1" x14ac:dyDescent="0.2">
      <c r="B37" s="472"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1</v>
      </c>
      <c r="BA37" s="261">
        <v>0</v>
      </c>
      <c r="BB37" s="261">
        <v>0</v>
      </c>
      <c r="BC37" s="261">
        <v>0</v>
      </c>
      <c r="BD37" s="258">
        <v>1</v>
      </c>
      <c r="BE37" s="263">
        <v>1</v>
      </c>
      <c r="BF37" s="257">
        <v>0</v>
      </c>
      <c r="BG37" s="261">
        <v>0</v>
      </c>
      <c r="BH37" s="258">
        <v>0</v>
      </c>
      <c r="BI37" s="260">
        <v>0</v>
      </c>
      <c r="BJ37" s="261">
        <v>1</v>
      </c>
      <c r="BK37" s="261">
        <v>1</v>
      </c>
      <c r="BL37" s="261">
        <v>0</v>
      </c>
      <c r="BM37" s="261">
        <v>0</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2</v>
      </c>
      <c r="AD38" s="261">
        <v>1</v>
      </c>
      <c r="AE38" s="261">
        <v>1</v>
      </c>
      <c r="AF38" s="261">
        <v>1</v>
      </c>
      <c r="AG38" s="261">
        <v>0</v>
      </c>
      <c r="AH38" s="258">
        <v>5</v>
      </c>
      <c r="AI38" s="263">
        <v>5</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1</v>
      </c>
      <c r="BL38" s="261">
        <v>0</v>
      </c>
      <c r="BM38" s="261">
        <v>1</v>
      </c>
      <c r="BN38" s="261">
        <v>0</v>
      </c>
      <c r="BO38" s="262">
        <v>2</v>
      </c>
      <c r="BP38" s="263">
        <v>2</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8</v>
      </c>
      <c r="L1" s="504">
        <f>IF(K1&lt;3,K1+12-2,K1-2)</f>
        <v>6</v>
      </c>
      <c r="M1" s="504"/>
    </row>
    <row r="2" spans="1:101" s="272" customFormat="1" ht="24" customHeight="1" thickBot="1" x14ac:dyDescent="0.25">
      <c r="A2" s="39"/>
      <c r="B2" s="271" t="s">
        <v>154</v>
      </c>
    </row>
    <row r="3" spans="1:101" ht="21" customHeight="1" thickBot="1" x14ac:dyDescent="0.25">
      <c r="B3" s="512"/>
      <c r="C3" s="515" t="s">
        <v>94</v>
      </c>
      <c r="D3" s="516"/>
      <c r="E3" s="516"/>
      <c r="F3" s="516"/>
      <c r="G3" s="516"/>
      <c r="H3" s="516"/>
      <c r="I3" s="516"/>
      <c r="J3" s="516"/>
      <c r="K3" s="516"/>
      <c r="L3" s="516"/>
      <c r="M3" s="517"/>
      <c r="N3" s="515" t="s">
        <v>88</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327" t="s">
        <v>43</v>
      </c>
      <c r="D5" s="246" t="s">
        <v>44</v>
      </c>
      <c r="E5" s="247" t="s">
        <v>45</v>
      </c>
      <c r="F5" s="248" t="s">
        <v>83</v>
      </c>
      <c r="G5" s="243" t="s">
        <v>47</v>
      </c>
      <c r="H5" s="243" t="s">
        <v>48</v>
      </c>
      <c r="I5" s="243" t="s">
        <v>49</v>
      </c>
      <c r="J5" s="243" t="s">
        <v>50</v>
      </c>
      <c r="K5" s="243" t="s">
        <v>51</v>
      </c>
      <c r="L5" s="249" t="s">
        <v>45</v>
      </c>
      <c r="M5" s="506"/>
      <c r="N5" s="327" t="s">
        <v>43</v>
      </c>
      <c r="O5" s="243" t="s">
        <v>44</v>
      </c>
      <c r="P5" s="246" t="s">
        <v>45</v>
      </c>
      <c r="Q5" s="248" t="s">
        <v>83</v>
      </c>
      <c r="R5" s="243" t="s">
        <v>47</v>
      </c>
      <c r="S5" s="243" t="s">
        <v>48</v>
      </c>
      <c r="T5" s="243" t="s">
        <v>49</v>
      </c>
      <c r="U5" s="243" t="s">
        <v>50</v>
      </c>
      <c r="V5" s="243" t="s">
        <v>51</v>
      </c>
      <c r="W5" s="246" t="s">
        <v>45</v>
      </c>
      <c r="X5" s="506"/>
      <c r="Y5" s="327" t="s">
        <v>43</v>
      </c>
      <c r="Z5" s="243" t="s">
        <v>44</v>
      </c>
      <c r="AA5" s="246"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6" t="s">
        <v>45</v>
      </c>
      <c r="AX5" s="248" t="s">
        <v>83</v>
      </c>
      <c r="AY5" s="243" t="s">
        <v>47</v>
      </c>
      <c r="AZ5" s="243" t="s">
        <v>48</v>
      </c>
      <c r="BA5" s="243" t="s">
        <v>49</v>
      </c>
      <c r="BB5" s="243" t="s">
        <v>50</v>
      </c>
      <c r="BC5" s="243" t="s">
        <v>51</v>
      </c>
      <c r="BD5" s="246" t="s">
        <v>45</v>
      </c>
      <c r="BE5" s="539"/>
      <c r="BF5" s="327" t="s">
        <v>43</v>
      </c>
      <c r="BG5" s="243" t="s">
        <v>44</v>
      </c>
      <c r="BH5" s="246" t="s">
        <v>45</v>
      </c>
      <c r="BI5" s="248" t="s">
        <v>83</v>
      </c>
      <c r="BJ5" s="243" t="s">
        <v>47</v>
      </c>
      <c r="BK5" s="243" t="s">
        <v>48</v>
      </c>
      <c r="BL5" s="243" t="s">
        <v>49</v>
      </c>
      <c r="BM5" s="243" t="s">
        <v>50</v>
      </c>
      <c r="BN5" s="243" t="s">
        <v>51</v>
      </c>
      <c r="BO5" s="246" t="s">
        <v>45</v>
      </c>
      <c r="BP5" s="539"/>
      <c r="BQ5" s="327" t="s">
        <v>43</v>
      </c>
      <c r="BR5" s="243" t="s">
        <v>44</v>
      </c>
      <c r="BS5" s="246" t="s">
        <v>45</v>
      </c>
      <c r="BT5" s="248" t="s">
        <v>83</v>
      </c>
      <c r="BU5" s="243" t="s">
        <v>47</v>
      </c>
      <c r="BV5" s="243" t="s">
        <v>48</v>
      </c>
      <c r="BW5" s="243" t="s">
        <v>49</v>
      </c>
      <c r="BX5" s="243" t="s">
        <v>50</v>
      </c>
      <c r="BY5" s="243" t="s">
        <v>51</v>
      </c>
      <c r="BZ5" s="246" t="s">
        <v>45</v>
      </c>
      <c r="CA5" s="539"/>
      <c r="CB5" s="327" t="s">
        <v>43</v>
      </c>
      <c r="CC5" s="243" t="s">
        <v>44</v>
      </c>
      <c r="CD5" s="246" t="s">
        <v>45</v>
      </c>
      <c r="CE5" s="248" t="s">
        <v>83</v>
      </c>
      <c r="CF5" s="243" t="s">
        <v>47</v>
      </c>
      <c r="CG5" s="243" t="s">
        <v>48</v>
      </c>
      <c r="CH5" s="243" t="s">
        <v>49</v>
      </c>
      <c r="CI5" s="243" t="s">
        <v>50</v>
      </c>
      <c r="CJ5" s="243" t="s">
        <v>51</v>
      </c>
      <c r="CK5" s="246" t="s">
        <v>45</v>
      </c>
      <c r="CL5" s="539"/>
      <c r="CM5" s="327"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28</v>
      </c>
      <c r="H6" s="254">
        <v>26</v>
      </c>
      <c r="I6" s="254">
        <v>25</v>
      </c>
      <c r="J6" s="254">
        <v>28</v>
      </c>
      <c r="K6" s="254">
        <v>17</v>
      </c>
      <c r="L6" s="255">
        <v>124</v>
      </c>
      <c r="M6" s="256">
        <v>124</v>
      </c>
      <c r="N6" s="250">
        <v>0</v>
      </c>
      <c r="O6" s="254">
        <v>0</v>
      </c>
      <c r="P6" s="251">
        <v>0</v>
      </c>
      <c r="Q6" s="253">
        <v>0</v>
      </c>
      <c r="R6" s="254">
        <v>10</v>
      </c>
      <c r="S6" s="254">
        <v>23</v>
      </c>
      <c r="T6" s="254">
        <v>35</v>
      </c>
      <c r="U6" s="254">
        <v>29</v>
      </c>
      <c r="V6" s="254">
        <v>31</v>
      </c>
      <c r="W6" s="251">
        <v>128</v>
      </c>
      <c r="X6" s="256">
        <v>128</v>
      </c>
      <c r="Y6" s="250">
        <v>0</v>
      </c>
      <c r="Z6" s="254">
        <v>0</v>
      </c>
      <c r="AA6" s="251">
        <v>0</v>
      </c>
      <c r="AB6" s="253">
        <v>0</v>
      </c>
      <c r="AC6" s="254">
        <v>835</v>
      </c>
      <c r="AD6" s="254">
        <v>718</v>
      </c>
      <c r="AE6" s="254">
        <v>316</v>
      </c>
      <c r="AF6" s="254">
        <v>161</v>
      </c>
      <c r="AG6" s="254">
        <v>57</v>
      </c>
      <c r="AH6" s="251">
        <v>2087</v>
      </c>
      <c r="AI6" s="256">
        <v>2087</v>
      </c>
      <c r="AJ6" s="250">
        <v>1</v>
      </c>
      <c r="AK6" s="254">
        <v>0</v>
      </c>
      <c r="AL6" s="251">
        <v>1</v>
      </c>
      <c r="AM6" s="253">
        <v>0</v>
      </c>
      <c r="AN6" s="254">
        <v>55</v>
      </c>
      <c r="AO6" s="254">
        <v>63</v>
      </c>
      <c r="AP6" s="254">
        <v>74</v>
      </c>
      <c r="AQ6" s="254">
        <v>30</v>
      </c>
      <c r="AR6" s="254">
        <v>17</v>
      </c>
      <c r="AS6" s="251">
        <v>239</v>
      </c>
      <c r="AT6" s="256">
        <v>240</v>
      </c>
      <c r="AU6" s="250">
        <v>11</v>
      </c>
      <c r="AV6" s="254">
        <v>23</v>
      </c>
      <c r="AW6" s="251">
        <v>34</v>
      </c>
      <c r="AX6" s="253">
        <v>0</v>
      </c>
      <c r="AY6" s="254">
        <v>74</v>
      </c>
      <c r="AZ6" s="254">
        <v>49</v>
      </c>
      <c r="BA6" s="254">
        <v>59</v>
      </c>
      <c r="BB6" s="254">
        <v>50</v>
      </c>
      <c r="BC6" s="254">
        <v>22</v>
      </c>
      <c r="BD6" s="251">
        <v>254</v>
      </c>
      <c r="BE6" s="256">
        <v>288</v>
      </c>
      <c r="BF6" s="250">
        <v>0</v>
      </c>
      <c r="BG6" s="254">
        <v>1</v>
      </c>
      <c r="BH6" s="251">
        <v>1</v>
      </c>
      <c r="BI6" s="253">
        <v>0</v>
      </c>
      <c r="BJ6" s="254">
        <v>57</v>
      </c>
      <c r="BK6" s="254">
        <v>109</v>
      </c>
      <c r="BL6" s="254">
        <v>138</v>
      </c>
      <c r="BM6" s="254">
        <v>100</v>
      </c>
      <c r="BN6" s="254">
        <v>71</v>
      </c>
      <c r="BO6" s="255">
        <v>475</v>
      </c>
      <c r="BP6" s="256">
        <v>476</v>
      </c>
      <c r="BQ6" s="250">
        <v>0</v>
      </c>
      <c r="BR6" s="254">
        <v>0</v>
      </c>
      <c r="BS6" s="251">
        <v>0</v>
      </c>
      <c r="BT6" s="253">
        <v>0</v>
      </c>
      <c r="BU6" s="254">
        <v>5</v>
      </c>
      <c r="BV6" s="254">
        <v>4</v>
      </c>
      <c r="BW6" s="254">
        <v>4</v>
      </c>
      <c r="BX6" s="254">
        <v>6</v>
      </c>
      <c r="BY6" s="254">
        <v>5</v>
      </c>
      <c r="BZ6" s="251">
        <v>24</v>
      </c>
      <c r="CA6" s="256">
        <v>24</v>
      </c>
      <c r="CB6" s="250">
        <v>0</v>
      </c>
      <c r="CC6" s="254">
        <v>0</v>
      </c>
      <c r="CD6" s="251">
        <v>0</v>
      </c>
      <c r="CE6" s="253">
        <v>0</v>
      </c>
      <c r="CF6" s="254">
        <v>1</v>
      </c>
      <c r="CG6" s="254">
        <v>2</v>
      </c>
      <c r="CH6" s="254">
        <v>12</v>
      </c>
      <c r="CI6" s="254">
        <v>17</v>
      </c>
      <c r="CJ6" s="254">
        <v>7</v>
      </c>
      <c r="CK6" s="251">
        <v>39</v>
      </c>
      <c r="CL6" s="256">
        <v>39</v>
      </c>
      <c r="CM6" s="250">
        <v>0</v>
      </c>
      <c r="CN6" s="254">
        <v>0</v>
      </c>
      <c r="CO6" s="251">
        <v>0</v>
      </c>
      <c r="CP6" s="253">
        <v>0</v>
      </c>
      <c r="CQ6" s="254">
        <v>10</v>
      </c>
      <c r="CR6" s="254">
        <v>19</v>
      </c>
      <c r="CS6" s="254">
        <v>22</v>
      </c>
      <c r="CT6" s="254">
        <v>20</v>
      </c>
      <c r="CU6" s="254">
        <v>31</v>
      </c>
      <c r="CV6" s="251">
        <v>102</v>
      </c>
      <c r="CW6" s="256">
        <v>102</v>
      </c>
    </row>
    <row r="7" spans="1:101" ht="21" customHeight="1" x14ac:dyDescent="0.2">
      <c r="B7" s="471" t="s">
        <v>5</v>
      </c>
      <c r="C7" s="257">
        <v>0</v>
      </c>
      <c r="D7" s="258">
        <v>0</v>
      </c>
      <c r="E7" s="259">
        <v>0</v>
      </c>
      <c r="F7" s="260">
        <v>0</v>
      </c>
      <c r="G7" s="261">
        <v>10</v>
      </c>
      <c r="H7" s="261">
        <v>13</v>
      </c>
      <c r="I7" s="261">
        <v>12</v>
      </c>
      <c r="J7" s="261">
        <v>11</v>
      </c>
      <c r="K7" s="261">
        <v>5</v>
      </c>
      <c r="L7" s="262">
        <v>51</v>
      </c>
      <c r="M7" s="263">
        <v>51</v>
      </c>
      <c r="N7" s="257">
        <v>0</v>
      </c>
      <c r="O7" s="261">
        <v>0</v>
      </c>
      <c r="P7" s="258">
        <v>0</v>
      </c>
      <c r="Q7" s="260">
        <v>0</v>
      </c>
      <c r="R7" s="261">
        <v>5</v>
      </c>
      <c r="S7" s="261">
        <v>15</v>
      </c>
      <c r="T7" s="261">
        <v>28</v>
      </c>
      <c r="U7" s="261">
        <v>20</v>
      </c>
      <c r="V7" s="261">
        <v>25</v>
      </c>
      <c r="W7" s="258">
        <v>93</v>
      </c>
      <c r="X7" s="263">
        <v>93</v>
      </c>
      <c r="Y7" s="257">
        <v>0</v>
      </c>
      <c r="Z7" s="261">
        <v>0</v>
      </c>
      <c r="AA7" s="258">
        <v>0</v>
      </c>
      <c r="AB7" s="260">
        <v>0</v>
      </c>
      <c r="AC7" s="261">
        <v>326</v>
      </c>
      <c r="AD7" s="261">
        <v>374</v>
      </c>
      <c r="AE7" s="261">
        <v>152</v>
      </c>
      <c r="AF7" s="261">
        <v>75</v>
      </c>
      <c r="AG7" s="261">
        <v>31</v>
      </c>
      <c r="AH7" s="258">
        <v>958</v>
      </c>
      <c r="AI7" s="263">
        <v>958</v>
      </c>
      <c r="AJ7" s="257">
        <v>1</v>
      </c>
      <c r="AK7" s="261">
        <v>0</v>
      </c>
      <c r="AL7" s="258">
        <v>1</v>
      </c>
      <c r="AM7" s="260">
        <v>0</v>
      </c>
      <c r="AN7" s="261">
        <v>33</v>
      </c>
      <c r="AO7" s="261">
        <v>29</v>
      </c>
      <c r="AP7" s="261">
        <v>35</v>
      </c>
      <c r="AQ7" s="261">
        <v>19</v>
      </c>
      <c r="AR7" s="261">
        <v>9</v>
      </c>
      <c r="AS7" s="258">
        <v>125</v>
      </c>
      <c r="AT7" s="263">
        <v>126</v>
      </c>
      <c r="AU7" s="257">
        <v>5</v>
      </c>
      <c r="AV7" s="261">
        <v>12</v>
      </c>
      <c r="AW7" s="258">
        <v>17</v>
      </c>
      <c r="AX7" s="260">
        <v>0</v>
      </c>
      <c r="AY7" s="261">
        <v>26</v>
      </c>
      <c r="AZ7" s="261">
        <v>21</v>
      </c>
      <c r="BA7" s="261">
        <v>28</v>
      </c>
      <c r="BB7" s="261">
        <v>25</v>
      </c>
      <c r="BC7" s="261">
        <v>10</v>
      </c>
      <c r="BD7" s="258">
        <v>110</v>
      </c>
      <c r="BE7" s="263">
        <v>127</v>
      </c>
      <c r="BF7" s="257">
        <v>0</v>
      </c>
      <c r="BG7" s="261">
        <v>1</v>
      </c>
      <c r="BH7" s="258">
        <v>1</v>
      </c>
      <c r="BI7" s="260">
        <v>0</v>
      </c>
      <c r="BJ7" s="261">
        <v>28</v>
      </c>
      <c r="BK7" s="261">
        <v>41</v>
      </c>
      <c r="BL7" s="261">
        <v>50</v>
      </c>
      <c r="BM7" s="261">
        <v>38</v>
      </c>
      <c r="BN7" s="261">
        <v>25</v>
      </c>
      <c r="BO7" s="262">
        <v>182</v>
      </c>
      <c r="BP7" s="263">
        <v>183</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1</v>
      </c>
      <c r="CI7" s="261">
        <v>1</v>
      </c>
      <c r="CJ7" s="261">
        <v>0</v>
      </c>
      <c r="CK7" s="258">
        <v>3</v>
      </c>
      <c r="CL7" s="263">
        <v>3</v>
      </c>
      <c r="CM7" s="257">
        <v>0</v>
      </c>
      <c r="CN7" s="261">
        <v>0</v>
      </c>
      <c r="CO7" s="258">
        <v>0</v>
      </c>
      <c r="CP7" s="260">
        <v>0</v>
      </c>
      <c r="CQ7" s="261">
        <v>2</v>
      </c>
      <c r="CR7" s="261">
        <v>8</v>
      </c>
      <c r="CS7" s="261">
        <v>7</v>
      </c>
      <c r="CT7" s="261">
        <v>7</v>
      </c>
      <c r="CU7" s="261">
        <v>14</v>
      </c>
      <c r="CV7" s="258">
        <v>38</v>
      </c>
      <c r="CW7" s="263">
        <v>38</v>
      </c>
    </row>
    <row r="8" spans="1:101" ht="21" customHeight="1" x14ac:dyDescent="0.2">
      <c r="B8" s="472" t="s">
        <v>6</v>
      </c>
      <c r="C8" s="257">
        <v>0</v>
      </c>
      <c r="D8" s="258">
        <v>0</v>
      </c>
      <c r="E8" s="259">
        <v>0</v>
      </c>
      <c r="F8" s="260">
        <v>0</v>
      </c>
      <c r="G8" s="261">
        <v>10</v>
      </c>
      <c r="H8" s="261">
        <v>5</v>
      </c>
      <c r="I8" s="261">
        <v>5</v>
      </c>
      <c r="J8" s="261">
        <v>7</v>
      </c>
      <c r="K8" s="261">
        <v>4</v>
      </c>
      <c r="L8" s="262">
        <v>31</v>
      </c>
      <c r="M8" s="263">
        <v>31</v>
      </c>
      <c r="N8" s="257">
        <v>0</v>
      </c>
      <c r="O8" s="261">
        <v>0</v>
      </c>
      <c r="P8" s="258">
        <v>0</v>
      </c>
      <c r="Q8" s="260">
        <v>0</v>
      </c>
      <c r="R8" s="261">
        <v>3</v>
      </c>
      <c r="S8" s="261">
        <v>6</v>
      </c>
      <c r="T8" s="261">
        <v>6</v>
      </c>
      <c r="U8" s="261">
        <v>7</v>
      </c>
      <c r="V8" s="261">
        <v>5</v>
      </c>
      <c r="W8" s="258">
        <v>27</v>
      </c>
      <c r="X8" s="263">
        <v>27</v>
      </c>
      <c r="Y8" s="257">
        <v>0</v>
      </c>
      <c r="Z8" s="261">
        <v>0</v>
      </c>
      <c r="AA8" s="258">
        <v>0</v>
      </c>
      <c r="AB8" s="260">
        <v>0</v>
      </c>
      <c r="AC8" s="261">
        <v>129</v>
      </c>
      <c r="AD8" s="261">
        <v>91</v>
      </c>
      <c r="AE8" s="261">
        <v>47</v>
      </c>
      <c r="AF8" s="261">
        <v>20</v>
      </c>
      <c r="AG8" s="261">
        <v>8</v>
      </c>
      <c r="AH8" s="258">
        <v>295</v>
      </c>
      <c r="AI8" s="263">
        <v>295</v>
      </c>
      <c r="AJ8" s="257">
        <v>0</v>
      </c>
      <c r="AK8" s="261">
        <v>0</v>
      </c>
      <c r="AL8" s="258">
        <v>0</v>
      </c>
      <c r="AM8" s="260">
        <v>0</v>
      </c>
      <c r="AN8" s="261">
        <v>12</v>
      </c>
      <c r="AO8" s="261">
        <v>14</v>
      </c>
      <c r="AP8" s="261">
        <v>21</v>
      </c>
      <c r="AQ8" s="261">
        <v>4</v>
      </c>
      <c r="AR8" s="261">
        <v>4</v>
      </c>
      <c r="AS8" s="258">
        <v>55</v>
      </c>
      <c r="AT8" s="263">
        <v>55</v>
      </c>
      <c r="AU8" s="257">
        <v>2</v>
      </c>
      <c r="AV8" s="261">
        <v>5</v>
      </c>
      <c r="AW8" s="258">
        <v>7</v>
      </c>
      <c r="AX8" s="260">
        <v>0</v>
      </c>
      <c r="AY8" s="261">
        <v>14</v>
      </c>
      <c r="AZ8" s="261">
        <v>4</v>
      </c>
      <c r="BA8" s="261">
        <v>6</v>
      </c>
      <c r="BB8" s="261">
        <v>7</v>
      </c>
      <c r="BC8" s="261">
        <v>3</v>
      </c>
      <c r="BD8" s="258">
        <v>34</v>
      </c>
      <c r="BE8" s="263">
        <v>41</v>
      </c>
      <c r="BF8" s="257">
        <v>0</v>
      </c>
      <c r="BG8" s="261">
        <v>0</v>
      </c>
      <c r="BH8" s="258">
        <v>0</v>
      </c>
      <c r="BI8" s="260">
        <v>0</v>
      </c>
      <c r="BJ8" s="261">
        <v>14</v>
      </c>
      <c r="BK8" s="261">
        <v>25</v>
      </c>
      <c r="BL8" s="261">
        <v>29</v>
      </c>
      <c r="BM8" s="261">
        <v>17</v>
      </c>
      <c r="BN8" s="261">
        <v>15</v>
      </c>
      <c r="BO8" s="262">
        <v>100</v>
      </c>
      <c r="BP8" s="263">
        <v>100</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8</v>
      </c>
      <c r="CI8" s="261">
        <v>6</v>
      </c>
      <c r="CJ8" s="261">
        <v>3</v>
      </c>
      <c r="CK8" s="258">
        <v>18</v>
      </c>
      <c r="CL8" s="263">
        <v>18</v>
      </c>
      <c r="CM8" s="257">
        <v>0</v>
      </c>
      <c r="CN8" s="261">
        <v>0</v>
      </c>
      <c r="CO8" s="258">
        <v>0</v>
      </c>
      <c r="CP8" s="260">
        <v>0</v>
      </c>
      <c r="CQ8" s="261">
        <v>8</v>
      </c>
      <c r="CR8" s="261">
        <v>5</v>
      </c>
      <c r="CS8" s="261">
        <v>9</v>
      </c>
      <c r="CT8" s="261">
        <v>6</v>
      </c>
      <c r="CU8" s="261">
        <v>8</v>
      </c>
      <c r="CV8" s="258">
        <v>36</v>
      </c>
      <c r="CW8" s="263">
        <v>36</v>
      </c>
    </row>
    <row r="9" spans="1:101" ht="21" customHeight="1" x14ac:dyDescent="0.2">
      <c r="B9" s="472" t="s">
        <v>14</v>
      </c>
      <c r="C9" s="257">
        <v>0</v>
      </c>
      <c r="D9" s="258">
        <v>0</v>
      </c>
      <c r="E9" s="259">
        <v>0</v>
      </c>
      <c r="F9" s="260">
        <v>0</v>
      </c>
      <c r="G9" s="261">
        <v>1</v>
      </c>
      <c r="H9" s="261">
        <v>0</v>
      </c>
      <c r="I9" s="261">
        <v>0</v>
      </c>
      <c r="J9" s="261">
        <v>2</v>
      </c>
      <c r="K9" s="261">
        <v>3</v>
      </c>
      <c r="L9" s="262">
        <v>6</v>
      </c>
      <c r="M9" s="263">
        <v>6</v>
      </c>
      <c r="N9" s="257">
        <v>0</v>
      </c>
      <c r="O9" s="261">
        <v>0</v>
      </c>
      <c r="P9" s="258">
        <v>0</v>
      </c>
      <c r="Q9" s="260">
        <v>0</v>
      </c>
      <c r="R9" s="261">
        <v>0</v>
      </c>
      <c r="S9" s="261">
        <v>0</v>
      </c>
      <c r="T9" s="261">
        <v>0</v>
      </c>
      <c r="U9" s="261">
        <v>0</v>
      </c>
      <c r="V9" s="261">
        <v>0</v>
      </c>
      <c r="W9" s="258">
        <v>0</v>
      </c>
      <c r="X9" s="263">
        <v>0</v>
      </c>
      <c r="Y9" s="257">
        <v>0</v>
      </c>
      <c r="Z9" s="261">
        <v>0</v>
      </c>
      <c r="AA9" s="258">
        <v>0</v>
      </c>
      <c r="AB9" s="260">
        <v>0</v>
      </c>
      <c r="AC9" s="261">
        <v>52</v>
      </c>
      <c r="AD9" s="261">
        <v>52</v>
      </c>
      <c r="AE9" s="261">
        <v>22</v>
      </c>
      <c r="AF9" s="261">
        <v>9</v>
      </c>
      <c r="AG9" s="261">
        <v>3</v>
      </c>
      <c r="AH9" s="258">
        <v>138</v>
      </c>
      <c r="AI9" s="263">
        <v>138</v>
      </c>
      <c r="AJ9" s="257">
        <v>0</v>
      </c>
      <c r="AK9" s="261">
        <v>0</v>
      </c>
      <c r="AL9" s="258">
        <v>0</v>
      </c>
      <c r="AM9" s="260">
        <v>0</v>
      </c>
      <c r="AN9" s="261">
        <v>1</v>
      </c>
      <c r="AO9" s="261">
        <v>1</v>
      </c>
      <c r="AP9" s="261">
        <v>0</v>
      </c>
      <c r="AQ9" s="261">
        <v>0</v>
      </c>
      <c r="AR9" s="261">
        <v>1</v>
      </c>
      <c r="AS9" s="258">
        <v>3</v>
      </c>
      <c r="AT9" s="263">
        <v>3</v>
      </c>
      <c r="AU9" s="257">
        <v>1</v>
      </c>
      <c r="AV9" s="261">
        <v>1</v>
      </c>
      <c r="AW9" s="258">
        <v>2</v>
      </c>
      <c r="AX9" s="260">
        <v>0</v>
      </c>
      <c r="AY9" s="261">
        <v>5</v>
      </c>
      <c r="AZ9" s="261">
        <v>9</v>
      </c>
      <c r="BA9" s="261">
        <v>4</v>
      </c>
      <c r="BB9" s="261">
        <v>4</v>
      </c>
      <c r="BC9" s="261">
        <v>2</v>
      </c>
      <c r="BD9" s="258">
        <v>24</v>
      </c>
      <c r="BE9" s="263">
        <v>26</v>
      </c>
      <c r="BF9" s="257">
        <v>0</v>
      </c>
      <c r="BG9" s="261">
        <v>0</v>
      </c>
      <c r="BH9" s="258">
        <v>0</v>
      </c>
      <c r="BI9" s="260">
        <v>0</v>
      </c>
      <c r="BJ9" s="261">
        <v>4</v>
      </c>
      <c r="BK9" s="261">
        <v>6</v>
      </c>
      <c r="BL9" s="261">
        <v>9</v>
      </c>
      <c r="BM9" s="261">
        <v>9</v>
      </c>
      <c r="BN9" s="261">
        <v>5</v>
      </c>
      <c r="BO9" s="262">
        <v>33</v>
      </c>
      <c r="BP9" s="263">
        <v>33</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1</v>
      </c>
      <c r="CI9" s="261">
        <v>0</v>
      </c>
      <c r="CJ9" s="261">
        <v>0</v>
      </c>
      <c r="CK9" s="258">
        <v>2</v>
      </c>
      <c r="CL9" s="263">
        <v>2</v>
      </c>
      <c r="CM9" s="257">
        <v>0</v>
      </c>
      <c r="CN9" s="261">
        <v>0</v>
      </c>
      <c r="CO9" s="258">
        <v>0</v>
      </c>
      <c r="CP9" s="260">
        <v>0</v>
      </c>
      <c r="CQ9" s="261">
        <v>0</v>
      </c>
      <c r="CR9" s="261">
        <v>1</v>
      </c>
      <c r="CS9" s="261">
        <v>1</v>
      </c>
      <c r="CT9" s="261">
        <v>1</v>
      </c>
      <c r="CU9" s="261">
        <v>0</v>
      </c>
      <c r="CV9" s="258">
        <v>3</v>
      </c>
      <c r="CW9" s="263">
        <v>3</v>
      </c>
    </row>
    <row r="10" spans="1:101" ht="21" customHeight="1" x14ac:dyDescent="0.2">
      <c r="B10" s="472" t="s">
        <v>7</v>
      </c>
      <c r="C10" s="257">
        <v>0</v>
      </c>
      <c r="D10" s="258">
        <v>0</v>
      </c>
      <c r="E10" s="259">
        <v>0</v>
      </c>
      <c r="F10" s="260">
        <v>0</v>
      </c>
      <c r="G10" s="261">
        <v>1</v>
      </c>
      <c r="H10" s="261">
        <v>0</v>
      </c>
      <c r="I10" s="261">
        <v>1</v>
      </c>
      <c r="J10" s="261">
        <v>1</v>
      </c>
      <c r="K10" s="261">
        <v>0</v>
      </c>
      <c r="L10" s="262">
        <v>3</v>
      </c>
      <c r="M10" s="263">
        <v>3</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7</v>
      </c>
      <c r="AD10" s="261">
        <v>19</v>
      </c>
      <c r="AE10" s="261">
        <v>10</v>
      </c>
      <c r="AF10" s="261">
        <v>5</v>
      </c>
      <c r="AG10" s="261">
        <v>2</v>
      </c>
      <c r="AH10" s="258">
        <v>73</v>
      </c>
      <c r="AI10" s="263">
        <v>73</v>
      </c>
      <c r="AJ10" s="257">
        <v>0</v>
      </c>
      <c r="AK10" s="261">
        <v>0</v>
      </c>
      <c r="AL10" s="258">
        <v>0</v>
      </c>
      <c r="AM10" s="260">
        <v>0</v>
      </c>
      <c r="AN10" s="261">
        <v>3</v>
      </c>
      <c r="AO10" s="261">
        <v>6</v>
      </c>
      <c r="AP10" s="261">
        <v>6</v>
      </c>
      <c r="AQ10" s="261">
        <v>4</v>
      </c>
      <c r="AR10" s="261">
        <v>0</v>
      </c>
      <c r="AS10" s="258">
        <v>19</v>
      </c>
      <c r="AT10" s="263">
        <v>19</v>
      </c>
      <c r="AU10" s="257">
        <v>1</v>
      </c>
      <c r="AV10" s="261">
        <v>0</v>
      </c>
      <c r="AW10" s="258">
        <v>1</v>
      </c>
      <c r="AX10" s="260">
        <v>0</v>
      </c>
      <c r="AY10" s="261">
        <v>1</v>
      </c>
      <c r="AZ10" s="261">
        <v>1</v>
      </c>
      <c r="BA10" s="261">
        <v>1</v>
      </c>
      <c r="BB10" s="261">
        <v>0</v>
      </c>
      <c r="BC10" s="261">
        <v>0</v>
      </c>
      <c r="BD10" s="258">
        <v>3</v>
      </c>
      <c r="BE10" s="263">
        <v>4</v>
      </c>
      <c r="BF10" s="257">
        <v>0</v>
      </c>
      <c r="BG10" s="261">
        <v>0</v>
      </c>
      <c r="BH10" s="258">
        <v>0</v>
      </c>
      <c r="BI10" s="260">
        <v>0</v>
      </c>
      <c r="BJ10" s="261">
        <v>1</v>
      </c>
      <c r="BK10" s="261">
        <v>1</v>
      </c>
      <c r="BL10" s="261">
        <v>6</v>
      </c>
      <c r="BM10" s="261">
        <v>4</v>
      </c>
      <c r="BN10" s="261">
        <v>2</v>
      </c>
      <c r="BO10" s="262">
        <v>14</v>
      </c>
      <c r="BP10" s="263">
        <v>14</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0</v>
      </c>
      <c r="CR10" s="261">
        <v>0</v>
      </c>
      <c r="CS10" s="261">
        <v>0</v>
      </c>
      <c r="CT10" s="261">
        <v>0</v>
      </c>
      <c r="CU10" s="261">
        <v>0</v>
      </c>
      <c r="CV10" s="258">
        <v>0</v>
      </c>
      <c r="CW10" s="263">
        <v>0</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39</v>
      </c>
      <c r="AD11" s="261">
        <v>17</v>
      </c>
      <c r="AE11" s="261">
        <v>9</v>
      </c>
      <c r="AF11" s="261">
        <v>6</v>
      </c>
      <c r="AG11" s="261">
        <v>0</v>
      </c>
      <c r="AH11" s="258">
        <v>71</v>
      </c>
      <c r="AI11" s="263">
        <v>71</v>
      </c>
      <c r="AJ11" s="257">
        <v>0</v>
      </c>
      <c r="AK11" s="261">
        <v>0</v>
      </c>
      <c r="AL11" s="258">
        <v>0</v>
      </c>
      <c r="AM11" s="260">
        <v>0</v>
      </c>
      <c r="AN11" s="261">
        <v>0</v>
      </c>
      <c r="AO11" s="261">
        <v>1</v>
      </c>
      <c r="AP11" s="261">
        <v>0</v>
      </c>
      <c r="AQ11" s="261">
        <v>0</v>
      </c>
      <c r="AR11" s="261">
        <v>0</v>
      </c>
      <c r="AS11" s="258">
        <v>1</v>
      </c>
      <c r="AT11" s="263">
        <v>1</v>
      </c>
      <c r="AU11" s="257">
        <v>0</v>
      </c>
      <c r="AV11" s="261">
        <v>0</v>
      </c>
      <c r="AW11" s="258">
        <v>0</v>
      </c>
      <c r="AX11" s="260">
        <v>0</v>
      </c>
      <c r="AY11" s="261">
        <v>2</v>
      </c>
      <c r="AZ11" s="261">
        <v>1</v>
      </c>
      <c r="BA11" s="261">
        <v>1</v>
      </c>
      <c r="BB11" s="261">
        <v>2</v>
      </c>
      <c r="BC11" s="261">
        <v>1</v>
      </c>
      <c r="BD11" s="258">
        <v>7</v>
      </c>
      <c r="BE11" s="263">
        <v>7</v>
      </c>
      <c r="BF11" s="257">
        <v>0</v>
      </c>
      <c r="BG11" s="261">
        <v>0</v>
      </c>
      <c r="BH11" s="258">
        <v>0</v>
      </c>
      <c r="BI11" s="260">
        <v>0</v>
      </c>
      <c r="BJ11" s="261">
        <v>0</v>
      </c>
      <c r="BK11" s="261">
        <v>3</v>
      </c>
      <c r="BL11" s="261">
        <v>2</v>
      </c>
      <c r="BM11" s="261">
        <v>5</v>
      </c>
      <c r="BN11" s="261">
        <v>0</v>
      </c>
      <c r="BO11" s="262">
        <v>10</v>
      </c>
      <c r="BP11" s="263">
        <v>10</v>
      </c>
      <c r="BQ11" s="257">
        <v>0</v>
      </c>
      <c r="BR11" s="261">
        <v>0</v>
      </c>
      <c r="BS11" s="258">
        <v>0</v>
      </c>
      <c r="BT11" s="260">
        <v>0</v>
      </c>
      <c r="BU11" s="261">
        <v>0</v>
      </c>
      <c r="BV11" s="261">
        <v>0</v>
      </c>
      <c r="BW11" s="261">
        <v>0</v>
      </c>
      <c r="BX11" s="261">
        <v>1</v>
      </c>
      <c r="BY11" s="261">
        <v>0</v>
      </c>
      <c r="BZ11" s="258">
        <v>1</v>
      </c>
      <c r="CA11" s="263">
        <v>1</v>
      </c>
      <c r="CB11" s="257">
        <v>0</v>
      </c>
      <c r="CC11" s="261">
        <v>0</v>
      </c>
      <c r="CD11" s="258">
        <v>0</v>
      </c>
      <c r="CE11" s="260">
        <v>0</v>
      </c>
      <c r="CF11" s="261">
        <v>0</v>
      </c>
      <c r="CG11" s="261">
        <v>0</v>
      </c>
      <c r="CH11" s="261">
        <v>0</v>
      </c>
      <c r="CI11" s="261">
        <v>0</v>
      </c>
      <c r="CJ11" s="261">
        <v>1</v>
      </c>
      <c r="CK11" s="258">
        <v>1</v>
      </c>
      <c r="CL11" s="263">
        <v>1</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72" t="s">
        <v>9</v>
      </c>
      <c r="C12" s="257">
        <v>0</v>
      </c>
      <c r="D12" s="258">
        <v>0</v>
      </c>
      <c r="E12" s="259">
        <v>0</v>
      </c>
      <c r="F12" s="260">
        <v>0</v>
      </c>
      <c r="G12" s="261">
        <v>0</v>
      </c>
      <c r="H12" s="261">
        <v>1</v>
      </c>
      <c r="I12" s="261">
        <v>0</v>
      </c>
      <c r="J12" s="261">
        <v>2</v>
      </c>
      <c r="K12" s="261">
        <v>0</v>
      </c>
      <c r="L12" s="262">
        <v>3</v>
      </c>
      <c r="M12" s="263">
        <v>3</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7</v>
      </c>
      <c r="AD12" s="261">
        <v>30</v>
      </c>
      <c r="AE12" s="261">
        <v>12</v>
      </c>
      <c r="AF12" s="261">
        <v>9</v>
      </c>
      <c r="AG12" s="261">
        <v>1</v>
      </c>
      <c r="AH12" s="258">
        <v>99</v>
      </c>
      <c r="AI12" s="263">
        <v>99</v>
      </c>
      <c r="AJ12" s="257">
        <v>0</v>
      </c>
      <c r="AK12" s="261">
        <v>0</v>
      </c>
      <c r="AL12" s="258">
        <v>0</v>
      </c>
      <c r="AM12" s="260">
        <v>0</v>
      </c>
      <c r="AN12" s="261">
        <v>0</v>
      </c>
      <c r="AO12" s="261">
        <v>0</v>
      </c>
      <c r="AP12" s="261">
        <v>2</v>
      </c>
      <c r="AQ12" s="261">
        <v>0</v>
      </c>
      <c r="AR12" s="261">
        <v>1</v>
      </c>
      <c r="AS12" s="258">
        <v>3</v>
      </c>
      <c r="AT12" s="263">
        <v>3</v>
      </c>
      <c r="AU12" s="257">
        <v>1</v>
      </c>
      <c r="AV12" s="261">
        <v>1</v>
      </c>
      <c r="AW12" s="258">
        <v>2</v>
      </c>
      <c r="AX12" s="260">
        <v>0</v>
      </c>
      <c r="AY12" s="261">
        <v>3</v>
      </c>
      <c r="AZ12" s="261">
        <v>0</v>
      </c>
      <c r="BA12" s="261">
        <v>2</v>
      </c>
      <c r="BB12" s="261">
        <v>2</v>
      </c>
      <c r="BC12" s="261">
        <v>1</v>
      </c>
      <c r="BD12" s="258">
        <v>8</v>
      </c>
      <c r="BE12" s="263">
        <v>10</v>
      </c>
      <c r="BF12" s="257">
        <v>0</v>
      </c>
      <c r="BG12" s="261">
        <v>0</v>
      </c>
      <c r="BH12" s="258">
        <v>0</v>
      </c>
      <c r="BI12" s="260">
        <v>0</v>
      </c>
      <c r="BJ12" s="261">
        <v>0</v>
      </c>
      <c r="BK12" s="261">
        <v>5</v>
      </c>
      <c r="BL12" s="261">
        <v>9</v>
      </c>
      <c r="BM12" s="261">
        <v>1</v>
      </c>
      <c r="BN12" s="261">
        <v>1</v>
      </c>
      <c r="BO12" s="262">
        <v>16</v>
      </c>
      <c r="BP12" s="263">
        <v>16</v>
      </c>
      <c r="BQ12" s="257">
        <v>0</v>
      </c>
      <c r="BR12" s="261">
        <v>0</v>
      </c>
      <c r="BS12" s="258">
        <v>0</v>
      </c>
      <c r="BT12" s="260">
        <v>0</v>
      </c>
      <c r="BU12" s="261">
        <v>0</v>
      </c>
      <c r="BV12" s="261">
        <v>3</v>
      </c>
      <c r="BW12" s="261">
        <v>0</v>
      </c>
      <c r="BX12" s="261">
        <v>1</v>
      </c>
      <c r="BY12" s="261">
        <v>0</v>
      </c>
      <c r="BZ12" s="258">
        <v>4</v>
      </c>
      <c r="CA12" s="263">
        <v>4</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1</v>
      </c>
      <c r="CT12" s="261">
        <v>0</v>
      </c>
      <c r="CU12" s="261">
        <v>2</v>
      </c>
      <c r="CV12" s="258">
        <v>4</v>
      </c>
      <c r="CW12" s="263">
        <v>4</v>
      </c>
    </row>
    <row r="13" spans="1:101" ht="21" customHeight="1" x14ac:dyDescent="0.2">
      <c r="B13" s="472" t="s">
        <v>10</v>
      </c>
      <c r="C13" s="257">
        <v>0</v>
      </c>
      <c r="D13" s="258">
        <v>0</v>
      </c>
      <c r="E13" s="259">
        <v>0</v>
      </c>
      <c r="F13" s="260">
        <v>0</v>
      </c>
      <c r="G13" s="261">
        <v>1</v>
      </c>
      <c r="H13" s="261">
        <v>1</v>
      </c>
      <c r="I13" s="261">
        <v>3</v>
      </c>
      <c r="J13" s="261">
        <v>0</v>
      </c>
      <c r="K13" s="261">
        <v>0</v>
      </c>
      <c r="L13" s="262">
        <v>5</v>
      </c>
      <c r="M13" s="263">
        <v>5</v>
      </c>
      <c r="N13" s="257">
        <v>0</v>
      </c>
      <c r="O13" s="261">
        <v>0</v>
      </c>
      <c r="P13" s="258">
        <v>0</v>
      </c>
      <c r="Q13" s="260">
        <v>0</v>
      </c>
      <c r="R13" s="261">
        <v>0</v>
      </c>
      <c r="S13" s="261">
        <v>1</v>
      </c>
      <c r="T13" s="261">
        <v>1</v>
      </c>
      <c r="U13" s="261">
        <v>0</v>
      </c>
      <c r="V13" s="261">
        <v>0</v>
      </c>
      <c r="W13" s="258">
        <v>2</v>
      </c>
      <c r="X13" s="263">
        <v>2</v>
      </c>
      <c r="Y13" s="257">
        <v>0</v>
      </c>
      <c r="Z13" s="261">
        <v>0</v>
      </c>
      <c r="AA13" s="258">
        <v>0</v>
      </c>
      <c r="AB13" s="260">
        <v>0</v>
      </c>
      <c r="AC13" s="261">
        <v>33</v>
      </c>
      <c r="AD13" s="261">
        <v>20</v>
      </c>
      <c r="AE13" s="261">
        <v>4</v>
      </c>
      <c r="AF13" s="261">
        <v>4</v>
      </c>
      <c r="AG13" s="261">
        <v>2</v>
      </c>
      <c r="AH13" s="258">
        <v>63</v>
      </c>
      <c r="AI13" s="263">
        <v>63</v>
      </c>
      <c r="AJ13" s="257">
        <v>0</v>
      </c>
      <c r="AK13" s="261">
        <v>0</v>
      </c>
      <c r="AL13" s="258">
        <v>0</v>
      </c>
      <c r="AM13" s="260">
        <v>0</v>
      </c>
      <c r="AN13" s="261">
        <v>0</v>
      </c>
      <c r="AO13" s="261">
        <v>2</v>
      </c>
      <c r="AP13" s="261">
        <v>4</v>
      </c>
      <c r="AQ13" s="261">
        <v>2</v>
      </c>
      <c r="AR13" s="261">
        <v>0</v>
      </c>
      <c r="AS13" s="258">
        <v>8</v>
      </c>
      <c r="AT13" s="263">
        <v>8</v>
      </c>
      <c r="AU13" s="257">
        <v>1</v>
      </c>
      <c r="AV13" s="261">
        <v>1</v>
      </c>
      <c r="AW13" s="258">
        <v>2</v>
      </c>
      <c r="AX13" s="260">
        <v>0</v>
      </c>
      <c r="AY13" s="261">
        <v>6</v>
      </c>
      <c r="AZ13" s="261">
        <v>1</v>
      </c>
      <c r="BA13" s="261">
        <v>4</v>
      </c>
      <c r="BB13" s="261">
        <v>2</v>
      </c>
      <c r="BC13" s="261">
        <v>1</v>
      </c>
      <c r="BD13" s="258">
        <v>14</v>
      </c>
      <c r="BE13" s="263">
        <v>16</v>
      </c>
      <c r="BF13" s="257">
        <v>0</v>
      </c>
      <c r="BG13" s="261">
        <v>0</v>
      </c>
      <c r="BH13" s="258">
        <v>0</v>
      </c>
      <c r="BI13" s="260">
        <v>0</v>
      </c>
      <c r="BJ13" s="261">
        <v>1</v>
      </c>
      <c r="BK13" s="261">
        <v>6</v>
      </c>
      <c r="BL13" s="261">
        <v>8</v>
      </c>
      <c r="BM13" s="261">
        <v>7</v>
      </c>
      <c r="BN13" s="261">
        <v>7</v>
      </c>
      <c r="BO13" s="262">
        <v>29</v>
      </c>
      <c r="BP13" s="263">
        <v>29</v>
      </c>
      <c r="BQ13" s="257">
        <v>0</v>
      </c>
      <c r="BR13" s="261">
        <v>0</v>
      </c>
      <c r="BS13" s="258">
        <v>0</v>
      </c>
      <c r="BT13" s="260">
        <v>0</v>
      </c>
      <c r="BU13" s="261">
        <v>5</v>
      </c>
      <c r="BV13" s="261">
        <v>0</v>
      </c>
      <c r="BW13" s="261">
        <v>4</v>
      </c>
      <c r="BX13" s="261">
        <v>2</v>
      </c>
      <c r="BY13" s="261">
        <v>4</v>
      </c>
      <c r="BZ13" s="258">
        <v>15</v>
      </c>
      <c r="CA13" s="263">
        <v>15</v>
      </c>
      <c r="CB13" s="257">
        <v>0</v>
      </c>
      <c r="CC13" s="261">
        <v>0</v>
      </c>
      <c r="CD13" s="258">
        <v>0</v>
      </c>
      <c r="CE13" s="260">
        <v>0</v>
      </c>
      <c r="CF13" s="261">
        <v>0</v>
      </c>
      <c r="CG13" s="261">
        <v>0</v>
      </c>
      <c r="CH13" s="261">
        <v>0</v>
      </c>
      <c r="CI13" s="261">
        <v>3</v>
      </c>
      <c r="CJ13" s="261">
        <v>0</v>
      </c>
      <c r="CK13" s="258">
        <v>3</v>
      </c>
      <c r="CL13" s="263">
        <v>3</v>
      </c>
      <c r="CM13" s="257">
        <v>0</v>
      </c>
      <c r="CN13" s="261">
        <v>0</v>
      </c>
      <c r="CO13" s="258">
        <v>0</v>
      </c>
      <c r="CP13" s="260">
        <v>0</v>
      </c>
      <c r="CQ13" s="261">
        <v>0</v>
      </c>
      <c r="CR13" s="261">
        <v>0</v>
      </c>
      <c r="CS13" s="261">
        <v>2</v>
      </c>
      <c r="CT13" s="261">
        <v>1</v>
      </c>
      <c r="CU13" s="261">
        <v>1</v>
      </c>
      <c r="CV13" s="258">
        <v>4</v>
      </c>
      <c r="CW13" s="263">
        <v>4</v>
      </c>
    </row>
    <row r="14" spans="1:101" ht="21" customHeight="1" x14ac:dyDescent="0.2">
      <c r="B14" s="472" t="s">
        <v>11</v>
      </c>
      <c r="C14" s="257">
        <v>0</v>
      </c>
      <c r="D14" s="258">
        <v>0</v>
      </c>
      <c r="E14" s="259">
        <v>0</v>
      </c>
      <c r="F14" s="260">
        <v>0</v>
      </c>
      <c r="G14" s="261">
        <v>1</v>
      </c>
      <c r="H14" s="261">
        <v>2</v>
      </c>
      <c r="I14" s="261">
        <v>1</v>
      </c>
      <c r="J14" s="261">
        <v>1</v>
      </c>
      <c r="K14" s="261">
        <v>0</v>
      </c>
      <c r="L14" s="262">
        <v>5</v>
      </c>
      <c r="M14" s="263">
        <v>5</v>
      </c>
      <c r="N14" s="257">
        <v>0</v>
      </c>
      <c r="O14" s="261">
        <v>0</v>
      </c>
      <c r="P14" s="258">
        <v>0</v>
      </c>
      <c r="Q14" s="260">
        <v>0</v>
      </c>
      <c r="R14" s="261">
        <v>2</v>
      </c>
      <c r="S14" s="261">
        <v>1</v>
      </c>
      <c r="T14" s="261">
        <v>0</v>
      </c>
      <c r="U14" s="261">
        <v>0</v>
      </c>
      <c r="V14" s="261">
        <v>0</v>
      </c>
      <c r="W14" s="258">
        <v>3</v>
      </c>
      <c r="X14" s="263">
        <v>3</v>
      </c>
      <c r="Y14" s="257">
        <v>0</v>
      </c>
      <c r="Z14" s="261">
        <v>0</v>
      </c>
      <c r="AA14" s="258">
        <v>0</v>
      </c>
      <c r="AB14" s="260">
        <v>0</v>
      </c>
      <c r="AC14" s="261">
        <v>30</v>
      </c>
      <c r="AD14" s="261">
        <v>8</v>
      </c>
      <c r="AE14" s="261">
        <v>6</v>
      </c>
      <c r="AF14" s="261">
        <v>4</v>
      </c>
      <c r="AG14" s="261">
        <v>1</v>
      </c>
      <c r="AH14" s="258">
        <v>49</v>
      </c>
      <c r="AI14" s="263">
        <v>49</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1</v>
      </c>
      <c r="AZ14" s="261">
        <v>0</v>
      </c>
      <c r="BA14" s="261">
        <v>2</v>
      </c>
      <c r="BB14" s="261">
        <v>1</v>
      </c>
      <c r="BC14" s="261">
        <v>0</v>
      </c>
      <c r="BD14" s="258">
        <v>4</v>
      </c>
      <c r="BE14" s="263">
        <v>5</v>
      </c>
      <c r="BF14" s="257">
        <v>0</v>
      </c>
      <c r="BG14" s="261">
        <v>0</v>
      </c>
      <c r="BH14" s="258">
        <v>0</v>
      </c>
      <c r="BI14" s="260">
        <v>0</v>
      </c>
      <c r="BJ14" s="261">
        <v>0</v>
      </c>
      <c r="BK14" s="261">
        <v>3</v>
      </c>
      <c r="BL14" s="261">
        <v>1</v>
      </c>
      <c r="BM14" s="261">
        <v>4</v>
      </c>
      <c r="BN14" s="261">
        <v>0</v>
      </c>
      <c r="BO14" s="262">
        <v>8</v>
      </c>
      <c r="BP14" s="263">
        <v>8</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72"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2</v>
      </c>
      <c r="AD15" s="261">
        <v>18</v>
      </c>
      <c r="AE15" s="261">
        <v>9</v>
      </c>
      <c r="AF15" s="261">
        <v>8</v>
      </c>
      <c r="AG15" s="261">
        <v>1</v>
      </c>
      <c r="AH15" s="258">
        <v>58</v>
      </c>
      <c r="AI15" s="263">
        <v>58</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3</v>
      </c>
      <c r="BA15" s="261">
        <v>0</v>
      </c>
      <c r="BB15" s="261">
        <v>3</v>
      </c>
      <c r="BC15" s="261">
        <v>0</v>
      </c>
      <c r="BD15" s="258">
        <v>7</v>
      </c>
      <c r="BE15" s="263">
        <v>7</v>
      </c>
      <c r="BF15" s="257">
        <v>0</v>
      </c>
      <c r="BG15" s="261">
        <v>0</v>
      </c>
      <c r="BH15" s="258">
        <v>0</v>
      </c>
      <c r="BI15" s="260">
        <v>0</v>
      </c>
      <c r="BJ15" s="261">
        <v>0</v>
      </c>
      <c r="BK15" s="261">
        <v>1</v>
      </c>
      <c r="BL15" s="261">
        <v>1</v>
      </c>
      <c r="BM15" s="261">
        <v>2</v>
      </c>
      <c r="BN15" s="261">
        <v>2</v>
      </c>
      <c r="BO15" s="262">
        <v>6</v>
      </c>
      <c r="BP15" s="263">
        <v>6</v>
      </c>
      <c r="BQ15" s="257">
        <v>0</v>
      </c>
      <c r="BR15" s="261">
        <v>0</v>
      </c>
      <c r="BS15" s="258">
        <v>0</v>
      </c>
      <c r="BT15" s="260">
        <v>0</v>
      </c>
      <c r="BU15" s="261">
        <v>0</v>
      </c>
      <c r="BV15" s="261">
        <v>1</v>
      </c>
      <c r="BW15" s="261">
        <v>0</v>
      </c>
      <c r="BX15" s="261">
        <v>2</v>
      </c>
      <c r="BY15" s="261">
        <v>0</v>
      </c>
      <c r="BZ15" s="258">
        <v>3</v>
      </c>
      <c r="CA15" s="263">
        <v>3</v>
      </c>
      <c r="CB15" s="257">
        <v>0</v>
      </c>
      <c r="CC15" s="261">
        <v>0</v>
      </c>
      <c r="CD15" s="258">
        <v>0</v>
      </c>
      <c r="CE15" s="260">
        <v>0</v>
      </c>
      <c r="CF15" s="261">
        <v>0</v>
      </c>
      <c r="CG15" s="261">
        <v>0</v>
      </c>
      <c r="CH15" s="261">
        <v>1</v>
      </c>
      <c r="CI15" s="261">
        <v>0</v>
      </c>
      <c r="CJ15" s="261">
        <v>1</v>
      </c>
      <c r="CK15" s="258">
        <v>2</v>
      </c>
      <c r="CL15" s="263">
        <v>2</v>
      </c>
      <c r="CM15" s="257">
        <v>0</v>
      </c>
      <c r="CN15" s="261">
        <v>0</v>
      </c>
      <c r="CO15" s="258">
        <v>0</v>
      </c>
      <c r="CP15" s="260">
        <v>0</v>
      </c>
      <c r="CQ15" s="261">
        <v>0</v>
      </c>
      <c r="CR15" s="261">
        <v>2</v>
      </c>
      <c r="CS15" s="261">
        <v>1</v>
      </c>
      <c r="CT15" s="261">
        <v>3</v>
      </c>
      <c r="CU15" s="261">
        <v>1</v>
      </c>
      <c r="CV15" s="258">
        <v>7</v>
      </c>
      <c r="CW15" s="263">
        <v>7</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1</v>
      </c>
      <c r="AD16" s="261">
        <v>14</v>
      </c>
      <c r="AE16" s="261">
        <v>5</v>
      </c>
      <c r="AF16" s="261">
        <v>2</v>
      </c>
      <c r="AG16" s="261">
        <v>1</v>
      </c>
      <c r="AH16" s="258">
        <v>33</v>
      </c>
      <c r="AI16" s="263">
        <v>33</v>
      </c>
      <c r="AJ16" s="257">
        <v>0</v>
      </c>
      <c r="AK16" s="261">
        <v>0</v>
      </c>
      <c r="AL16" s="258">
        <v>0</v>
      </c>
      <c r="AM16" s="260">
        <v>0</v>
      </c>
      <c r="AN16" s="261">
        <v>1</v>
      </c>
      <c r="AO16" s="261">
        <v>1</v>
      </c>
      <c r="AP16" s="261">
        <v>0</v>
      </c>
      <c r="AQ16" s="261">
        <v>0</v>
      </c>
      <c r="AR16" s="261">
        <v>0</v>
      </c>
      <c r="AS16" s="258">
        <v>2</v>
      </c>
      <c r="AT16" s="263">
        <v>2</v>
      </c>
      <c r="AU16" s="257">
        <v>0</v>
      </c>
      <c r="AV16" s="261">
        <v>0</v>
      </c>
      <c r="AW16" s="258">
        <v>0</v>
      </c>
      <c r="AX16" s="260">
        <v>0</v>
      </c>
      <c r="AY16" s="261">
        <v>0</v>
      </c>
      <c r="AZ16" s="261">
        <v>1</v>
      </c>
      <c r="BA16" s="261">
        <v>1</v>
      </c>
      <c r="BB16" s="261">
        <v>0</v>
      </c>
      <c r="BC16" s="261">
        <v>0</v>
      </c>
      <c r="BD16" s="258">
        <v>2</v>
      </c>
      <c r="BE16" s="263">
        <v>2</v>
      </c>
      <c r="BF16" s="257">
        <v>0</v>
      </c>
      <c r="BG16" s="261">
        <v>0</v>
      </c>
      <c r="BH16" s="258">
        <v>0</v>
      </c>
      <c r="BI16" s="260">
        <v>0</v>
      </c>
      <c r="BJ16" s="261">
        <v>0</v>
      </c>
      <c r="BK16" s="261">
        <v>1</v>
      </c>
      <c r="BL16" s="261">
        <v>0</v>
      </c>
      <c r="BM16" s="261">
        <v>1</v>
      </c>
      <c r="BN16" s="261">
        <v>0</v>
      </c>
      <c r="BO16" s="262">
        <v>2</v>
      </c>
      <c r="BP16" s="263">
        <v>2</v>
      </c>
      <c r="BQ16" s="257">
        <v>0</v>
      </c>
      <c r="BR16" s="261">
        <v>0</v>
      </c>
      <c r="BS16" s="258">
        <v>0</v>
      </c>
      <c r="BT16" s="260">
        <v>0</v>
      </c>
      <c r="BU16" s="261">
        <v>0</v>
      </c>
      <c r="BV16" s="261">
        <v>0</v>
      </c>
      <c r="BW16" s="261">
        <v>0</v>
      </c>
      <c r="BX16" s="261">
        <v>0</v>
      </c>
      <c r="BY16" s="261">
        <v>1</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5</v>
      </c>
      <c r="AD17" s="261">
        <v>7</v>
      </c>
      <c r="AE17" s="261">
        <v>3</v>
      </c>
      <c r="AF17" s="261">
        <v>2</v>
      </c>
      <c r="AG17" s="261">
        <v>2</v>
      </c>
      <c r="AH17" s="258">
        <v>19</v>
      </c>
      <c r="AI17" s="263">
        <v>19</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3</v>
      </c>
      <c r="BL17" s="261">
        <v>0</v>
      </c>
      <c r="BM17" s="261">
        <v>1</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0</v>
      </c>
      <c r="K18" s="261">
        <v>3</v>
      </c>
      <c r="L18" s="262">
        <v>3</v>
      </c>
      <c r="M18" s="263">
        <v>3</v>
      </c>
      <c r="N18" s="257">
        <v>0</v>
      </c>
      <c r="O18" s="261">
        <v>0</v>
      </c>
      <c r="P18" s="258">
        <v>0</v>
      </c>
      <c r="Q18" s="260">
        <v>0</v>
      </c>
      <c r="R18" s="261">
        <v>0</v>
      </c>
      <c r="S18" s="261">
        <v>0</v>
      </c>
      <c r="T18" s="261">
        <v>0</v>
      </c>
      <c r="U18" s="261">
        <v>1</v>
      </c>
      <c r="V18" s="261">
        <v>1</v>
      </c>
      <c r="W18" s="258">
        <v>2</v>
      </c>
      <c r="X18" s="263">
        <v>2</v>
      </c>
      <c r="Y18" s="257">
        <v>0</v>
      </c>
      <c r="Z18" s="261">
        <v>0</v>
      </c>
      <c r="AA18" s="258">
        <v>0</v>
      </c>
      <c r="AB18" s="260">
        <v>0</v>
      </c>
      <c r="AC18" s="261">
        <v>6</v>
      </c>
      <c r="AD18" s="261">
        <v>7</v>
      </c>
      <c r="AE18" s="261">
        <v>9</v>
      </c>
      <c r="AF18" s="261">
        <v>2</v>
      </c>
      <c r="AG18" s="261">
        <v>1</v>
      </c>
      <c r="AH18" s="258">
        <v>25</v>
      </c>
      <c r="AI18" s="263">
        <v>25</v>
      </c>
      <c r="AJ18" s="257">
        <v>0</v>
      </c>
      <c r="AK18" s="261">
        <v>0</v>
      </c>
      <c r="AL18" s="258">
        <v>0</v>
      </c>
      <c r="AM18" s="260">
        <v>0</v>
      </c>
      <c r="AN18" s="261">
        <v>0</v>
      </c>
      <c r="AO18" s="261">
        <v>3</v>
      </c>
      <c r="AP18" s="261">
        <v>0</v>
      </c>
      <c r="AQ18" s="261">
        <v>0</v>
      </c>
      <c r="AR18" s="261">
        <v>0</v>
      </c>
      <c r="AS18" s="258">
        <v>3</v>
      </c>
      <c r="AT18" s="263">
        <v>3</v>
      </c>
      <c r="AU18" s="257">
        <v>0</v>
      </c>
      <c r="AV18" s="261">
        <v>1</v>
      </c>
      <c r="AW18" s="258">
        <v>1</v>
      </c>
      <c r="AX18" s="260">
        <v>0</v>
      </c>
      <c r="AY18" s="261">
        <v>1</v>
      </c>
      <c r="AZ18" s="261">
        <v>1</v>
      </c>
      <c r="BA18" s="261">
        <v>0</v>
      </c>
      <c r="BB18" s="261">
        <v>1</v>
      </c>
      <c r="BC18" s="261">
        <v>1</v>
      </c>
      <c r="BD18" s="258">
        <v>4</v>
      </c>
      <c r="BE18" s="263">
        <v>5</v>
      </c>
      <c r="BF18" s="257">
        <v>0</v>
      </c>
      <c r="BG18" s="261">
        <v>0</v>
      </c>
      <c r="BH18" s="258">
        <v>0</v>
      </c>
      <c r="BI18" s="260">
        <v>0</v>
      </c>
      <c r="BJ18" s="261">
        <v>0</v>
      </c>
      <c r="BK18" s="261">
        <v>2</v>
      </c>
      <c r="BL18" s="261">
        <v>3</v>
      </c>
      <c r="BM18" s="261">
        <v>1</v>
      </c>
      <c r="BN18" s="261">
        <v>2</v>
      </c>
      <c r="BO18" s="262">
        <v>8</v>
      </c>
      <c r="BP18" s="263">
        <v>8</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72" t="s">
        <v>17</v>
      </c>
      <c r="C19" s="257">
        <v>0</v>
      </c>
      <c r="D19" s="258">
        <v>0</v>
      </c>
      <c r="E19" s="259">
        <v>0</v>
      </c>
      <c r="F19" s="260">
        <v>0</v>
      </c>
      <c r="G19" s="261">
        <v>0</v>
      </c>
      <c r="H19" s="261">
        <v>0</v>
      </c>
      <c r="I19" s="261">
        <v>0</v>
      </c>
      <c r="J19" s="261">
        <v>0</v>
      </c>
      <c r="K19" s="261">
        <v>0</v>
      </c>
      <c r="L19" s="262">
        <v>0</v>
      </c>
      <c r="M19" s="263">
        <v>0</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19</v>
      </c>
      <c r="AD19" s="261">
        <v>19</v>
      </c>
      <c r="AE19" s="261">
        <v>6</v>
      </c>
      <c r="AF19" s="261">
        <v>7</v>
      </c>
      <c r="AG19" s="261">
        <v>1</v>
      </c>
      <c r="AH19" s="258">
        <v>52</v>
      </c>
      <c r="AI19" s="263">
        <v>52</v>
      </c>
      <c r="AJ19" s="257">
        <v>0</v>
      </c>
      <c r="AK19" s="261">
        <v>0</v>
      </c>
      <c r="AL19" s="258">
        <v>0</v>
      </c>
      <c r="AM19" s="260">
        <v>0</v>
      </c>
      <c r="AN19" s="261">
        <v>0</v>
      </c>
      <c r="AO19" s="261">
        <v>0</v>
      </c>
      <c r="AP19" s="261">
        <v>2</v>
      </c>
      <c r="AQ19" s="261">
        <v>0</v>
      </c>
      <c r="AR19" s="261">
        <v>0</v>
      </c>
      <c r="AS19" s="258">
        <v>2</v>
      </c>
      <c r="AT19" s="263">
        <v>2</v>
      </c>
      <c r="AU19" s="257">
        <v>0</v>
      </c>
      <c r="AV19" s="261">
        <v>0</v>
      </c>
      <c r="AW19" s="258">
        <v>0</v>
      </c>
      <c r="AX19" s="260">
        <v>0</v>
      </c>
      <c r="AY19" s="261">
        <v>0</v>
      </c>
      <c r="AZ19" s="261">
        <v>2</v>
      </c>
      <c r="BA19" s="261">
        <v>4</v>
      </c>
      <c r="BB19" s="261">
        <v>1</v>
      </c>
      <c r="BC19" s="261">
        <v>2</v>
      </c>
      <c r="BD19" s="258">
        <v>9</v>
      </c>
      <c r="BE19" s="263">
        <v>9</v>
      </c>
      <c r="BF19" s="257">
        <v>0</v>
      </c>
      <c r="BG19" s="261">
        <v>0</v>
      </c>
      <c r="BH19" s="258">
        <v>0</v>
      </c>
      <c r="BI19" s="260">
        <v>0</v>
      </c>
      <c r="BJ19" s="261">
        <v>2</v>
      </c>
      <c r="BK19" s="261">
        <v>4</v>
      </c>
      <c r="BL19" s="261">
        <v>2</v>
      </c>
      <c r="BM19" s="261">
        <v>3</v>
      </c>
      <c r="BN19" s="261">
        <v>6</v>
      </c>
      <c r="BO19" s="262">
        <v>17</v>
      </c>
      <c r="BP19" s="263">
        <v>17</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0</v>
      </c>
      <c r="CI19" s="261">
        <v>2</v>
      </c>
      <c r="CJ19" s="261">
        <v>2</v>
      </c>
      <c r="CK19" s="258">
        <v>4</v>
      </c>
      <c r="CL19" s="263">
        <v>4</v>
      </c>
      <c r="CM19" s="257">
        <v>0</v>
      </c>
      <c r="CN19" s="261">
        <v>0</v>
      </c>
      <c r="CO19" s="258">
        <v>0</v>
      </c>
      <c r="CP19" s="260">
        <v>0</v>
      </c>
      <c r="CQ19" s="261">
        <v>0</v>
      </c>
      <c r="CR19" s="261">
        <v>0</v>
      </c>
      <c r="CS19" s="261">
        <v>0</v>
      </c>
      <c r="CT19" s="261">
        <v>0</v>
      </c>
      <c r="CU19" s="261">
        <v>0</v>
      </c>
      <c r="CV19" s="258">
        <v>0</v>
      </c>
      <c r="CW19" s="263">
        <v>0</v>
      </c>
    </row>
    <row r="20" spans="2:101" ht="21" customHeight="1" x14ac:dyDescent="0.2">
      <c r="B20" s="472"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3</v>
      </c>
      <c r="AD20" s="261">
        <v>12</v>
      </c>
      <c r="AE20" s="261">
        <v>9</v>
      </c>
      <c r="AF20" s="261">
        <v>1</v>
      </c>
      <c r="AG20" s="261">
        <v>0</v>
      </c>
      <c r="AH20" s="258">
        <v>45</v>
      </c>
      <c r="AI20" s="263">
        <v>45</v>
      </c>
      <c r="AJ20" s="257">
        <v>0</v>
      </c>
      <c r="AK20" s="261">
        <v>0</v>
      </c>
      <c r="AL20" s="258">
        <v>0</v>
      </c>
      <c r="AM20" s="260">
        <v>0</v>
      </c>
      <c r="AN20" s="261">
        <v>1</v>
      </c>
      <c r="AO20" s="261">
        <v>1</v>
      </c>
      <c r="AP20" s="261">
        <v>1</v>
      </c>
      <c r="AQ20" s="261">
        <v>1</v>
      </c>
      <c r="AR20" s="261">
        <v>1</v>
      </c>
      <c r="AS20" s="258">
        <v>5</v>
      </c>
      <c r="AT20" s="263">
        <v>5</v>
      </c>
      <c r="AU20" s="257">
        <v>0</v>
      </c>
      <c r="AV20" s="261">
        <v>0</v>
      </c>
      <c r="AW20" s="258">
        <v>0</v>
      </c>
      <c r="AX20" s="260">
        <v>0</v>
      </c>
      <c r="AY20" s="261">
        <v>0</v>
      </c>
      <c r="AZ20" s="261">
        <v>1</v>
      </c>
      <c r="BA20" s="261">
        <v>0</v>
      </c>
      <c r="BB20" s="261">
        <v>0</v>
      </c>
      <c r="BC20" s="261">
        <v>1</v>
      </c>
      <c r="BD20" s="258">
        <v>2</v>
      </c>
      <c r="BE20" s="263">
        <v>2</v>
      </c>
      <c r="BF20" s="257">
        <v>0</v>
      </c>
      <c r="BG20" s="261">
        <v>0</v>
      </c>
      <c r="BH20" s="258">
        <v>0</v>
      </c>
      <c r="BI20" s="260">
        <v>0</v>
      </c>
      <c r="BJ20" s="261">
        <v>2</v>
      </c>
      <c r="BK20" s="261">
        <v>2</v>
      </c>
      <c r="BL20" s="261">
        <v>5</v>
      </c>
      <c r="BM20" s="261">
        <v>2</v>
      </c>
      <c r="BN20" s="261">
        <v>0</v>
      </c>
      <c r="BO20" s="262">
        <v>11</v>
      </c>
      <c r="BP20" s="263">
        <v>11</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0</v>
      </c>
      <c r="CK20" s="258">
        <v>1</v>
      </c>
      <c r="CL20" s="263">
        <v>1</v>
      </c>
      <c r="CM20" s="257">
        <v>0</v>
      </c>
      <c r="CN20" s="261">
        <v>0</v>
      </c>
      <c r="CO20" s="258">
        <v>0</v>
      </c>
      <c r="CP20" s="260">
        <v>0</v>
      </c>
      <c r="CQ20" s="261">
        <v>0</v>
      </c>
      <c r="CR20" s="261">
        <v>1</v>
      </c>
      <c r="CS20" s="261">
        <v>0</v>
      </c>
      <c r="CT20" s="261">
        <v>2</v>
      </c>
      <c r="CU20" s="261">
        <v>2</v>
      </c>
      <c r="CV20" s="258">
        <v>5</v>
      </c>
      <c r="CW20" s="263">
        <v>5</v>
      </c>
    </row>
    <row r="21" spans="2:101" ht="21" customHeight="1" x14ac:dyDescent="0.2">
      <c r="B21" s="472" t="s">
        <v>19</v>
      </c>
      <c r="C21" s="257">
        <v>0</v>
      </c>
      <c r="D21" s="258">
        <v>0</v>
      </c>
      <c r="E21" s="259">
        <v>0</v>
      </c>
      <c r="F21" s="260">
        <v>0</v>
      </c>
      <c r="G21" s="261">
        <v>0</v>
      </c>
      <c r="H21" s="261">
        <v>1</v>
      </c>
      <c r="I21" s="261">
        <v>0</v>
      </c>
      <c r="J21" s="261">
        <v>2</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5</v>
      </c>
      <c r="AD21" s="261">
        <v>5</v>
      </c>
      <c r="AE21" s="261">
        <v>3</v>
      </c>
      <c r="AF21" s="261">
        <v>1</v>
      </c>
      <c r="AG21" s="261">
        <v>0</v>
      </c>
      <c r="AH21" s="258">
        <v>14</v>
      </c>
      <c r="AI21" s="263">
        <v>14</v>
      </c>
      <c r="AJ21" s="257">
        <v>0</v>
      </c>
      <c r="AK21" s="261">
        <v>0</v>
      </c>
      <c r="AL21" s="258">
        <v>0</v>
      </c>
      <c r="AM21" s="260">
        <v>0</v>
      </c>
      <c r="AN21" s="261">
        <v>1</v>
      </c>
      <c r="AO21" s="261">
        <v>2</v>
      </c>
      <c r="AP21" s="261">
        <v>0</v>
      </c>
      <c r="AQ21" s="261">
        <v>0</v>
      </c>
      <c r="AR21" s="261">
        <v>0</v>
      </c>
      <c r="AS21" s="258">
        <v>3</v>
      </c>
      <c r="AT21" s="263">
        <v>3</v>
      </c>
      <c r="AU21" s="257">
        <v>0</v>
      </c>
      <c r="AV21" s="261">
        <v>0</v>
      </c>
      <c r="AW21" s="258">
        <v>0</v>
      </c>
      <c r="AX21" s="260">
        <v>0</v>
      </c>
      <c r="AY21" s="261">
        <v>1</v>
      </c>
      <c r="AZ21" s="261">
        <v>0</v>
      </c>
      <c r="BA21" s="261">
        <v>2</v>
      </c>
      <c r="BB21" s="261">
        <v>0</v>
      </c>
      <c r="BC21" s="261">
        <v>0</v>
      </c>
      <c r="BD21" s="258">
        <v>3</v>
      </c>
      <c r="BE21" s="263">
        <v>3</v>
      </c>
      <c r="BF21" s="257">
        <v>0</v>
      </c>
      <c r="BG21" s="261">
        <v>0</v>
      </c>
      <c r="BH21" s="258">
        <v>0</v>
      </c>
      <c r="BI21" s="260">
        <v>0</v>
      </c>
      <c r="BJ21" s="261">
        <v>0</v>
      </c>
      <c r="BK21" s="261">
        <v>0</v>
      </c>
      <c r="BL21" s="261">
        <v>1</v>
      </c>
      <c r="BM21" s="261">
        <v>0</v>
      </c>
      <c r="BN21" s="261">
        <v>1</v>
      </c>
      <c r="BO21" s="262">
        <v>2</v>
      </c>
      <c r="BP21" s="263">
        <v>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0</v>
      </c>
      <c r="CU21" s="261">
        <v>1</v>
      </c>
      <c r="CV21" s="258">
        <v>1</v>
      </c>
      <c r="CW21" s="263">
        <v>1</v>
      </c>
    </row>
    <row r="22" spans="2:101" ht="21" customHeight="1" x14ac:dyDescent="0.2">
      <c r="B22" s="472"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8</v>
      </c>
      <c r="AD22" s="261">
        <v>8</v>
      </c>
      <c r="AE22" s="261">
        <v>1</v>
      </c>
      <c r="AF22" s="261">
        <v>0</v>
      </c>
      <c r="AG22" s="261">
        <v>0</v>
      </c>
      <c r="AH22" s="258">
        <v>17</v>
      </c>
      <c r="AI22" s="263">
        <v>17</v>
      </c>
      <c r="AJ22" s="257">
        <v>0</v>
      </c>
      <c r="AK22" s="261">
        <v>0</v>
      </c>
      <c r="AL22" s="258">
        <v>0</v>
      </c>
      <c r="AM22" s="260">
        <v>0</v>
      </c>
      <c r="AN22" s="261">
        <v>0</v>
      </c>
      <c r="AO22" s="261">
        <v>0</v>
      </c>
      <c r="AP22" s="261">
        <v>0</v>
      </c>
      <c r="AQ22" s="261">
        <v>0</v>
      </c>
      <c r="AR22" s="261">
        <v>0</v>
      </c>
      <c r="AS22" s="258">
        <v>0</v>
      </c>
      <c r="AT22" s="263">
        <v>0</v>
      </c>
      <c r="AU22" s="257">
        <v>0</v>
      </c>
      <c r="AV22" s="261">
        <v>1</v>
      </c>
      <c r="AW22" s="258">
        <v>1</v>
      </c>
      <c r="AX22" s="260">
        <v>0</v>
      </c>
      <c r="AY22" s="261">
        <v>2</v>
      </c>
      <c r="AZ22" s="261">
        <v>0</v>
      </c>
      <c r="BA22" s="261">
        <v>1</v>
      </c>
      <c r="BB22" s="261">
        <v>0</v>
      </c>
      <c r="BC22" s="261">
        <v>0</v>
      </c>
      <c r="BD22" s="258">
        <v>3</v>
      </c>
      <c r="BE22" s="263">
        <v>4</v>
      </c>
      <c r="BF22" s="257">
        <v>0</v>
      </c>
      <c r="BG22" s="261">
        <v>0</v>
      </c>
      <c r="BH22" s="258">
        <v>0</v>
      </c>
      <c r="BI22" s="260">
        <v>0</v>
      </c>
      <c r="BJ22" s="261">
        <v>2</v>
      </c>
      <c r="BK22" s="261">
        <v>1</v>
      </c>
      <c r="BL22" s="261">
        <v>2</v>
      </c>
      <c r="BM22" s="261">
        <v>0</v>
      </c>
      <c r="BN22" s="261">
        <v>1</v>
      </c>
      <c r="BO22" s="262">
        <v>6</v>
      </c>
      <c r="BP22" s="263">
        <v>6</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1</v>
      </c>
      <c r="H23" s="261">
        <v>0</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2</v>
      </c>
      <c r="AD23" s="261">
        <v>7</v>
      </c>
      <c r="AE23" s="261">
        <v>2</v>
      </c>
      <c r="AF23" s="261">
        <v>2</v>
      </c>
      <c r="AG23" s="261">
        <v>0</v>
      </c>
      <c r="AH23" s="258">
        <v>23</v>
      </c>
      <c r="AI23" s="263">
        <v>23</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0</v>
      </c>
      <c r="BB23" s="261">
        <v>1</v>
      </c>
      <c r="BC23" s="261">
        <v>0</v>
      </c>
      <c r="BD23" s="258">
        <v>2</v>
      </c>
      <c r="BE23" s="263">
        <v>2</v>
      </c>
      <c r="BF23" s="257">
        <v>0</v>
      </c>
      <c r="BG23" s="261">
        <v>0</v>
      </c>
      <c r="BH23" s="258">
        <v>0</v>
      </c>
      <c r="BI23" s="260">
        <v>0</v>
      </c>
      <c r="BJ23" s="261">
        <v>0</v>
      </c>
      <c r="BK23" s="261">
        <v>3</v>
      </c>
      <c r="BL23" s="261">
        <v>2</v>
      </c>
      <c r="BM23" s="261">
        <v>2</v>
      </c>
      <c r="BN23" s="261">
        <v>0</v>
      </c>
      <c r="BO23" s="262">
        <v>7</v>
      </c>
      <c r="BP23" s="263">
        <v>7</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2</v>
      </c>
      <c r="H24" s="261">
        <v>0</v>
      </c>
      <c r="I24" s="261">
        <v>1</v>
      </c>
      <c r="J24" s="261">
        <v>0</v>
      </c>
      <c r="K24" s="261">
        <v>0</v>
      </c>
      <c r="L24" s="262">
        <v>3</v>
      </c>
      <c r="M24" s="263">
        <v>3</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8</v>
      </c>
      <c r="AD24" s="261">
        <v>2</v>
      </c>
      <c r="AE24" s="261">
        <v>1</v>
      </c>
      <c r="AF24" s="261">
        <v>1</v>
      </c>
      <c r="AG24" s="261">
        <v>0</v>
      </c>
      <c r="AH24" s="258">
        <v>12</v>
      </c>
      <c r="AI24" s="263">
        <v>12</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2</v>
      </c>
      <c r="BA24" s="261">
        <v>0</v>
      </c>
      <c r="BB24" s="261">
        <v>0</v>
      </c>
      <c r="BC24" s="261">
        <v>0</v>
      </c>
      <c r="BD24" s="258">
        <v>2</v>
      </c>
      <c r="BE24" s="263">
        <v>2</v>
      </c>
      <c r="BF24" s="257">
        <v>0</v>
      </c>
      <c r="BG24" s="261">
        <v>0</v>
      </c>
      <c r="BH24" s="258">
        <v>0</v>
      </c>
      <c r="BI24" s="260">
        <v>0</v>
      </c>
      <c r="BJ24" s="261">
        <v>0</v>
      </c>
      <c r="BK24" s="261">
        <v>1</v>
      </c>
      <c r="BL24" s="261">
        <v>0</v>
      </c>
      <c r="BM24" s="261">
        <v>0</v>
      </c>
      <c r="BN24" s="261">
        <v>0</v>
      </c>
      <c r="BO24" s="262">
        <v>1</v>
      </c>
      <c r="BP24" s="263">
        <v>1</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2</v>
      </c>
      <c r="AD25" s="261">
        <v>3</v>
      </c>
      <c r="AE25" s="261">
        <v>2</v>
      </c>
      <c r="AF25" s="261">
        <v>0</v>
      </c>
      <c r="AG25" s="261">
        <v>1</v>
      </c>
      <c r="AH25" s="258">
        <v>8</v>
      </c>
      <c r="AI25" s="263">
        <v>8</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0</v>
      </c>
      <c r="BL25" s="261">
        <v>3</v>
      </c>
      <c r="BM25" s="261">
        <v>1</v>
      </c>
      <c r="BN25" s="261">
        <v>0</v>
      </c>
      <c r="BO25" s="262">
        <v>5</v>
      </c>
      <c r="BP25" s="263">
        <v>5</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0</v>
      </c>
      <c r="AD26" s="261">
        <v>0</v>
      </c>
      <c r="AE26" s="261">
        <v>0</v>
      </c>
      <c r="AF26" s="261">
        <v>0</v>
      </c>
      <c r="AG26" s="261">
        <v>0</v>
      </c>
      <c r="AH26" s="258">
        <v>0</v>
      </c>
      <c r="AI26" s="263">
        <v>0</v>
      </c>
      <c r="AJ26" s="257">
        <v>0</v>
      </c>
      <c r="AK26" s="261">
        <v>0</v>
      </c>
      <c r="AL26" s="258">
        <v>0</v>
      </c>
      <c r="AM26" s="260">
        <v>0</v>
      </c>
      <c r="AN26" s="261">
        <v>0</v>
      </c>
      <c r="AO26" s="261">
        <v>1</v>
      </c>
      <c r="AP26" s="261">
        <v>2</v>
      </c>
      <c r="AQ26" s="261">
        <v>0</v>
      </c>
      <c r="AR26" s="261">
        <v>1</v>
      </c>
      <c r="AS26" s="258">
        <v>4</v>
      </c>
      <c r="AT26" s="263">
        <v>4</v>
      </c>
      <c r="AU26" s="257">
        <v>0</v>
      </c>
      <c r="AV26" s="261">
        <v>0</v>
      </c>
      <c r="AW26" s="258">
        <v>0</v>
      </c>
      <c r="AX26" s="260">
        <v>0</v>
      </c>
      <c r="AY26" s="261">
        <v>4</v>
      </c>
      <c r="AZ26" s="261">
        <v>0</v>
      </c>
      <c r="BA26" s="261">
        <v>2</v>
      </c>
      <c r="BB26" s="261">
        <v>0</v>
      </c>
      <c r="BC26" s="261">
        <v>0</v>
      </c>
      <c r="BD26" s="258">
        <v>6</v>
      </c>
      <c r="BE26" s="263">
        <v>6</v>
      </c>
      <c r="BF26" s="257">
        <v>0</v>
      </c>
      <c r="BG26" s="261">
        <v>0</v>
      </c>
      <c r="BH26" s="258">
        <v>0</v>
      </c>
      <c r="BI26" s="260">
        <v>0</v>
      </c>
      <c r="BJ26" s="261">
        <v>0</v>
      </c>
      <c r="BK26" s="261">
        <v>0</v>
      </c>
      <c r="BL26" s="261">
        <v>1</v>
      </c>
      <c r="BM26" s="261">
        <v>0</v>
      </c>
      <c r="BN26" s="261">
        <v>1</v>
      </c>
      <c r="BO26" s="262">
        <v>2</v>
      </c>
      <c r="BP26" s="263">
        <v>2</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6</v>
      </c>
      <c r="AD27" s="261">
        <v>1</v>
      </c>
      <c r="AE27" s="261">
        <v>0</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1</v>
      </c>
      <c r="AF28" s="261">
        <v>0</v>
      </c>
      <c r="AG28" s="261">
        <v>1</v>
      </c>
      <c r="AH28" s="258">
        <v>6</v>
      </c>
      <c r="AI28" s="263">
        <v>6</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1</v>
      </c>
      <c r="AZ28" s="261">
        <v>0</v>
      </c>
      <c r="BA28" s="261">
        <v>0</v>
      </c>
      <c r="BB28" s="261">
        <v>0</v>
      </c>
      <c r="BC28" s="261">
        <v>0</v>
      </c>
      <c r="BD28" s="258">
        <v>1</v>
      </c>
      <c r="BE28" s="263">
        <v>1</v>
      </c>
      <c r="BF28" s="257">
        <v>0</v>
      </c>
      <c r="BG28" s="261">
        <v>0</v>
      </c>
      <c r="BH28" s="258">
        <v>0</v>
      </c>
      <c r="BI28" s="260">
        <v>0</v>
      </c>
      <c r="BJ28" s="261">
        <v>0</v>
      </c>
      <c r="BK28" s="261">
        <v>0</v>
      </c>
      <c r="BL28" s="261">
        <v>2</v>
      </c>
      <c r="BM28" s="261">
        <v>1</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2</v>
      </c>
      <c r="AD29" s="261">
        <v>1</v>
      </c>
      <c r="AE29" s="261">
        <v>0</v>
      </c>
      <c r="AF29" s="261">
        <v>0</v>
      </c>
      <c r="AG29" s="261">
        <v>0</v>
      </c>
      <c r="AH29" s="258">
        <v>3</v>
      </c>
      <c r="AI29" s="263">
        <v>3</v>
      </c>
      <c r="AJ29" s="257">
        <v>0</v>
      </c>
      <c r="AK29" s="261">
        <v>0</v>
      </c>
      <c r="AL29" s="258">
        <v>0</v>
      </c>
      <c r="AM29" s="260">
        <v>0</v>
      </c>
      <c r="AN29" s="261">
        <v>0</v>
      </c>
      <c r="AO29" s="261">
        <v>1</v>
      </c>
      <c r="AP29" s="261">
        <v>0</v>
      </c>
      <c r="AQ29" s="261">
        <v>0</v>
      </c>
      <c r="AR29" s="261">
        <v>0</v>
      </c>
      <c r="AS29" s="258">
        <v>1</v>
      </c>
      <c r="AT29" s="263">
        <v>1</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4</v>
      </c>
      <c r="AD30" s="261">
        <v>1</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0</v>
      </c>
      <c r="BO30" s="262">
        <v>0</v>
      </c>
      <c r="BP30" s="263">
        <v>0</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v>
      </c>
      <c r="AD31" s="261">
        <v>0</v>
      </c>
      <c r="AE31" s="261">
        <v>0</v>
      </c>
      <c r="AF31" s="261">
        <v>0</v>
      </c>
      <c r="AG31" s="261">
        <v>0</v>
      </c>
      <c r="AH31" s="258">
        <v>1</v>
      </c>
      <c r="AI31" s="263">
        <v>1</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0</v>
      </c>
      <c r="BA31" s="261">
        <v>1</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0</v>
      </c>
      <c r="AF32" s="261">
        <v>0</v>
      </c>
      <c r="AG32" s="261">
        <v>0</v>
      </c>
      <c r="AH32" s="258">
        <v>1</v>
      </c>
      <c r="AI32" s="263">
        <v>1</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1</v>
      </c>
      <c r="AD33" s="261">
        <v>0</v>
      </c>
      <c r="AE33" s="261">
        <v>1</v>
      </c>
      <c r="AF33" s="261">
        <v>0</v>
      </c>
      <c r="AG33" s="261">
        <v>0</v>
      </c>
      <c r="AH33" s="258">
        <v>2</v>
      </c>
      <c r="AI33" s="263">
        <v>2</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1</v>
      </c>
      <c r="BM33" s="261">
        <v>0</v>
      </c>
      <c r="BN33" s="261">
        <v>1</v>
      </c>
      <c r="BO33" s="262">
        <v>2</v>
      </c>
      <c r="BP33" s="263">
        <v>2</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v>
      </c>
      <c r="AD34" s="261">
        <v>1</v>
      </c>
      <c r="AE34" s="261">
        <v>1</v>
      </c>
      <c r="AF34" s="261">
        <v>0</v>
      </c>
      <c r="AG34" s="261">
        <v>0</v>
      </c>
      <c r="AH34" s="258">
        <v>3</v>
      </c>
      <c r="AI34" s="263">
        <v>3</v>
      </c>
      <c r="AJ34" s="257">
        <v>0</v>
      </c>
      <c r="AK34" s="261">
        <v>0</v>
      </c>
      <c r="AL34" s="258">
        <v>0</v>
      </c>
      <c r="AM34" s="260">
        <v>0</v>
      </c>
      <c r="AN34" s="261">
        <v>2</v>
      </c>
      <c r="AO34" s="261">
        <v>0</v>
      </c>
      <c r="AP34" s="261">
        <v>0</v>
      </c>
      <c r="AQ34" s="261">
        <v>0</v>
      </c>
      <c r="AR34" s="261">
        <v>0</v>
      </c>
      <c r="AS34" s="258">
        <v>2</v>
      </c>
      <c r="AT34" s="263">
        <v>2</v>
      </c>
      <c r="AU34" s="257">
        <v>0</v>
      </c>
      <c r="AV34" s="261">
        <v>0</v>
      </c>
      <c r="AW34" s="258">
        <v>0</v>
      </c>
      <c r="AX34" s="260">
        <v>0</v>
      </c>
      <c r="AY34" s="261">
        <v>0</v>
      </c>
      <c r="AZ34" s="261">
        <v>1</v>
      </c>
      <c r="BA34" s="261">
        <v>0</v>
      </c>
      <c r="BB34" s="261">
        <v>0</v>
      </c>
      <c r="BC34" s="261">
        <v>0</v>
      </c>
      <c r="BD34" s="258">
        <v>1</v>
      </c>
      <c r="BE34" s="263">
        <v>1</v>
      </c>
      <c r="BF34" s="257">
        <v>0</v>
      </c>
      <c r="BG34" s="261">
        <v>0</v>
      </c>
      <c r="BH34" s="258">
        <v>0</v>
      </c>
      <c r="BI34" s="260">
        <v>0</v>
      </c>
      <c r="BJ34" s="261">
        <v>0</v>
      </c>
      <c r="BK34" s="261">
        <v>0</v>
      </c>
      <c r="BL34" s="261">
        <v>1</v>
      </c>
      <c r="BM34" s="261">
        <v>0</v>
      </c>
      <c r="BN34" s="261">
        <v>1</v>
      </c>
      <c r="BO34" s="262">
        <v>2</v>
      </c>
      <c r="BP34" s="263">
        <v>2</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2</v>
      </c>
      <c r="CJ34" s="261">
        <v>0</v>
      </c>
      <c r="CK34" s="258">
        <v>3</v>
      </c>
      <c r="CL34" s="263">
        <v>3</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1</v>
      </c>
      <c r="CT35" s="261">
        <v>0</v>
      </c>
      <c r="CU35" s="261">
        <v>1</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1</v>
      </c>
      <c r="CS36" s="261">
        <v>0</v>
      </c>
      <c r="CT36" s="261">
        <v>0</v>
      </c>
      <c r="CU36" s="261">
        <v>1</v>
      </c>
      <c r="CV36" s="258">
        <v>2</v>
      </c>
      <c r="CW36" s="263">
        <v>2</v>
      </c>
    </row>
    <row r="37" spans="2:101" ht="21" customHeight="1" x14ac:dyDescent="0.2">
      <c r="B37" s="472"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0</v>
      </c>
      <c r="BA37" s="261">
        <v>0</v>
      </c>
      <c r="BB37" s="261">
        <v>1</v>
      </c>
      <c r="BC37" s="261">
        <v>0</v>
      </c>
      <c r="BD37" s="258">
        <v>1</v>
      </c>
      <c r="BE37" s="263">
        <v>1</v>
      </c>
      <c r="BF37" s="257">
        <v>0</v>
      </c>
      <c r="BG37" s="261">
        <v>0</v>
      </c>
      <c r="BH37" s="258">
        <v>0</v>
      </c>
      <c r="BI37" s="260">
        <v>0</v>
      </c>
      <c r="BJ37" s="261">
        <v>0</v>
      </c>
      <c r="BK37" s="261">
        <v>0</v>
      </c>
      <c r="BL37" s="261">
        <v>0</v>
      </c>
      <c r="BM37" s="261">
        <v>1</v>
      </c>
      <c r="BN37" s="261">
        <v>0</v>
      </c>
      <c r="BO37" s="262">
        <v>1</v>
      </c>
      <c r="BP37" s="263">
        <v>1</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1</v>
      </c>
      <c r="AD38" s="261">
        <v>0</v>
      </c>
      <c r="AE38" s="261">
        <v>0</v>
      </c>
      <c r="AF38" s="261">
        <v>2</v>
      </c>
      <c r="AG38" s="261">
        <v>0</v>
      </c>
      <c r="AH38" s="258">
        <v>3</v>
      </c>
      <c r="AI38" s="263">
        <v>3</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1</v>
      </c>
      <c r="AZ38" s="261">
        <v>0</v>
      </c>
      <c r="BA38" s="261">
        <v>0</v>
      </c>
      <c r="BB38" s="261">
        <v>0</v>
      </c>
      <c r="BC38" s="261">
        <v>0</v>
      </c>
      <c r="BD38" s="258">
        <v>1</v>
      </c>
      <c r="BE38" s="263">
        <v>1</v>
      </c>
      <c r="BF38" s="257">
        <v>0</v>
      </c>
      <c r="BG38" s="261">
        <v>0</v>
      </c>
      <c r="BH38" s="258">
        <v>0</v>
      </c>
      <c r="BI38" s="260">
        <v>0</v>
      </c>
      <c r="BJ38" s="261">
        <v>1</v>
      </c>
      <c r="BK38" s="261">
        <v>1</v>
      </c>
      <c r="BL38" s="261">
        <v>0</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5</v>
      </c>
      <c r="H1" s="499">
        <f>第１表!F2</f>
        <v>5</v>
      </c>
      <c r="I1" s="499"/>
      <c r="J1" s="235">
        <f>第１表!G2</f>
        <v>8</v>
      </c>
      <c r="K1" s="504">
        <f>IF(J1&lt;3,J1+12-2,J1-2)</f>
        <v>6</v>
      </c>
      <c r="L1" s="504"/>
    </row>
    <row r="2" spans="2:24" ht="24" customHeight="1" thickBot="1" x14ac:dyDescent="0.25">
      <c r="B2" s="271" t="s">
        <v>132</v>
      </c>
    </row>
    <row r="3" spans="2:24" ht="21" customHeight="1" x14ac:dyDescent="0.2">
      <c r="B3" s="507"/>
      <c r="C3" s="508" t="s">
        <v>142</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104640</v>
      </c>
      <c r="H6" s="254">
        <v>104335</v>
      </c>
      <c r="I6" s="254">
        <v>62821</v>
      </c>
      <c r="J6" s="254">
        <v>33164</v>
      </c>
      <c r="K6" s="254">
        <v>14281</v>
      </c>
      <c r="L6" s="251">
        <v>319241</v>
      </c>
      <c r="M6" s="256">
        <v>319241</v>
      </c>
      <c r="N6" s="254">
        <v>44</v>
      </c>
      <c r="O6" s="254">
        <v>50</v>
      </c>
      <c r="P6" s="251">
        <v>94</v>
      </c>
      <c r="Q6" s="253">
        <v>0</v>
      </c>
      <c r="R6" s="254">
        <v>6727</v>
      </c>
      <c r="S6" s="254">
        <v>9386</v>
      </c>
      <c r="T6" s="254">
        <v>12144</v>
      </c>
      <c r="U6" s="254">
        <v>6705</v>
      </c>
      <c r="V6" s="254">
        <v>5257</v>
      </c>
      <c r="W6" s="251">
        <v>40219</v>
      </c>
      <c r="X6" s="256">
        <v>40313</v>
      </c>
    </row>
    <row r="7" spans="2:24" ht="21" customHeight="1" x14ac:dyDescent="0.2">
      <c r="B7" s="471" t="s">
        <v>5</v>
      </c>
      <c r="C7" s="261">
        <v>0</v>
      </c>
      <c r="D7" s="261">
        <v>0</v>
      </c>
      <c r="E7" s="258">
        <v>0</v>
      </c>
      <c r="F7" s="260">
        <v>0</v>
      </c>
      <c r="G7" s="261">
        <v>36036</v>
      </c>
      <c r="H7" s="261">
        <v>49140</v>
      </c>
      <c r="I7" s="261">
        <v>28436</v>
      </c>
      <c r="J7" s="261">
        <v>15136</v>
      </c>
      <c r="K7" s="261">
        <v>6293</v>
      </c>
      <c r="L7" s="258">
        <v>135041</v>
      </c>
      <c r="M7" s="263">
        <v>135041</v>
      </c>
      <c r="N7" s="261">
        <v>31</v>
      </c>
      <c r="O7" s="261">
        <v>25</v>
      </c>
      <c r="P7" s="258">
        <v>56</v>
      </c>
      <c r="Q7" s="260">
        <v>0</v>
      </c>
      <c r="R7" s="261">
        <v>3289</v>
      </c>
      <c r="S7" s="261">
        <v>4987</v>
      </c>
      <c r="T7" s="261">
        <v>6221</v>
      </c>
      <c r="U7" s="261">
        <v>3587</v>
      </c>
      <c r="V7" s="261">
        <v>2884</v>
      </c>
      <c r="W7" s="258">
        <v>20968</v>
      </c>
      <c r="X7" s="263">
        <v>21024</v>
      </c>
    </row>
    <row r="8" spans="2:24" ht="21" customHeight="1" x14ac:dyDescent="0.2">
      <c r="B8" s="472" t="s">
        <v>6</v>
      </c>
      <c r="C8" s="261">
        <v>0</v>
      </c>
      <c r="D8" s="261">
        <v>0</v>
      </c>
      <c r="E8" s="258">
        <v>0</v>
      </c>
      <c r="F8" s="260">
        <v>0</v>
      </c>
      <c r="G8" s="261">
        <v>14991</v>
      </c>
      <c r="H8" s="261">
        <v>11081</v>
      </c>
      <c r="I8" s="261">
        <v>7643</v>
      </c>
      <c r="J8" s="261">
        <v>4441</v>
      </c>
      <c r="K8" s="261">
        <v>1974</v>
      </c>
      <c r="L8" s="258">
        <v>40130</v>
      </c>
      <c r="M8" s="263">
        <v>40130</v>
      </c>
      <c r="N8" s="261">
        <v>2</v>
      </c>
      <c r="O8" s="261">
        <v>7</v>
      </c>
      <c r="P8" s="258">
        <v>9</v>
      </c>
      <c r="Q8" s="260">
        <v>0</v>
      </c>
      <c r="R8" s="261">
        <v>1613</v>
      </c>
      <c r="S8" s="261">
        <v>2064</v>
      </c>
      <c r="T8" s="261">
        <v>2612</v>
      </c>
      <c r="U8" s="261">
        <v>1486</v>
      </c>
      <c r="V8" s="261">
        <v>1108</v>
      </c>
      <c r="W8" s="258">
        <v>8883</v>
      </c>
      <c r="X8" s="263">
        <v>8892</v>
      </c>
    </row>
    <row r="9" spans="2:24" ht="21" customHeight="1" x14ac:dyDescent="0.2">
      <c r="B9" s="472" t="s">
        <v>14</v>
      </c>
      <c r="C9" s="261">
        <v>0</v>
      </c>
      <c r="D9" s="261">
        <v>0</v>
      </c>
      <c r="E9" s="258">
        <v>0</v>
      </c>
      <c r="F9" s="260">
        <v>0</v>
      </c>
      <c r="G9" s="261">
        <v>7652</v>
      </c>
      <c r="H9" s="261">
        <v>9576</v>
      </c>
      <c r="I9" s="261">
        <v>5586</v>
      </c>
      <c r="J9" s="261">
        <v>2914</v>
      </c>
      <c r="K9" s="261">
        <v>1356</v>
      </c>
      <c r="L9" s="258">
        <v>27084</v>
      </c>
      <c r="M9" s="263">
        <v>27084</v>
      </c>
      <c r="N9" s="261">
        <v>3</v>
      </c>
      <c r="O9" s="261">
        <v>0</v>
      </c>
      <c r="P9" s="258">
        <v>3</v>
      </c>
      <c r="Q9" s="260">
        <v>0</v>
      </c>
      <c r="R9" s="261">
        <v>124</v>
      </c>
      <c r="S9" s="261">
        <v>202</v>
      </c>
      <c r="T9" s="261">
        <v>424</v>
      </c>
      <c r="U9" s="261">
        <v>303</v>
      </c>
      <c r="V9" s="261">
        <v>238</v>
      </c>
      <c r="W9" s="258">
        <v>1291</v>
      </c>
      <c r="X9" s="263">
        <v>1294</v>
      </c>
    </row>
    <row r="10" spans="2:24" ht="21" customHeight="1" x14ac:dyDescent="0.2">
      <c r="B10" s="472" t="s">
        <v>7</v>
      </c>
      <c r="C10" s="261">
        <v>0</v>
      </c>
      <c r="D10" s="261">
        <v>0</v>
      </c>
      <c r="E10" s="258">
        <v>0</v>
      </c>
      <c r="F10" s="260">
        <v>0</v>
      </c>
      <c r="G10" s="261">
        <v>8316</v>
      </c>
      <c r="H10" s="261">
        <v>5312</v>
      </c>
      <c r="I10" s="261">
        <v>2857</v>
      </c>
      <c r="J10" s="261">
        <v>1196</v>
      </c>
      <c r="K10" s="261">
        <v>496</v>
      </c>
      <c r="L10" s="258">
        <v>18177</v>
      </c>
      <c r="M10" s="263">
        <v>18177</v>
      </c>
      <c r="N10" s="261">
        <v>0</v>
      </c>
      <c r="O10" s="261">
        <v>0</v>
      </c>
      <c r="P10" s="258">
        <v>0</v>
      </c>
      <c r="Q10" s="260">
        <v>0</v>
      </c>
      <c r="R10" s="261">
        <v>724</v>
      </c>
      <c r="S10" s="261">
        <v>969</v>
      </c>
      <c r="T10" s="261">
        <v>1042</v>
      </c>
      <c r="U10" s="261">
        <v>503</v>
      </c>
      <c r="V10" s="261">
        <v>225</v>
      </c>
      <c r="W10" s="258">
        <v>3463</v>
      </c>
      <c r="X10" s="263">
        <v>3463</v>
      </c>
    </row>
    <row r="11" spans="2:24" ht="21" customHeight="1" x14ac:dyDescent="0.2">
      <c r="B11" s="472" t="s">
        <v>8</v>
      </c>
      <c r="C11" s="261">
        <v>0</v>
      </c>
      <c r="D11" s="261">
        <v>0</v>
      </c>
      <c r="E11" s="258">
        <v>0</v>
      </c>
      <c r="F11" s="260">
        <v>0</v>
      </c>
      <c r="G11" s="261">
        <v>5097</v>
      </c>
      <c r="H11" s="261">
        <v>5000</v>
      </c>
      <c r="I11" s="261">
        <v>2656</v>
      </c>
      <c r="J11" s="261">
        <v>1317</v>
      </c>
      <c r="K11" s="261">
        <v>491</v>
      </c>
      <c r="L11" s="258">
        <v>14561</v>
      </c>
      <c r="M11" s="263">
        <v>14561</v>
      </c>
      <c r="N11" s="261">
        <v>0</v>
      </c>
      <c r="O11" s="261">
        <v>0</v>
      </c>
      <c r="P11" s="258">
        <v>0</v>
      </c>
      <c r="Q11" s="260">
        <v>0</v>
      </c>
      <c r="R11" s="261">
        <v>61</v>
      </c>
      <c r="S11" s="261">
        <v>67</v>
      </c>
      <c r="T11" s="261">
        <v>119</v>
      </c>
      <c r="U11" s="261">
        <v>99</v>
      </c>
      <c r="V11" s="261">
        <v>96</v>
      </c>
      <c r="W11" s="258">
        <v>442</v>
      </c>
      <c r="X11" s="263">
        <v>442</v>
      </c>
    </row>
    <row r="12" spans="2:24" ht="21" customHeight="1" x14ac:dyDescent="0.2">
      <c r="B12" s="472" t="s">
        <v>9</v>
      </c>
      <c r="C12" s="261">
        <v>0</v>
      </c>
      <c r="D12" s="261">
        <v>0</v>
      </c>
      <c r="E12" s="258">
        <v>0</v>
      </c>
      <c r="F12" s="260">
        <v>0</v>
      </c>
      <c r="G12" s="261">
        <v>3274</v>
      </c>
      <c r="H12" s="261">
        <v>2070</v>
      </c>
      <c r="I12" s="261">
        <v>1802</v>
      </c>
      <c r="J12" s="261">
        <v>964</v>
      </c>
      <c r="K12" s="261">
        <v>302</v>
      </c>
      <c r="L12" s="258">
        <v>8412</v>
      </c>
      <c r="M12" s="263">
        <v>8412</v>
      </c>
      <c r="N12" s="261">
        <v>0</v>
      </c>
      <c r="O12" s="261">
        <v>0</v>
      </c>
      <c r="P12" s="258">
        <v>0</v>
      </c>
      <c r="Q12" s="260">
        <v>0</v>
      </c>
      <c r="R12" s="261">
        <v>31</v>
      </c>
      <c r="S12" s="261">
        <v>31</v>
      </c>
      <c r="T12" s="261">
        <v>112</v>
      </c>
      <c r="U12" s="261">
        <v>10</v>
      </c>
      <c r="V12" s="261">
        <v>72</v>
      </c>
      <c r="W12" s="258">
        <v>256</v>
      </c>
      <c r="X12" s="263">
        <v>256</v>
      </c>
    </row>
    <row r="13" spans="2:24" ht="21" customHeight="1" x14ac:dyDescent="0.2">
      <c r="B13" s="472" t="s">
        <v>10</v>
      </c>
      <c r="C13" s="261">
        <v>0</v>
      </c>
      <c r="D13" s="261">
        <v>0</v>
      </c>
      <c r="E13" s="258">
        <v>0</v>
      </c>
      <c r="F13" s="260">
        <v>0</v>
      </c>
      <c r="G13" s="261">
        <v>4115</v>
      </c>
      <c r="H13" s="261">
        <v>2286</v>
      </c>
      <c r="I13" s="261">
        <v>1366</v>
      </c>
      <c r="J13" s="261">
        <v>625</v>
      </c>
      <c r="K13" s="261">
        <v>251</v>
      </c>
      <c r="L13" s="258">
        <v>8643</v>
      </c>
      <c r="M13" s="263">
        <v>8643</v>
      </c>
      <c r="N13" s="261">
        <v>0</v>
      </c>
      <c r="O13" s="261">
        <v>4</v>
      </c>
      <c r="P13" s="258">
        <v>4</v>
      </c>
      <c r="Q13" s="260">
        <v>0</v>
      </c>
      <c r="R13" s="261">
        <v>59</v>
      </c>
      <c r="S13" s="261">
        <v>112</v>
      </c>
      <c r="T13" s="261">
        <v>260</v>
      </c>
      <c r="U13" s="261">
        <v>96</v>
      </c>
      <c r="V13" s="261">
        <v>140</v>
      </c>
      <c r="W13" s="258">
        <v>667</v>
      </c>
      <c r="X13" s="263">
        <v>671</v>
      </c>
    </row>
    <row r="14" spans="2:24" ht="21" customHeight="1" x14ac:dyDescent="0.2">
      <c r="B14" s="472" t="s">
        <v>11</v>
      </c>
      <c r="C14" s="261">
        <v>0</v>
      </c>
      <c r="D14" s="261">
        <v>0</v>
      </c>
      <c r="E14" s="258">
        <v>0</v>
      </c>
      <c r="F14" s="260">
        <v>0</v>
      </c>
      <c r="G14" s="261">
        <v>4222</v>
      </c>
      <c r="H14" s="261">
        <v>2580</v>
      </c>
      <c r="I14" s="261">
        <v>1697</v>
      </c>
      <c r="J14" s="261">
        <v>741</v>
      </c>
      <c r="K14" s="261">
        <v>350</v>
      </c>
      <c r="L14" s="258">
        <v>9590</v>
      </c>
      <c r="M14" s="263">
        <v>9590</v>
      </c>
      <c r="N14" s="261">
        <v>4</v>
      </c>
      <c r="O14" s="261">
        <v>0</v>
      </c>
      <c r="P14" s="258">
        <v>4</v>
      </c>
      <c r="Q14" s="260">
        <v>0</v>
      </c>
      <c r="R14" s="261">
        <v>143</v>
      </c>
      <c r="S14" s="261">
        <v>118</v>
      </c>
      <c r="T14" s="261">
        <v>182</v>
      </c>
      <c r="U14" s="261">
        <v>0</v>
      </c>
      <c r="V14" s="261">
        <v>9</v>
      </c>
      <c r="W14" s="258">
        <v>452</v>
      </c>
      <c r="X14" s="263">
        <v>456</v>
      </c>
    </row>
    <row r="15" spans="2:24" ht="21" customHeight="1" x14ac:dyDescent="0.2">
      <c r="B15" s="472" t="s">
        <v>12</v>
      </c>
      <c r="C15" s="261">
        <v>0</v>
      </c>
      <c r="D15" s="261">
        <v>0</v>
      </c>
      <c r="E15" s="258">
        <v>0</v>
      </c>
      <c r="F15" s="260">
        <v>0</v>
      </c>
      <c r="G15" s="261">
        <v>3208</v>
      </c>
      <c r="H15" s="261">
        <v>2152</v>
      </c>
      <c r="I15" s="261">
        <v>1377</v>
      </c>
      <c r="J15" s="261">
        <v>762</v>
      </c>
      <c r="K15" s="261">
        <v>282</v>
      </c>
      <c r="L15" s="258">
        <v>7781</v>
      </c>
      <c r="M15" s="263">
        <v>7781</v>
      </c>
      <c r="N15" s="261">
        <v>0</v>
      </c>
      <c r="O15" s="261">
        <v>0</v>
      </c>
      <c r="P15" s="258">
        <v>0</v>
      </c>
      <c r="Q15" s="260">
        <v>0</v>
      </c>
      <c r="R15" s="261">
        <v>30</v>
      </c>
      <c r="S15" s="261">
        <v>16</v>
      </c>
      <c r="T15" s="261">
        <v>12</v>
      </c>
      <c r="U15" s="261">
        <v>4</v>
      </c>
      <c r="V15" s="261">
        <v>12</v>
      </c>
      <c r="W15" s="258">
        <v>74</v>
      </c>
      <c r="X15" s="263">
        <v>74</v>
      </c>
    </row>
    <row r="16" spans="2:24" ht="21" customHeight="1" x14ac:dyDescent="0.2">
      <c r="B16" s="472" t="s">
        <v>13</v>
      </c>
      <c r="C16" s="261">
        <v>0</v>
      </c>
      <c r="D16" s="261">
        <v>0</v>
      </c>
      <c r="E16" s="258">
        <v>0</v>
      </c>
      <c r="F16" s="260">
        <v>0</v>
      </c>
      <c r="G16" s="261">
        <v>1379</v>
      </c>
      <c r="H16" s="261">
        <v>1143</v>
      </c>
      <c r="I16" s="261">
        <v>733</v>
      </c>
      <c r="J16" s="261">
        <v>323</v>
      </c>
      <c r="K16" s="261">
        <v>166</v>
      </c>
      <c r="L16" s="258">
        <v>3744</v>
      </c>
      <c r="M16" s="263">
        <v>3744</v>
      </c>
      <c r="N16" s="261">
        <v>0</v>
      </c>
      <c r="O16" s="261">
        <v>0</v>
      </c>
      <c r="P16" s="258">
        <v>0</v>
      </c>
      <c r="Q16" s="260">
        <v>0</v>
      </c>
      <c r="R16" s="261">
        <v>16</v>
      </c>
      <c r="S16" s="261">
        <v>45</v>
      </c>
      <c r="T16" s="261">
        <v>66</v>
      </c>
      <c r="U16" s="261">
        <v>37</v>
      </c>
      <c r="V16" s="261">
        <v>35</v>
      </c>
      <c r="W16" s="258">
        <v>199</v>
      </c>
      <c r="X16" s="263">
        <v>199</v>
      </c>
    </row>
    <row r="17" spans="2:24" ht="21" customHeight="1" x14ac:dyDescent="0.2">
      <c r="B17" s="472" t="s">
        <v>15</v>
      </c>
      <c r="C17" s="261">
        <v>0</v>
      </c>
      <c r="D17" s="261">
        <v>0</v>
      </c>
      <c r="E17" s="258">
        <v>0</v>
      </c>
      <c r="F17" s="260">
        <v>0</v>
      </c>
      <c r="G17" s="261">
        <v>1218</v>
      </c>
      <c r="H17" s="261">
        <v>1349</v>
      </c>
      <c r="I17" s="261">
        <v>817</v>
      </c>
      <c r="J17" s="261">
        <v>305</v>
      </c>
      <c r="K17" s="261">
        <v>135</v>
      </c>
      <c r="L17" s="258">
        <v>3824</v>
      </c>
      <c r="M17" s="263">
        <v>3824</v>
      </c>
      <c r="N17" s="261">
        <v>0</v>
      </c>
      <c r="O17" s="261">
        <v>0</v>
      </c>
      <c r="P17" s="258">
        <v>0</v>
      </c>
      <c r="Q17" s="260">
        <v>0</v>
      </c>
      <c r="R17" s="261">
        <v>28</v>
      </c>
      <c r="S17" s="261">
        <v>28</v>
      </c>
      <c r="T17" s="261">
        <v>45</v>
      </c>
      <c r="U17" s="261">
        <v>28</v>
      </c>
      <c r="V17" s="261">
        <v>39</v>
      </c>
      <c r="W17" s="258">
        <v>168</v>
      </c>
      <c r="X17" s="263">
        <v>168</v>
      </c>
    </row>
    <row r="18" spans="2:24" ht="21" customHeight="1" x14ac:dyDescent="0.2">
      <c r="B18" s="472" t="s">
        <v>16</v>
      </c>
      <c r="C18" s="261">
        <v>0</v>
      </c>
      <c r="D18" s="261">
        <v>0</v>
      </c>
      <c r="E18" s="258">
        <v>0</v>
      </c>
      <c r="F18" s="260">
        <v>0</v>
      </c>
      <c r="G18" s="261">
        <v>1303</v>
      </c>
      <c r="H18" s="261">
        <v>1356</v>
      </c>
      <c r="I18" s="261">
        <v>946</v>
      </c>
      <c r="J18" s="261">
        <v>374</v>
      </c>
      <c r="K18" s="261">
        <v>254</v>
      </c>
      <c r="L18" s="258">
        <v>4233</v>
      </c>
      <c r="M18" s="263">
        <v>4233</v>
      </c>
      <c r="N18" s="261">
        <v>0</v>
      </c>
      <c r="O18" s="261">
        <v>0</v>
      </c>
      <c r="P18" s="258">
        <v>0</v>
      </c>
      <c r="Q18" s="260">
        <v>0</v>
      </c>
      <c r="R18" s="261">
        <v>31</v>
      </c>
      <c r="S18" s="261">
        <v>120</v>
      </c>
      <c r="T18" s="261">
        <v>65</v>
      </c>
      <c r="U18" s="261">
        <v>36</v>
      </c>
      <c r="V18" s="261">
        <v>47</v>
      </c>
      <c r="W18" s="258">
        <v>299</v>
      </c>
      <c r="X18" s="263">
        <v>299</v>
      </c>
    </row>
    <row r="19" spans="2:24" ht="21" customHeight="1" x14ac:dyDescent="0.2">
      <c r="B19" s="472" t="s">
        <v>17</v>
      </c>
      <c r="C19" s="261">
        <v>0</v>
      </c>
      <c r="D19" s="261">
        <v>0</v>
      </c>
      <c r="E19" s="258">
        <v>0</v>
      </c>
      <c r="F19" s="260">
        <v>0</v>
      </c>
      <c r="G19" s="261">
        <v>2126</v>
      </c>
      <c r="H19" s="261">
        <v>2622</v>
      </c>
      <c r="I19" s="261">
        <v>1508</v>
      </c>
      <c r="J19" s="261">
        <v>1439</v>
      </c>
      <c r="K19" s="261">
        <v>787</v>
      </c>
      <c r="L19" s="258">
        <v>8482</v>
      </c>
      <c r="M19" s="263">
        <v>8482</v>
      </c>
      <c r="N19" s="261">
        <v>4</v>
      </c>
      <c r="O19" s="261">
        <v>13</v>
      </c>
      <c r="P19" s="258">
        <v>17</v>
      </c>
      <c r="Q19" s="260">
        <v>0</v>
      </c>
      <c r="R19" s="261">
        <v>174</v>
      </c>
      <c r="S19" s="261">
        <v>188</v>
      </c>
      <c r="T19" s="261">
        <v>126</v>
      </c>
      <c r="U19" s="261">
        <v>190</v>
      </c>
      <c r="V19" s="261">
        <v>41</v>
      </c>
      <c r="W19" s="258">
        <v>719</v>
      </c>
      <c r="X19" s="263">
        <v>736</v>
      </c>
    </row>
    <row r="20" spans="2:24" ht="21" customHeight="1" x14ac:dyDescent="0.2">
      <c r="B20" s="472" t="s">
        <v>18</v>
      </c>
      <c r="C20" s="261">
        <v>0</v>
      </c>
      <c r="D20" s="261">
        <v>0</v>
      </c>
      <c r="E20" s="258">
        <v>0</v>
      </c>
      <c r="F20" s="260">
        <v>0</v>
      </c>
      <c r="G20" s="261">
        <v>2356</v>
      </c>
      <c r="H20" s="261">
        <v>1660</v>
      </c>
      <c r="I20" s="261">
        <v>983</v>
      </c>
      <c r="J20" s="261">
        <v>478</v>
      </c>
      <c r="K20" s="261">
        <v>177</v>
      </c>
      <c r="L20" s="258">
        <v>5654</v>
      </c>
      <c r="M20" s="263">
        <v>5654</v>
      </c>
      <c r="N20" s="261">
        <v>0</v>
      </c>
      <c r="O20" s="261">
        <v>1</v>
      </c>
      <c r="P20" s="258">
        <v>1</v>
      </c>
      <c r="Q20" s="260">
        <v>0</v>
      </c>
      <c r="R20" s="261">
        <v>109</v>
      </c>
      <c r="S20" s="261">
        <v>72</v>
      </c>
      <c r="T20" s="261">
        <v>301</v>
      </c>
      <c r="U20" s="261">
        <v>149</v>
      </c>
      <c r="V20" s="261">
        <v>92</v>
      </c>
      <c r="W20" s="258">
        <v>723</v>
      </c>
      <c r="X20" s="263">
        <v>724</v>
      </c>
    </row>
    <row r="21" spans="2:24" ht="21" customHeight="1" x14ac:dyDescent="0.2">
      <c r="B21" s="472" t="s">
        <v>19</v>
      </c>
      <c r="C21" s="261">
        <v>0</v>
      </c>
      <c r="D21" s="261">
        <v>0</v>
      </c>
      <c r="E21" s="258">
        <v>0</v>
      </c>
      <c r="F21" s="260">
        <v>0</v>
      </c>
      <c r="G21" s="261">
        <v>1020</v>
      </c>
      <c r="H21" s="261">
        <v>911</v>
      </c>
      <c r="I21" s="261">
        <v>516</v>
      </c>
      <c r="J21" s="261">
        <v>267</v>
      </c>
      <c r="K21" s="261">
        <v>153</v>
      </c>
      <c r="L21" s="258">
        <v>2867</v>
      </c>
      <c r="M21" s="263">
        <v>2867</v>
      </c>
      <c r="N21" s="261">
        <v>0</v>
      </c>
      <c r="O21" s="261">
        <v>0</v>
      </c>
      <c r="P21" s="258">
        <v>0</v>
      </c>
      <c r="Q21" s="260">
        <v>0</v>
      </c>
      <c r="R21" s="261">
        <v>92</v>
      </c>
      <c r="S21" s="261">
        <v>195</v>
      </c>
      <c r="T21" s="261">
        <v>257</v>
      </c>
      <c r="U21" s="261">
        <v>24</v>
      </c>
      <c r="V21" s="261">
        <v>35</v>
      </c>
      <c r="W21" s="258">
        <v>603</v>
      </c>
      <c r="X21" s="263">
        <v>603</v>
      </c>
    </row>
    <row r="22" spans="2:24" ht="21" customHeight="1" x14ac:dyDescent="0.2">
      <c r="B22" s="472" t="s">
        <v>20</v>
      </c>
      <c r="C22" s="261">
        <v>0</v>
      </c>
      <c r="D22" s="261">
        <v>0</v>
      </c>
      <c r="E22" s="258">
        <v>0</v>
      </c>
      <c r="F22" s="260">
        <v>0</v>
      </c>
      <c r="G22" s="261">
        <v>1497</v>
      </c>
      <c r="H22" s="261">
        <v>777</v>
      </c>
      <c r="I22" s="261">
        <v>672</v>
      </c>
      <c r="J22" s="261">
        <v>167</v>
      </c>
      <c r="K22" s="261">
        <v>53</v>
      </c>
      <c r="L22" s="258">
        <v>3166</v>
      </c>
      <c r="M22" s="263">
        <v>3166</v>
      </c>
      <c r="N22" s="261">
        <v>0</v>
      </c>
      <c r="O22" s="261">
        <v>0</v>
      </c>
      <c r="P22" s="258">
        <v>0</v>
      </c>
      <c r="Q22" s="260">
        <v>0</v>
      </c>
      <c r="R22" s="261">
        <v>11</v>
      </c>
      <c r="S22" s="261">
        <v>0</v>
      </c>
      <c r="T22" s="261">
        <v>15</v>
      </c>
      <c r="U22" s="261">
        <v>0</v>
      </c>
      <c r="V22" s="261">
        <v>26</v>
      </c>
      <c r="W22" s="258">
        <v>52</v>
      </c>
      <c r="X22" s="263">
        <v>52</v>
      </c>
    </row>
    <row r="23" spans="2:24" ht="21" customHeight="1" x14ac:dyDescent="0.2">
      <c r="B23" s="472" t="s">
        <v>21</v>
      </c>
      <c r="C23" s="261">
        <v>0</v>
      </c>
      <c r="D23" s="261">
        <v>0</v>
      </c>
      <c r="E23" s="258">
        <v>0</v>
      </c>
      <c r="F23" s="260">
        <v>0</v>
      </c>
      <c r="G23" s="261">
        <v>1475</v>
      </c>
      <c r="H23" s="261">
        <v>1497</v>
      </c>
      <c r="I23" s="261">
        <v>763</v>
      </c>
      <c r="J23" s="261">
        <v>254</v>
      </c>
      <c r="K23" s="261">
        <v>100</v>
      </c>
      <c r="L23" s="258">
        <v>4089</v>
      </c>
      <c r="M23" s="263">
        <v>4089</v>
      </c>
      <c r="N23" s="261">
        <v>0</v>
      </c>
      <c r="O23" s="261">
        <v>0</v>
      </c>
      <c r="P23" s="258">
        <v>0</v>
      </c>
      <c r="Q23" s="260">
        <v>0</v>
      </c>
      <c r="R23" s="261">
        <v>0</v>
      </c>
      <c r="S23" s="261">
        <v>0</v>
      </c>
      <c r="T23" s="261">
        <v>0</v>
      </c>
      <c r="U23" s="261">
        <v>16</v>
      </c>
      <c r="V23" s="261">
        <v>0</v>
      </c>
      <c r="W23" s="258">
        <v>16</v>
      </c>
      <c r="X23" s="263">
        <v>16</v>
      </c>
    </row>
    <row r="24" spans="2:24" ht="21" customHeight="1" x14ac:dyDescent="0.2">
      <c r="B24" s="472" t="s">
        <v>22</v>
      </c>
      <c r="C24" s="261">
        <v>0</v>
      </c>
      <c r="D24" s="261">
        <v>0</v>
      </c>
      <c r="E24" s="258">
        <v>0</v>
      </c>
      <c r="F24" s="260">
        <v>0</v>
      </c>
      <c r="G24" s="261">
        <v>1126</v>
      </c>
      <c r="H24" s="261">
        <v>840</v>
      </c>
      <c r="I24" s="261">
        <v>537</v>
      </c>
      <c r="J24" s="261">
        <v>369</v>
      </c>
      <c r="K24" s="261">
        <v>78</v>
      </c>
      <c r="L24" s="258">
        <v>2950</v>
      </c>
      <c r="M24" s="263">
        <v>2950</v>
      </c>
      <c r="N24" s="261">
        <v>0</v>
      </c>
      <c r="O24" s="261">
        <v>0</v>
      </c>
      <c r="P24" s="258">
        <v>0</v>
      </c>
      <c r="Q24" s="260">
        <v>0</v>
      </c>
      <c r="R24" s="261">
        <v>7</v>
      </c>
      <c r="S24" s="261">
        <v>61</v>
      </c>
      <c r="T24" s="261">
        <v>76</v>
      </c>
      <c r="U24" s="261">
        <v>34</v>
      </c>
      <c r="V24" s="261">
        <v>43</v>
      </c>
      <c r="W24" s="258">
        <v>221</v>
      </c>
      <c r="X24" s="263">
        <v>221</v>
      </c>
    </row>
    <row r="25" spans="2:24" ht="21" customHeight="1" x14ac:dyDescent="0.2">
      <c r="B25" s="472" t="s">
        <v>23</v>
      </c>
      <c r="C25" s="261">
        <v>0</v>
      </c>
      <c r="D25" s="261">
        <v>0</v>
      </c>
      <c r="E25" s="258">
        <v>0</v>
      </c>
      <c r="F25" s="260">
        <v>0</v>
      </c>
      <c r="G25" s="261">
        <v>471</v>
      </c>
      <c r="H25" s="261">
        <v>420</v>
      </c>
      <c r="I25" s="261">
        <v>282</v>
      </c>
      <c r="J25" s="261">
        <v>192</v>
      </c>
      <c r="K25" s="261">
        <v>99</v>
      </c>
      <c r="L25" s="258">
        <v>1464</v>
      </c>
      <c r="M25" s="263">
        <v>1464</v>
      </c>
      <c r="N25" s="261">
        <v>0</v>
      </c>
      <c r="O25" s="261">
        <v>0</v>
      </c>
      <c r="P25" s="258">
        <v>0</v>
      </c>
      <c r="Q25" s="260">
        <v>0</v>
      </c>
      <c r="R25" s="261">
        <v>0</v>
      </c>
      <c r="S25" s="261">
        <v>0</v>
      </c>
      <c r="T25" s="261">
        <v>20</v>
      </c>
      <c r="U25" s="261">
        <v>20</v>
      </c>
      <c r="V25" s="261">
        <v>9</v>
      </c>
      <c r="W25" s="258">
        <v>49</v>
      </c>
      <c r="X25" s="263">
        <v>49</v>
      </c>
    </row>
    <row r="26" spans="2:24" ht="21" customHeight="1" x14ac:dyDescent="0.2">
      <c r="B26" s="472" t="s">
        <v>24</v>
      </c>
      <c r="C26" s="261">
        <v>0</v>
      </c>
      <c r="D26" s="261">
        <v>0</v>
      </c>
      <c r="E26" s="258">
        <v>0</v>
      </c>
      <c r="F26" s="260">
        <v>0</v>
      </c>
      <c r="G26" s="261">
        <v>237</v>
      </c>
      <c r="H26" s="261">
        <v>150</v>
      </c>
      <c r="I26" s="261">
        <v>152</v>
      </c>
      <c r="J26" s="261">
        <v>38</v>
      </c>
      <c r="K26" s="261">
        <v>19</v>
      </c>
      <c r="L26" s="258">
        <v>596</v>
      </c>
      <c r="M26" s="263">
        <v>596</v>
      </c>
      <c r="N26" s="261">
        <v>0</v>
      </c>
      <c r="O26" s="261">
        <v>0</v>
      </c>
      <c r="P26" s="258">
        <v>0</v>
      </c>
      <c r="Q26" s="260">
        <v>0</v>
      </c>
      <c r="R26" s="261">
        <v>72</v>
      </c>
      <c r="S26" s="261">
        <v>41</v>
      </c>
      <c r="T26" s="261">
        <v>61</v>
      </c>
      <c r="U26" s="261">
        <v>13</v>
      </c>
      <c r="V26" s="261">
        <v>13</v>
      </c>
      <c r="W26" s="258">
        <v>200</v>
      </c>
      <c r="X26" s="263">
        <v>200</v>
      </c>
    </row>
    <row r="27" spans="2:24" ht="21" customHeight="1" x14ac:dyDescent="0.2">
      <c r="B27" s="472" t="s">
        <v>25</v>
      </c>
      <c r="C27" s="261">
        <v>0</v>
      </c>
      <c r="D27" s="261">
        <v>0</v>
      </c>
      <c r="E27" s="258">
        <v>0</v>
      </c>
      <c r="F27" s="260">
        <v>0</v>
      </c>
      <c r="G27" s="261">
        <v>760</v>
      </c>
      <c r="H27" s="261">
        <v>271</v>
      </c>
      <c r="I27" s="261">
        <v>164</v>
      </c>
      <c r="J27" s="261">
        <v>51</v>
      </c>
      <c r="K27" s="261">
        <v>5</v>
      </c>
      <c r="L27" s="258">
        <v>1251</v>
      </c>
      <c r="M27" s="263">
        <v>1251</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38</v>
      </c>
      <c r="H28" s="261">
        <v>350</v>
      </c>
      <c r="I28" s="261">
        <v>294</v>
      </c>
      <c r="J28" s="261">
        <v>76</v>
      </c>
      <c r="K28" s="261">
        <v>116</v>
      </c>
      <c r="L28" s="258">
        <v>1174</v>
      </c>
      <c r="M28" s="263">
        <v>1174</v>
      </c>
      <c r="N28" s="261">
        <v>0</v>
      </c>
      <c r="O28" s="261">
        <v>0</v>
      </c>
      <c r="P28" s="258">
        <v>0</v>
      </c>
      <c r="Q28" s="260">
        <v>0</v>
      </c>
      <c r="R28" s="261">
        <v>8</v>
      </c>
      <c r="S28" s="261">
        <v>28</v>
      </c>
      <c r="T28" s="261">
        <v>52</v>
      </c>
      <c r="U28" s="261">
        <v>10</v>
      </c>
      <c r="V28" s="261">
        <v>16</v>
      </c>
      <c r="W28" s="258">
        <v>114</v>
      </c>
      <c r="X28" s="263">
        <v>114</v>
      </c>
    </row>
    <row r="29" spans="2:24" ht="21" customHeight="1" x14ac:dyDescent="0.2">
      <c r="B29" s="472" t="s">
        <v>27</v>
      </c>
      <c r="C29" s="261">
        <v>0</v>
      </c>
      <c r="D29" s="261">
        <v>0</v>
      </c>
      <c r="E29" s="258">
        <v>0</v>
      </c>
      <c r="F29" s="260">
        <v>0</v>
      </c>
      <c r="G29" s="261">
        <v>279</v>
      </c>
      <c r="H29" s="261">
        <v>144</v>
      </c>
      <c r="I29" s="261">
        <v>68</v>
      </c>
      <c r="J29" s="261">
        <v>13</v>
      </c>
      <c r="K29" s="261">
        <v>0</v>
      </c>
      <c r="L29" s="258">
        <v>504</v>
      </c>
      <c r="M29" s="263">
        <v>504</v>
      </c>
      <c r="N29" s="261">
        <v>0</v>
      </c>
      <c r="O29" s="261">
        <v>0</v>
      </c>
      <c r="P29" s="258">
        <v>0</v>
      </c>
      <c r="Q29" s="260">
        <v>0</v>
      </c>
      <c r="R29" s="261">
        <v>28</v>
      </c>
      <c r="S29" s="261">
        <v>4</v>
      </c>
      <c r="T29" s="261">
        <v>4</v>
      </c>
      <c r="U29" s="261">
        <v>21</v>
      </c>
      <c r="V29" s="261">
        <v>24</v>
      </c>
      <c r="W29" s="258">
        <v>81</v>
      </c>
      <c r="X29" s="263">
        <v>81</v>
      </c>
    </row>
    <row r="30" spans="2:24" ht="21" customHeight="1" x14ac:dyDescent="0.2">
      <c r="B30" s="472" t="s">
        <v>28</v>
      </c>
      <c r="C30" s="261">
        <v>0</v>
      </c>
      <c r="D30" s="261">
        <v>0</v>
      </c>
      <c r="E30" s="258">
        <v>0</v>
      </c>
      <c r="F30" s="260">
        <v>0</v>
      </c>
      <c r="G30" s="261">
        <v>151</v>
      </c>
      <c r="H30" s="261">
        <v>126</v>
      </c>
      <c r="I30" s="261">
        <v>12</v>
      </c>
      <c r="J30" s="261">
        <v>25</v>
      </c>
      <c r="K30" s="261">
        <v>6</v>
      </c>
      <c r="L30" s="258">
        <v>320</v>
      </c>
      <c r="M30" s="263">
        <v>320</v>
      </c>
      <c r="N30" s="261">
        <v>0</v>
      </c>
      <c r="O30" s="261">
        <v>0</v>
      </c>
      <c r="P30" s="258">
        <v>0</v>
      </c>
      <c r="Q30" s="260">
        <v>0</v>
      </c>
      <c r="R30" s="261">
        <v>9</v>
      </c>
      <c r="S30" s="261">
        <v>17</v>
      </c>
      <c r="T30" s="261">
        <v>22</v>
      </c>
      <c r="U30" s="261">
        <v>0</v>
      </c>
      <c r="V30" s="261">
        <v>0</v>
      </c>
      <c r="W30" s="258">
        <v>48</v>
      </c>
      <c r="X30" s="263">
        <v>48</v>
      </c>
    </row>
    <row r="31" spans="2:24" ht="21" customHeight="1" x14ac:dyDescent="0.2">
      <c r="B31" s="472" t="s">
        <v>29</v>
      </c>
      <c r="C31" s="261">
        <v>0</v>
      </c>
      <c r="D31" s="261">
        <v>0</v>
      </c>
      <c r="E31" s="258">
        <v>0</v>
      </c>
      <c r="F31" s="260">
        <v>0</v>
      </c>
      <c r="G31" s="261">
        <v>190</v>
      </c>
      <c r="H31" s="261">
        <v>171</v>
      </c>
      <c r="I31" s="261">
        <v>32</v>
      </c>
      <c r="J31" s="261">
        <v>28</v>
      </c>
      <c r="K31" s="261">
        <v>0</v>
      </c>
      <c r="L31" s="258">
        <v>421</v>
      </c>
      <c r="M31" s="263">
        <v>421</v>
      </c>
      <c r="N31" s="261">
        <v>0</v>
      </c>
      <c r="O31" s="261">
        <v>0</v>
      </c>
      <c r="P31" s="258">
        <v>0</v>
      </c>
      <c r="Q31" s="260">
        <v>0</v>
      </c>
      <c r="R31" s="261">
        <v>9</v>
      </c>
      <c r="S31" s="261">
        <v>2</v>
      </c>
      <c r="T31" s="261">
        <v>6</v>
      </c>
      <c r="U31" s="261">
        <v>4</v>
      </c>
      <c r="V31" s="261">
        <v>0</v>
      </c>
      <c r="W31" s="258">
        <v>21</v>
      </c>
      <c r="X31" s="263">
        <v>21</v>
      </c>
    </row>
    <row r="32" spans="2:24" ht="21" customHeight="1" x14ac:dyDescent="0.2">
      <c r="B32" s="472" t="s">
        <v>30</v>
      </c>
      <c r="C32" s="261">
        <v>0</v>
      </c>
      <c r="D32" s="261">
        <v>0</v>
      </c>
      <c r="E32" s="258">
        <v>0</v>
      </c>
      <c r="F32" s="260">
        <v>0</v>
      </c>
      <c r="G32" s="261">
        <v>187</v>
      </c>
      <c r="H32" s="261">
        <v>76</v>
      </c>
      <c r="I32" s="261">
        <v>89</v>
      </c>
      <c r="J32" s="261">
        <v>67</v>
      </c>
      <c r="K32" s="261">
        <v>4</v>
      </c>
      <c r="L32" s="258">
        <v>423</v>
      </c>
      <c r="M32" s="263">
        <v>423</v>
      </c>
      <c r="N32" s="261">
        <v>0</v>
      </c>
      <c r="O32" s="261">
        <v>0</v>
      </c>
      <c r="P32" s="258">
        <v>0</v>
      </c>
      <c r="Q32" s="260">
        <v>0</v>
      </c>
      <c r="R32" s="261">
        <v>17</v>
      </c>
      <c r="S32" s="261">
        <v>11</v>
      </c>
      <c r="T32" s="261">
        <v>13</v>
      </c>
      <c r="U32" s="261">
        <v>0</v>
      </c>
      <c r="V32" s="261">
        <v>0</v>
      </c>
      <c r="W32" s="258">
        <v>41</v>
      </c>
      <c r="X32" s="263">
        <v>41</v>
      </c>
    </row>
    <row r="33" spans="2:24" ht="21" customHeight="1" x14ac:dyDescent="0.2">
      <c r="B33" s="472" t="s">
        <v>31</v>
      </c>
      <c r="C33" s="261">
        <v>0</v>
      </c>
      <c r="D33" s="261">
        <v>0</v>
      </c>
      <c r="E33" s="258">
        <v>0</v>
      </c>
      <c r="F33" s="260">
        <v>0</v>
      </c>
      <c r="G33" s="261">
        <v>209</v>
      </c>
      <c r="H33" s="261">
        <v>85</v>
      </c>
      <c r="I33" s="261">
        <v>72</v>
      </c>
      <c r="J33" s="261">
        <v>31</v>
      </c>
      <c r="K33" s="261">
        <v>0</v>
      </c>
      <c r="L33" s="258">
        <v>397</v>
      </c>
      <c r="M33" s="263">
        <v>397</v>
      </c>
      <c r="N33" s="261">
        <v>0</v>
      </c>
      <c r="O33" s="261">
        <v>0</v>
      </c>
      <c r="P33" s="258">
        <v>0</v>
      </c>
      <c r="Q33" s="260">
        <v>0</v>
      </c>
      <c r="R33" s="261">
        <v>0</v>
      </c>
      <c r="S33" s="261">
        <v>0</v>
      </c>
      <c r="T33" s="261">
        <v>0</v>
      </c>
      <c r="U33" s="261">
        <v>16</v>
      </c>
      <c r="V33" s="261">
        <v>17</v>
      </c>
      <c r="W33" s="258">
        <v>33</v>
      </c>
      <c r="X33" s="263">
        <v>33</v>
      </c>
    </row>
    <row r="34" spans="2:24" ht="21" customHeight="1" x14ac:dyDescent="0.2">
      <c r="B34" s="472" t="s">
        <v>32</v>
      </c>
      <c r="C34" s="261">
        <v>0</v>
      </c>
      <c r="D34" s="261">
        <v>0</v>
      </c>
      <c r="E34" s="258">
        <v>0</v>
      </c>
      <c r="F34" s="260">
        <v>0</v>
      </c>
      <c r="G34" s="261">
        <v>306</v>
      </c>
      <c r="H34" s="261">
        <v>273</v>
      </c>
      <c r="I34" s="261">
        <v>154</v>
      </c>
      <c r="J34" s="261">
        <v>36</v>
      </c>
      <c r="K34" s="261">
        <v>17</v>
      </c>
      <c r="L34" s="258">
        <v>786</v>
      </c>
      <c r="M34" s="263">
        <v>786</v>
      </c>
      <c r="N34" s="261">
        <v>0</v>
      </c>
      <c r="O34" s="261">
        <v>0</v>
      </c>
      <c r="P34" s="258">
        <v>0</v>
      </c>
      <c r="Q34" s="260">
        <v>0</v>
      </c>
      <c r="R34" s="261">
        <v>38</v>
      </c>
      <c r="S34" s="261">
        <v>8</v>
      </c>
      <c r="T34" s="261">
        <v>16</v>
      </c>
      <c r="U34" s="261">
        <v>0</v>
      </c>
      <c r="V34" s="261">
        <v>13</v>
      </c>
      <c r="W34" s="258">
        <v>75</v>
      </c>
      <c r="X34" s="263">
        <v>75</v>
      </c>
    </row>
    <row r="35" spans="2:24" ht="21" customHeight="1" x14ac:dyDescent="0.2">
      <c r="B35" s="472" t="s">
        <v>33</v>
      </c>
      <c r="C35" s="261">
        <v>0</v>
      </c>
      <c r="D35" s="261">
        <v>0</v>
      </c>
      <c r="E35" s="258">
        <v>0</v>
      </c>
      <c r="F35" s="260">
        <v>0</v>
      </c>
      <c r="G35" s="261">
        <v>205</v>
      </c>
      <c r="H35" s="261">
        <v>104</v>
      </c>
      <c r="I35" s="261">
        <v>60</v>
      </c>
      <c r="J35" s="261">
        <v>9</v>
      </c>
      <c r="K35" s="261">
        <v>9</v>
      </c>
      <c r="L35" s="258">
        <v>387</v>
      </c>
      <c r="M35" s="263">
        <v>387</v>
      </c>
      <c r="N35" s="261">
        <v>0</v>
      </c>
      <c r="O35" s="261">
        <v>0</v>
      </c>
      <c r="P35" s="258">
        <v>0</v>
      </c>
      <c r="Q35" s="260">
        <v>0</v>
      </c>
      <c r="R35" s="261">
        <v>0</v>
      </c>
      <c r="S35" s="261">
        <v>0</v>
      </c>
      <c r="T35" s="261">
        <v>15</v>
      </c>
      <c r="U35" s="261">
        <v>0</v>
      </c>
      <c r="V35" s="261">
        <v>0</v>
      </c>
      <c r="W35" s="258">
        <v>15</v>
      </c>
      <c r="X35" s="263">
        <v>15</v>
      </c>
    </row>
    <row r="36" spans="2:24" ht="21" customHeight="1" x14ac:dyDescent="0.2">
      <c r="B36" s="472" t="s">
        <v>34</v>
      </c>
      <c r="C36" s="261">
        <v>0</v>
      </c>
      <c r="D36" s="261">
        <v>0</v>
      </c>
      <c r="E36" s="258">
        <v>0</v>
      </c>
      <c r="F36" s="260">
        <v>0</v>
      </c>
      <c r="G36" s="261">
        <v>118</v>
      </c>
      <c r="H36" s="261">
        <v>71</v>
      </c>
      <c r="I36" s="261">
        <v>29</v>
      </c>
      <c r="J36" s="261">
        <v>20</v>
      </c>
      <c r="K36" s="261">
        <v>4</v>
      </c>
      <c r="L36" s="258">
        <v>242</v>
      </c>
      <c r="M36" s="263">
        <v>242</v>
      </c>
      <c r="N36" s="261">
        <v>0</v>
      </c>
      <c r="O36" s="261">
        <v>0</v>
      </c>
      <c r="P36" s="258">
        <v>0</v>
      </c>
      <c r="Q36" s="260">
        <v>0</v>
      </c>
      <c r="R36" s="261">
        <v>0</v>
      </c>
      <c r="S36" s="261">
        <v>0</v>
      </c>
      <c r="T36" s="261">
        <v>0</v>
      </c>
      <c r="U36" s="261">
        <v>0</v>
      </c>
      <c r="V36" s="261">
        <v>7</v>
      </c>
      <c r="W36" s="258">
        <v>7</v>
      </c>
      <c r="X36" s="263">
        <v>7</v>
      </c>
    </row>
    <row r="37" spans="2:24" ht="21" customHeight="1" x14ac:dyDescent="0.2">
      <c r="B37" s="472" t="s">
        <v>35</v>
      </c>
      <c r="C37" s="261">
        <v>0</v>
      </c>
      <c r="D37" s="261">
        <v>0</v>
      </c>
      <c r="E37" s="258">
        <v>0</v>
      </c>
      <c r="F37" s="260">
        <v>0</v>
      </c>
      <c r="G37" s="261">
        <v>193</v>
      </c>
      <c r="H37" s="261">
        <v>224</v>
      </c>
      <c r="I37" s="261">
        <v>66</v>
      </c>
      <c r="J37" s="261">
        <v>180</v>
      </c>
      <c r="K37" s="261">
        <v>73</v>
      </c>
      <c r="L37" s="258">
        <v>736</v>
      </c>
      <c r="M37" s="263">
        <v>736</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479</v>
      </c>
      <c r="H38" s="261">
        <v>432</v>
      </c>
      <c r="I38" s="261">
        <v>372</v>
      </c>
      <c r="J38" s="261">
        <v>303</v>
      </c>
      <c r="K38" s="261">
        <v>209</v>
      </c>
      <c r="L38" s="258">
        <v>1795</v>
      </c>
      <c r="M38" s="263">
        <v>1795</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106</v>
      </c>
      <c r="H39" s="268">
        <v>86</v>
      </c>
      <c r="I39" s="268">
        <v>80</v>
      </c>
      <c r="J39" s="268">
        <v>23</v>
      </c>
      <c r="K39" s="268">
        <v>22</v>
      </c>
      <c r="L39" s="265">
        <v>317</v>
      </c>
      <c r="M39" s="270">
        <v>317</v>
      </c>
      <c r="N39" s="268">
        <v>0</v>
      </c>
      <c r="O39" s="268">
        <v>0</v>
      </c>
      <c r="P39" s="265">
        <v>0</v>
      </c>
      <c r="Q39" s="267">
        <v>0</v>
      </c>
      <c r="R39" s="268">
        <v>4</v>
      </c>
      <c r="S39" s="268">
        <v>0</v>
      </c>
      <c r="T39" s="268">
        <v>0</v>
      </c>
      <c r="U39" s="268">
        <v>19</v>
      </c>
      <c r="V39" s="268">
        <v>16</v>
      </c>
      <c r="W39" s="265">
        <v>39</v>
      </c>
      <c r="X39" s="270">
        <v>39</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499">
        <f>第１表!F2</f>
        <v>5</v>
      </c>
      <c r="I1" s="499"/>
      <c r="J1" s="235">
        <f>第１表!G2</f>
        <v>8</v>
      </c>
      <c r="K1" s="504">
        <f>IF(J1&lt;3,J1+12-2,J1-2)</f>
        <v>6</v>
      </c>
      <c r="L1" s="504"/>
    </row>
    <row r="2" spans="2:24" ht="24" customHeight="1" thickBot="1" x14ac:dyDescent="0.25">
      <c r="B2" s="271" t="s">
        <v>134</v>
      </c>
    </row>
    <row r="3" spans="2:24" ht="21" customHeight="1" x14ac:dyDescent="0.2">
      <c r="B3" s="507"/>
      <c r="C3" s="508" t="s">
        <v>142</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6954</v>
      </c>
      <c r="H6" s="254">
        <v>6036</v>
      </c>
      <c r="I6" s="254">
        <v>3515</v>
      </c>
      <c r="J6" s="254">
        <v>1574</v>
      </c>
      <c r="K6" s="254">
        <v>729</v>
      </c>
      <c r="L6" s="251">
        <v>18808</v>
      </c>
      <c r="M6" s="256">
        <v>18808</v>
      </c>
      <c r="N6" s="254">
        <v>4</v>
      </c>
      <c r="O6" s="254">
        <v>1</v>
      </c>
      <c r="P6" s="251">
        <v>5</v>
      </c>
      <c r="Q6" s="253">
        <v>0</v>
      </c>
      <c r="R6" s="254">
        <v>643</v>
      </c>
      <c r="S6" s="254">
        <v>624</v>
      </c>
      <c r="T6" s="254">
        <v>814</v>
      </c>
      <c r="U6" s="254">
        <v>350</v>
      </c>
      <c r="V6" s="254">
        <v>257</v>
      </c>
      <c r="W6" s="251">
        <v>2688</v>
      </c>
      <c r="X6" s="256">
        <v>2693</v>
      </c>
    </row>
    <row r="7" spans="2:24" ht="21" customHeight="1" x14ac:dyDescent="0.2">
      <c r="B7" s="471" t="s">
        <v>5</v>
      </c>
      <c r="C7" s="261">
        <v>0</v>
      </c>
      <c r="D7" s="261">
        <v>0</v>
      </c>
      <c r="E7" s="258">
        <v>0</v>
      </c>
      <c r="F7" s="260">
        <v>0</v>
      </c>
      <c r="G7" s="261">
        <v>2785</v>
      </c>
      <c r="H7" s="261">
        <v>2941</v>
      </c>
      <c r="I7" s="261">
        <v>1611</v>
      </c>
      <c r="J7" s="261">
        <v>741</v>
      </c>
      <c r="K7" s="261">
        <v>319</v>
      </c>
      <c r="L7" s="258">
        <v>8397</v>
      </c>
      <c r="M7" s="263">
        <v>8397</v>
      </c>
      <c r="N7" s="261">
        <v>0</v>
      </c>
      <c r="O7" s="261">
        <v>0</v>
      </c>
      <c r="P7" s="258">
        <v>0</v>
      </c>
      <c r="Q7" s="260">
        <v>0</v>
      </c>
      <c r="R7" s="261">
        <v>334</v>
      </c>
      <c r="S7" s="261">
        <v>251</v>
      </c>
      <c r="T7" s="261">
        <v>571</v>
      </c>
      <c r="U7" s="261">
        <v>162</v>
      </c>
      <c r="V7" s="261">
        <v>134</v>
      </c>
      <c r="W7" s="258">
        <v>1452</v>
      </c>
      <c r="X7" s="263">
        <v>1452</v>
      </c>
    </row>
    <row r="8" spans="2:24" ht="21" customHeight="1" x14ac:dyDescent="0.2">
      <c r="B8" s="472" t="s">
        <v>6</v>
      </c>
      <c r="C8" s="261">
        <v>0</v>
      </c>
      <c r="D8" s="261">
        <v>0</v>
      </c>
      <c r="E8" s="258">
        <v>0</v>
      </c>
      <c r="F8" s="260">
        <v>0</v>
      </c>
      <c r="G8" s="261">
        <v>752</v>
      </c>
      <c r="H8" s="261">
        <v>486</v>
      </c>
      <c r="I8" s="261">
        <v>285</v>
      </c>
      <c r="J8" s="261">
        <v>200</v>
      </c>
      <c r="K8" s="261">
        <v>122</v>
      </c>
      <c r="L8" s="258">
        <v>1845</v>
      </c>
      <c r="M8" s="263">
        <v>1845</v>
      </c>
      <c r="N8" s="261">
        <v>0</v>
      </c>
      <c r="O8" s="261">
        <v>0</v>
      </c>
      <c r="P8" s="258">
        <v>0</v>
      </c>
      <c r="Q8" s="260">
        <v>0</v>
      </c>
      <c r="R8" s="261">
        <v>133</v>
      </c>
      <c r="S8" s="261">
        <v>130</v>
      </c>
      <c r="T8" s="261">
        <v>86</v>
      </c>
      <c r="U8" s="261">
        <v>39</v>
      </c>
      <c r="V8" s="261">
        <v>68</v>
      </c>
      <c r="W8" s="258">
        <v>456</v>
      </c>
      <c r="X8" s="263">
        <v>456</v>
      </c>
    </row>
    <row r="9" spans="2:24" ht="21" customHeight="1" x14ac:dyDescent="0.2">
      <c r="B9" s="472" t="s">
        <v>14</v>
      </c>
      <c r="C9" s="261">
        <v>0</v>
      </c>
      <c r="D9" s="261">
        <v>0</v>
      </c>
      <c r="E9" s="258">
        <v>0</v>
      </c>
      <c r="F9" s="260">
        <v>0</v>
      </c>
      <c r="G9" s="261">
        <v>551</v>
      </c>
      <c r="H9" s="261">
        <v>565</v>
      </c>
      <c r="I9" s="261">
        <v>393</v>
      </c>
      <c r="J9" s="261">
        <v>153</v>
      </c>
      <c r="K9" s="261">
        <v>65</v>
      </c>
      <c r="L9" s="258">
        <v>1727</v>
      </c>
      <c r="M9" s="263">
        <v>1727</v>
      </c>
      <c r="N9" s="261">
        <v>0</v>
      </c>
      <c r="O9" s="261">
        <v>0</v>
      </c>
      <c r="P9" s="258">
        <v>0</v>
      </c>
      <c r="Q9" s="260">
        <v>0</v>
      </c>
      <c r="R9" s="261">
        <v>16</v>
      </c>
      <c r="S9" s="261">
        <v>27</v>
      </c>
      <c r="T9" s="261">
        <v>16</v>
      </c>
      <c r="U9" s="261">
        <v>0</v>
      </c>
      <c r="V9" s="261">
        <v>0</v>
      </c>
      <c r="W9" s="258">
        <v>59</v>
      </c>
      <c r="X9" s="263">
        <v>59</v>
      </c>
    </row>
    <row r="10" spans="2:24" ht="21" customHeight="1" x14ac:dyDescent="0.2">
      <c r="B10" s="472" t="s">
        <v>7</v>
      </c>
      <c r="C10" s="261">
        <v>0</v>
      </c>
      <c r="D10" s="261">
        <v>0</v>
      </c>
      <c r="E10" s="258">
        <v>0</v>
      </c>
      <c r="F10" s="260">
        <v>0</v>
      </c>
      <c r="G10" s="261">
        <v>581</v>
      </c>
      <c r="H10" s="261">
        <v>375</v>
      </c>
      <c r="I10" s="261">
        <v>202</v>
      </c>
      <c r="J10" s="261">
        <v>59</v>
      </c>
      <c r="K10" s="261">
        <v>29</v>
      </c>
      <c r="L10" s="258">
        <v>1246</v>
      </c>
      <c r="M10" s="263">
        <v>1246</v>
      </c>
      <c r="N10" s="261">
        <v>0</v>
      </c>
      <c r="O10" s="261">
        <v>0</v>
      </c>
      <c r="P10" s="258">
        <v>0</v>
      </c>
      <c r="Q10" s="260">
        <v>0</v>
      </c>
      <c r="R10" s="261">
        <v>69</v>
      </c>
      <c r="S10" s="261">
        <v>101</v>
      </c>
      <c r="T10" s="261">
        <v>36</v>
      </c>
      <c r="U10" s="261">
        <v>72</v>
      </c>
      <c r="V10" s="261">
        <v>17</v>
      </c>
      <c r="W10" s="258">
        <v>295</v>
      </c>
      <c r="X10" s="263">
        <v>295</v>
      </c>
    </row>
    <row r="11" spans="2:24" ht="21" customHeight="1" x14ac:dyDescent="0.2">
      <c r="B11" s="472" t="s">
        <v>8</v>
      </c>
      <c r="C11" s="261">
        <v>0</v>
      </c>
      <c r="D11" s="261">
        <v>0</v>
      </c>
      <c r="E11" s="258">
        <v>0</v>
      </c>
      <c r="F11" s="260">
        <v>0</v>
      </c>
      <c r="G11" s="261">
        <v>307</v>
      </c>
      <c r="H11" s="261">
        <v>220</v>
      </c>
      <c r="I11" s="261">
        <v>123</v>
      </c>
      <c r="J11" s="261">
        <v>52</v>
      </c>
      <c r="K11" s="261">
        <v>27</v>
      </c>
      <c r="L11" s="258">
        <v>729</v>
      </c>
      <c r="M11" s="263">
        <v>729</v>
      </c>
      <c r="N11" s="261">
        <v>0</v>
      </c>
      <c r="O11" s="261">
        <v>0</v>
      </c>
      <c r="P11" s="258">
        <v>0</v>
      </c>
      <c r="Q11" s="260">
        <v>0</v>
      </c>
      <c r="R11" s="261">
        <v>9</v>
      </c>
      <c r="S11" s="261">
        <v>0</v>
      </c>
      <c r="T11" s="261">
        <v>0</v>
      </c>
      <c r="U11" s="261">
        <v>0</v>
      </c>
      <c r="V11" s="261">
        <v>6</v>
      </c>
      <c r="W11" s="258">
        <v>15</v>
      </c>
      <c r="X11" s="263">
        <v>15</v>
      </c>
    </row>
    <row r="12" spans="2:24" ht="21" customHeight="1" x14ac:dyDescent="0.2">
      <c r="B12" s="472" t="s">
        <v>9</v>
      </c>
      <c r="C12" s="261">
        <v>0</v>
      </c>
      <c r="D12" s="261">
        <v>0</v>
      </c>
      <c r="E12" s="258">
        <v>0</v>
      </c>
      <c r="F12" s="260">
        <v>0</v>
      </c>
      <c r="G12" s="261">
        <v>353</v>
      </c>
      <c r="H12" s="261">
        <v>171</v>
      </c>
      <c r="I12" s="261">
        <v>145</v>
      </c>
      <c r="J12" s="261">
        <v>53</v>
      </c>
      <c r="K12" s="261">
        <v>32</v>
      </c>
      <c r="L12" s="258">
        <v>754</v>
      </c>
      <c r="M12" s="263">
        <v>754</v>
      </c>
      <c r="N12" s="261">
        <v>0</v>
      </c>
      <c r="O12" s="261">
        <v>0</v>
      </c>
      <c r="P12" s="258">
        <v>0</v>
      </c>
      <c r="Q12" s="260">
        <v>0</v>
      </c>
      <c r="R12" s="261">
        <v>0</v>
      </c>
      <c r="S12" s="261">
        <v>0</v>
      </c>
      <c r="T12" s="261">
        <v>0</v>
      </c>
      <c r="U12" s="261">
        <v>0</v>
      </c>
      <c r="V12" s="261">
        <v>13</v>
      </c>
      <c r="W12" s="258">
        <v>13</v>
      </c>
      <c r="X12" s="263">
        <v>13</v>
      </c>
    </row>
    <row r="13" spans="2:24" ht="21" customHeight="1" x14ac:dyDescent="0.2">
      <c r="B13" s="472" t="s">
        <v>10</v>
      </c>
      <c r="C13" s="261">
        <v>0</v>
      </c>
      <c r="D13" s="261">
        <v>0</v>
      </c>
      <c r="E13" s="258">
        <v>0</v>
      </c>
      <c r="F13" s="260">
        <v>0</v>
      </c>
      <c r="G13" s="261">
        <v>295</v>
      </c>
      <c r="H13" s="261">
        <v>206</v>
      </c>
      <c r="I13" s="261">
        <v>89</v>
      </c>
      <c r="J13" s="261">
        <v>48</v>
      </c>
      <c r="K13" s="261">
        <v>0</v>
      </c>
      <c r="L13" s="258">
        <v>638</v>
      </c>
      <c r="M13" s="263">
        <v>638</v>
      </c>
      <c r="N13" s="261">
        <v>0</v>
      </c>
      <c r="O13" s="261">
        <v>0</v>
      </c>
      <c r="P13" s="258">
        <v>0</v>
      </c>
      <c r="Q13" s="260">
        <v>0</v>
      </c>
      <c r="R13" s="261">
        <v>29</v>
      </c>
      <c r="S13" s="261">
        <v>12</v>
      </c>
      <c r="T13" s="261">
        <v>13</v>
      </c>
      <c r="U13" s="261">
        <v>13</v>
      </c>
      <c r="V13" s="261">
        <v>13</v>
      </c>
      <c r="W13" s="258">
        <v>80</v>
      </c>
      <c r="X13" s="263">
        <v>80</v>
      </c>
    </row>
    <row r="14" spans="2:24" ht="21" customHeight="1" x14ac:dyDescent="0.2">
      <c r="B14" s="472" t="s">
        <v>11</v>
      </c>
      <c r="C14" s="261">
        <v>0</v>
      </c>
      <c r="D14" s="261">
        <v>0</v>
      </c>
      <c r="E14" s="258">
        <v>0</v>
      </c>
      <c r="F14" s="260">
        <v>0</v>
      </c>
      <c r="G14" s="261">
        <v>134</v>
      </c>
      <c r="H14" s="261">
        <v>52</v>
      </c>
      <c r="I14" s="261">
        <v>39</v>
      </c>
      <c r="J14" s="261">
        <v>21</v>
      </c>
      <c r="K14" s="261">
        <v>14</v>
      </c>
      <c r="L14" s="258">
        <v>260</v>
      </c>
      <c r="M14" s="263">
        <v>260</v>
      </c>
      <c r="N14" s="261">
        <v>4</v>
      </c>
      <c r="O14" s="261">
        <v>0</v>
      </c>
      <c r="P14" s="258">
        <v>4</v>
      </c>
      <c r="Q14" s="260">
        <v>0</v>
      </c>
      <c r="R14" s="261">
        <v>0</v>
      </c>
      <c r="S14" s="261">
        <v>28</v>
      </c>
      <c r="T14" s="261">
        <v>17</v>
      </c>
      <c r="U14" s="261">
        <v>0</v>
      </c>
      <c r="V14" s="261">
        <v>0</v>
      </c>
      <c r="W14" s="258">
        <v>45</v>
      </c>
      <c r="X14" s="263">
        <v>49</v>
      </c>
    </row>
    <row r="15" spans="2:24" ht="21" customHeight="1" x14ac:dyDescent="0.2">
      <c r="B15" s="472" t="s">
        <v>12</v>
      </c>
      <c r="C15" s="261">
        <v>0</v>
      </c>
      <c r="D15" s="261">
        <v>0</v>
      </c>
      <c r="E15" s="258">
        <v>0</v>
      </c>
      <c r="F15" s="260">
        <v>0</v>
      </c>
      <c r="G15" s="261">
        <v>218</v>
      </c>
      <c r="H15" s="261">
        <v>282</v>
      </c>
      <c r="I15" s="261">
        <v>99</v>
      </c>
      <c r="J15" s="261">
        <v>106</v>
      </c>
      <c r="K15" s="261">
        <v>9</v>
      </c>
      <c r="L15" s="258">
        <v>714</v>
      </c>
      <c r="M15" s="263">
        <v>714</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126</v>
      </c>
      <c r="H16" s="261">
        <v>93</v>
      </c>
      <c r="I16" s="261">
        <v>80</v>
      </c>
      <c r="J16" s="261">
        <v>23</v>
      </c>
      <c r="K16" s="261">
        <v>17</v>
      </c>
      <c r="L16" s="258">
        <v>339</v>
      </c>
      <c r="M16" s="263">
        <v>339</v>
      </c>
      <c r="N16" s="261">
        <v>0</v>
      </c>
      <c r="O16" s="261">
        <v>0</v>
      </c>
      <c r="P16" s="258">
        <v>0</v>
      </c>
      <c r="Q16" s="260">
        <v>0</v>
      </c>
      <c r="R16" s="261">
        <v>0</v>
      </c>
      <c r="S16" s="261">
        <v>11</v>
      </c>
      <c r="T16" s="261">
        <v>4</v>
      </c>
      <c r="U16" s="261">
        <v>5</v>
      </c>
      <c r="V16" s="261">
        <v>4</v>
      </c>
      <c r="W16" s="258">
        <v>24</v>
      </c>
      <c r="X16" s="263">
        <v>24</v>
      </c>
    </row>
    <row r="17" spans="2:24" ht="21" customHeight="1" x14ac:dyDescent="0.2">
      <c r="B17" s="472" t="s">
        <v>15</v>
      </c>
      <c r="C17" s="261">
        <v>0</v>
      </c>
      <c r="D17" s="261">
        <v>0</v>
      </c>
      <c r="E17" s="258">
        <v>0</v>
      </c>
      <c r="F17" s="260">
        <v>0</v>
      </c>
      <c r="G17" s="261">
        <v>60</v>
      </c>
      <c r="H17" s="261">
        <v>49</v>
      </c>
      <c r="I17" s="261">
        <v>39</v>
      </c>
      <c r="J17" s="261">
        <v>14</v>
      </c>
      <c r="K17" s="261">
        <v>16</v>
      </c>
      <c r="L17" s="258">
        <v>178</v>
      </c>
      <c r="M17" s="263">
        <v>178</v>
      </c>
      <c r="N17" s="261">
        <v>0</v>
      </c>
      <c r="O17" s="261">
        <v>0</v>
      </c>
      <c r="P17" s="258">
        <v>0</v>
      </c>
      <c r="Q17" s="260">
        <v>0</v>
      </c>
      <c r="R17" s="261">
        <v>0</v>
      </c>
      <c r="S17" s="261">
        <v>0</v>
      </c>
      <c r="T17" s="261">
        <v>0</v>
      </c>
      <c r="U17" s="261">
        <v>9</v>
      </c>
      <c r="V17" s="261">
        <v>0</v>
      </c>
      <c r="W17" s="258">
        <v>9</v>
      </c>
      <c r="X17" s="263">
        <v>9</v>
      </c>
    </row>
    <row r="18" spans="2:24" ht="21" customHeight="1" x14ac:dyDescent="0.2">
      <c r="B18" s="472" t="s">
        <v>16</v>
      </c>
      <c r="C18" s="261">
        <v>0</v>
      </c>
      <c r="D18" s="261">
        <v>0</v>
      </c>
      <c r="E18" s="258">
        <v>0</v>
      </c>
      <c r="F18" s="260">
        <v>0</v>
      </c>
      <c r="G18" s="261">
        <v>86</v>
      </c>
      <c r="H18" s="261">
        <v>55</v>
      </c>
      <c r="I18" s="261">
        <v>65</v>
      </c>
      <c r="J18" s="261">
        <v>10</v>
      </c>
      <c r="K18" s="261">
        <v>0</v>
      </c>
      <c r="L18" s="258">
        <v>216</v>
      </c>
      <c r="M18" s="263">
        <v>216</v>
      </c>
      <c r="N18" s="261">
        <v>0</v>
      </c>
      <c r="O18" s="261">
        <v>0</v>
      </c>
      <c r="P18" s="258">
        <v>0</v>
      </c>
      <c r="Q18" s="260">
        <v>0</v>
      </c>
      <c r="R18" s="261">
        <v>0</v>
      </c>
      <c r="S18" s="261">
        <v>0</v>
      </c>
      <c r="T18" s="261">
        <v>7</v>
      </c>
      <c r="U18" s="261">
        <v>0</v>
      </c>
      <c r="V18" s="261">
        <v>0</v>
      </c>
      <c r="W18" s="258">
        <v>7</v>
      </c>
      <c r="X18" s="263">
        <v>7</v>
      </c>
    </row>
    <row r="19" spans="2:24" ht="21" customHeight="1" x14ac:dyDescent="0.2">
      <c r="B19" s="472" t="s">
        <v>17</v>
      </c>
      <c r="C19" s="261">
        <v>0</v>
      </c>
      <c r="D19" s="261">
        <v>0</v>
      </c>
      <c r="E19" s="258">
        <v>0</v>
      </c>
      <c r="F19" s="260">
        <v>0</v>
      </c>
      <c r="G19" s="261">
        <v>150</v>
      </c>
      <c r="H19" s="261">
        <v>128</v>
      </c>
      <c r="I19" s="261">
        <v>107</v>
      </c>
      <c r="J19" s="261">
        <v>14</v>
      </c>
      <c r="K19" s="261">
        <v>31</v>
      </c>
      <c r="L19" s="258">
        <v>430</v>
      </c>
      <c r="M19" s="263">
        <v>430</v>
      </c>
      <c r="N19" s="261">
        <v>0</v>
      </c>
      <c r="O19" s="261">
        <v>0</v>
      </c>
      <c r="P19" s="258">
        <v>0</v>
      </c>
      <c r="Q19" s="260">
        <v>0</v>
      </c>
      <c r="R19" s="261">
        <v>29</v>
      </c>
      <c r="S19" s="261">
        <v>7</v>
      </c>
      <c r="T19" s="261">
        <v>8</v>
      </c>
      <c r="U19" s="261">
        <v>0</v>
      </c>
      <c r="V19" s="261">
        <v>0</v>
      </c>
      <c r="W19" s="258">
        <v>44</v>
      </c>
      <c r="X19" s="263">
        <v>44</v>
      </c>
    </row>
    <row r="20" spans="2:24" ht="21" customHeight="1" x14ac:dyDescent="0.2">
      <c r="B20" s="472" t="s">
        <v>18</v>
      </c>
      <c r="C20" s="261">
        <v>0</v>
      </c>
      <c r="D20" s="261">
        <v>0</v>
      </c>
      <c r="E20" s="258">
        <v>0</v>
      </c>
      <c r="F20" s="260">
        <v>0</v>
      </c>
      <c r="G20" s="261">
        <v>143</v>
      </c>
      <c r="H20" s="261">
        <v>105</v>
      </c>
      <c r="I20" s="261">
        <v>58</v>
      </c>
      <c r="J20" s="261">
        <v>4</v>
      </c>
      <c r="K20" s="261">
        <v>0</v>
      </c>
      <c r="L20" s="258">
        <v>310</v>
      </c>
      <c r="M20" s="263">
        <v>310</v>
      </c>
      <c r="N20" s="261">
        <v>0</v>
      </c>
      <c r="O20" s="261">
        <v>1</v>
      </c>
      <c r="P20" s="258">
        <v>1</v>
      </c>
      <c r="Q20" s="260">
        <v>0</v>
      </c>
      <c r="R20" s="261">
        <v>0</v>
      </c>
      <c r="S20" s="261">
        <v>0</v>
      </c>
      <c r="T20" s="261">
        <v>35</v>
      </c>
      <c r="U20" s="261">
        <v>0</v>
      </c>
      <c r="V20" s="261">
        <v>2</v>
      </c>
      <c r="W20" s="258">
        <v>37</v>
      </c>
      <c r="X20" s="263">
        <v>38</v>
      </c>
    </row>
    <row r="21" spans="2:24" ht="21" customHeight="1" x14ac:dyDescent="0.2">
      <c r="B21" s="472" t="s">
        <v>19</v>
      </c>
      <c r="C21" s="261">
        <v>0</v>
      </c>
      <c r="D21" s="261">
        <v>0</v>
      </c>
      <c r="E21" s="258">
        <v>0</v>
      </c>
      <c r="F21" s="260">
        <v>0</v>
      </c>
      <c r="G21" s="261">
        <v>8</v>
      </c>
      <c r="H21" s="261">
        <v>55</v>
      </c>
      <c r="I21" s="261">
        <v>0</v>
      </c>
      <c r="J21" s="261">
        <v>0</v>
      </c>
      <c r="K21" s="261">
        <v>0</v>
      </c>
      <c r="L21" s="258">
        <v>63</v>
      </c>
      <c r="M21" s="263">
        <v>63</v>
      </c>
      <c r="N21" s="261">
        <v>0</v>
      </c>
      <c r="O21" s="261">
        <v>0</v>
      </c>
      <c r="P21" s="258">
        <v>0</v>
      </c>
      <c r="Q21" s="260">
        <v>0</v>
      </c>
      <c r="R21" s="261">
        <v>8</v>
      </c>
      <c r="S21" s="261">
        <v>43</v>
      </c>
      <c r="T21" s="261">
        <v>5</v>
      </c>
      <c r="U21" s="261">
        <v>0</v>
      </c>
      <c r="V21" s="261">
        <v>0</v>
      </c>
      <c r="W21" s="258">
        <v>56</v>
      </c>
      <c r="X21" s="263">
        <v>56</v>
      </c>
    </row>
    <row r="22" spans="2:24" ht="21" customHeight="1" x14ac:dyDescent="0.2">
      <c r="B22" s="472" t="s">
        <v>20</v>
      </c>
      <c r="C22" s="261">
        <v>0</v>
      </c>
      <c r="D22" s="261">
        <v>0</v>
      </c>
      <c r="E22" s="258">
        <v>0</v>
      </c>
      <c r="F22" s="260">
        <v>0</v>
      </c>
      <c r="G22" s="261">
        <v>77</v>
      </c>
      <c r="H22" s="261">
        <v>34</v>
      </c>
      <c r="I22" s="261">
        <v>65</v>
      </c>
      <c r="J22" s="261">
        <v>24</v>
      </c>
      <c r="K22" s="261">
        <v>9</v>
      </c>
      <c r="L22" s="258">
        <v>209</v>
      </c>
      <c r="M22" s="263">
        <v>209</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54</v>
      </c>
      <c r="H23" s="261">
        <v>77</v>
      </c>
      <c r="I23" s="261">
        <v>28</v>
      </c>
      <c r="J23" s="261">
        <v>17</v>
      </c>
      <c r="K23" s="261">
        <v>0</v>
      </c>
      <c r="L23" s="258">
        <v>176</v>
      </c>
      <c r="M23" s="263">
        <v>176</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37</v>
      </c>
      <c r="H24" s="261">
        <v>21</v>
      </c>
      <c r="I24" s="261">
        <v>4</v>
      </c>
      <c r="J24" s="261">
        <v>13</v>
      </c>
      <c r="K24" s="261">
        <v>0</v>
      </c>
      <c r="L24" s="258">
        <v>75</v>
      </c>
      <c r="M24" s="263">
        <v>75</v>
      </c>
      <c r="N24" s="261">
        <v>0</v>
      </c>
      <c r="O24" s="261">
        <v>0</v>
      </c>
      <c r="P24" s="258">
        <v>0</v>
      </c>
      <c r="Q24" s="260">
        <v>0</v>
      </c>
      <c r="R24" s="261">
        <v>0</v>
      </c>
      <c r="S24" s="261">
        <v>0</v>
      </c>
      <c r="T24" s="261">
        <v>0</v>
      </c>
      <c r="U24" s="261">
        <v>13</v>
      </c>
      <c r="V24" s="261">
        <v>0</v>
      </c>
      <c r="W24" s="258">
        <v>13</v>
      </c>
      <c r="X24" s="263">
        <v>13</v>
      </c>
    </row>
    <row r="25" spans="2:24" ht="21" customHeight="1" x14ac:dyDescent="0.2">
      <c r="B25" s="472" t="s">
        <v>23</v>
      </c>
      <c r="C25" s="261">
        <v>0</v>
      </c>
      <c r="D25" s="261">
        <v>0</v>
      </c>
      <c r="E25" s="258">
        <v>0</v>
      </c>
      <c r="F25" s="260">
        <v>0</v>
      </c>
      <c r="G25" s="261">
        <v>45</v>
      </c>
      <c r="H25" s="261">
        <v>5</v>
      </c>
      <c r="I25" s="261">
        <v>1</v>
      </c>
      <c r="J25" s="261">
        <v>9</v>
      </c>
      <c r="K25" s="261">
        <v>0</v>
      </c>
      <c r="L25" s="258">
        <v>60</v>
      </c>
      <c r="M25" s="263">
        <v>60</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9</v>
      </c>
      <c r="H26" s="261">
        <v>20</v>
      </c>
      <c r="I26" s="261">
        <v>35</v>
      </c>
      <c r="J26" s="261">
        <v>0</v>
      </c>
      <c r="K26" s="261">
        <v>0</v>
      </c>
      <c r="L26" s="258">
        <v>64</v>
      </c>
      <c r="M26" s="263">
        <v>64</v>
      </c>
      <c r="N26" s="261">
        <v>0</v>
      </c>
      <c r="O26" s="261">
        <v>0</v>
      </c>
      <c r="P26" s="258">
        <v>0</v>
      </c>
      <c r="Q26" s="260">
        <v>0</v>
      </c>
      <c r="R26" s="261">
        <v>4</v>
      </c>
      <c r="S26" s="261">
        <v>0</v>
      </c>
      <c r="T26" s="261">
        <v>12</v>
      </c>
      <c r="U26" s="261">
        <v>0</v>
      </c>
      <c r="V26" s="261">
        <v>0</v>
      </c>
      <c r="W26" s="258">
        <v>16</v>
      </c>
      <c r="X26" s="263">
        <v>16</v>
      </c>
    </row>
    <row r="27" spans="2:24" ht="21" customHeight="1" x14ac:dyDescent="0.2">
      <c r="B27" s="472" t="s">
        <v>25</v>
      </c>
      <c r="C27" s="261">
        <v>0</v>
      </c>
      <c r="D27" s="261">
        <v>0</v>
      </c>
      <c r="E27" s="258">
        <v>0</v>
      </c>
      <c r="F27" s="260">
        <v>0</v>
      </c>
      <c r="G27" s="261">
        <v>37</v>
      </c>
      <c r="H27" s="261">
        <v>9</v>
      </c>
      <c r="I27" s="261">
        <v>0</v>
      </c>
      <c r="J27" s="261">
        <v>0</v>
      </c>
      <c r="K27" s="261">
        <v>0</v>
      </c>
      <c r="L27" s="258">
        <v>46</v>
      </c>
      <c r="M27" s="263">
        <v>46</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29</v>
      </c>
      <c r="H28" s="261">
        <v>27</v>
      </c>
      <c r="I28" s="261">
        <v>9</v>
      </c>
      <c r="J28" s="261">
        <v>0</v>
      </c>
      <c r="K28" s="261">
        <v>34</v>
      </c>
      <c r="L28" s="258">
        <v>99</v>
      </c>
      <c r="M28" s="263">
        <v>99</v>
      </c>
      <c r="N28" s="261">
        <v>0</v>
      </c>
      <c r="O28" s="261">
        <v>0</v>
      </c>
      <c r="P28" s="258">
        <v>0</v>
      </c>
      <c r="Q28" s="260">
        <v>0</v>
      </c>
      <c r="R28" s="261">
        <v>0</v>
      </c>
      <c r="S28" s="261">
        <v>12</v>
      </c>
      <c r="T28" s="261">
        <v>0</v>
      </c>
      <c r="U28" s="261">
        <v>0</v>
      </c>
      <c r="V28" s="261">
        <v>0</v>
      </c>
      <c r="W28" s="258">
        <v>12</v>
      </c>
      <c r="X28" s="263">
        <v>12</v>
      </c>
    </row>
    <row r="29" spans="2:24" ht="21" customHeight="1" x14ac:dyDescent="0.2">
      <c r="B29" s="472" t="s">
        <v>27</v>
      </c>
      <c r="C29" s="261">
        <v>0</v>
      </c>
      <c r="D29" s="261">
        <v>0</v>
      </c>
      <c r="E29" s="258">
        <v>0</v>
      </c>
      <c r="F29" s="260">
        <v>0</v>
      </c>
      <c r="G29" s="261">
        <v>0</v>
      </c>
      <c r="H29" s="261">
        <v>4</v>
      </c>
      <c r="I29" s="261">
        <v>0</v>
      </c>
      <c r="J29" s="261">
        <v>0</v>
      </c>
      <c r="K29" s="261">
        <v>0</v>
      </c>
      <c r="L29" s="258">
        <v>4</v>
      </c>
      <c r="M29" s="263">
        <v>4</v>
      </c>
      <c r="N29" s="261">
        <v>0</v>
      </c>
      <c r="O29" s="261">
        <v>0</v>
      </c>
      <c r="P29" s="258">
        <v>0</v>
      </c>
      <c r="Q29" s="260">
        <v>0</v>
      </c>
      <c r="R29" s="261">
        <v>12</v>
      </c>
      <c r="S29" s="261">
        <v>0</v>
      </c>
      <c r="T29" s="261">
        <v>4</v>
      </c>
      <c r="U29" s="261">
        <v>21</v>
      </c>
      <c r="V29" s="261">
        <v>0</v>
      </c>
      <c r="W29" s="258">
        <v>37</v>
      </c>
      <c r="X29" s="263">
        <v>37</v>
      </c>
    </row>
    <row r="30" spans="2:24" ht="21" customHeight="1" x14ac:dyDescent="0.2">
      <c r="B30" s="472" t="s">
        <v>28</v>
      </c>
      <c r="C30" s="261">
        <v>0</v>
      </c>
      <c r="D30" s="261">
        <v>0</v>
      </c>
      <c r="E30" s="258">
        <v>0</v>
      </c>
      <c r="F30" s="260">
        <v>0</v>
      </c>
      <c r="G30" s="261">
        <v>37</v>
      </c>
      <c r="H30" s="261">
        <v>9</v>
      </c>
      <c r="I30" s="261">
        <v>0</v>
      </c>
      <c r="J30" s="261">
        <v>0</v>
      </c>
      <c r="K30" s="261">
        <v>0</v>
      </c>
      <c r="L30" s="258">
        <v>46</v>
      </c>
      <c r="M30" s="263">
        <v>46</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3</v>
      </c>
      <c r="H31" s="261">
        <v>9</v>
      </c>
      <c r="I31" s="261">
        <v>0</v>
      </c>
      <c r="J31" s="261">
        <v>0</v>
      </c>
      <c r="K31" s="261">
        <v>0</v>
      </c>
      <c r="L31" s="258">
        <v>22</v>
      </c>
      <c r="M31" s="263">
        <v>22</v>
      </c>
      <c r="N31" s="261">
        <v>0</v>
      </c>
      <c r="O31" s="261">
        <v>0</v>
      </c>
      <c r="P31" s="258">
        <v>0</v>
      </c>
      <c r="Q31" s="260">
        <v>0</v>
      </c>
      <c r="R31" s="261">
        <v>0</v>
      </c>
      <c r="S31" s="261">
        <v>2</v>
      </c>
      <c r="T31" s="261">
        <v>0</v>
      </c>
      <c r="U31" s="261">
        <v>0</v>
      </c>
      <c r="V31" s="261">
        <v>0</v>
      </c>
      <c r="W31" s="258">
        <v>2</v>
      </c>
      <c r="X31" s="263">
        <v>2</v>
      </c>
    </row>
    <row r="32" spans="2:24" ht="21" customHeight="1" x14ac:dyDescent="0.2">
      <c r="B32" s="472" t="s">
        <v>30</v>
      </c>
      <c r="C32" s="261">
        <v>0</v>
      </c>
      <c r="D32" s="261">
        <v>0</v>
      </c>
      <c r="E32" s="258">
        <v>0</v>
      </c>
      <c r="F32" s="260">
        <v>0</v>
      </c>
      <c r="G32" s="261">
        <v>11</v>
      </c>
      <c r="H32" s="261">
        <v>0</v>
      </c>
      <c r="I32" s="261">
        <v>17</v>
      </c>
      <c r="J32" s="261">
        <v>0</v>
      </c>
      <c r="K32" s="261">
        <v>0</v>
      </c>
      <c r="L32" s="258">
        <v>28</v>
      </c>
      <c r="M32" s="263">
        <v>28</v>
      </c>
      <c r="N32" s="261">
        <v>0</v>
      </c>
      <c r="O32" s="261">
        <v>0</v>
      </c>
      <c r="P32" s="258">
        <v>0</v>
      </c>
      <c r="Q32" s="260">
        <v>0</v>
      </c>
      <c r="R32" s="261">
        <v>0</v>
      </c>
      <c r="S32" s="261">
        <v>0</v>
      </c>
      <c r="T32" s="261">
        <v>0</v>
      </c>
      <c r="U32" s="261">
        <v>0</v>
      </c>
      <c r="V32" s="261">
        <v>0</v>
      </c>
      <c r="W32" s="258">
        <v>0</v>
      </c>
      <c r="X32" s="263">
        <v>0</v>
      </c>
    </row>
    <row r="33" spans="2:24" ht="21" customHeight="1" x14ac:dyDescent="0.2">
      <c r="B33" s="472" t="s">
        <v>31</v>
      </c>
      <c r="C33" s="261">
        <v>0</v>
      </c>
      <c r="D33" s="261">
        <v>0</v>
      </c>
      <c r="E33" s="258">
        <v>0</v>
      </c>
      <c r="F33" s="260">
        <v>0</v>
      </c>
      <c r="G33" s="261">
        <v>0</v>
      </c>
      <c r="H33" s="261">
        <v>8</v>
      </c>
      <c r="I33" s="261">
        <v>4</v>
      </c>
      <c r="J33" s="261">
        <v>0</v>
      </c>
      <c r="K33" s="261">
        <v>0</v>
      </c>
      <c r="L33" s="258">
        <v>12</v>
      </c>
      <c r="M33" s="263">
        <v>12</v>
      </c>
      <c r="N33" s="261">
        <v>0</v>
      </c>
      <c r="O33" s="261">
        <v>0</v>
      </c>
      <c r="P33" s="258">
        <v>0</v>
      </c>
      <c r="Q33" s="260">
        <v>0</v>
      </c>
      <c r="R33" s="261">
        <v>0</v>
      </c>
      <c r="S33" s="261">
        <v>0</v>
      </c>
      <c r="T33" s="261">
        <v>0</v>
      </c>
      <c r="U33" s="261">
        <v>16</v>
      </c>
      <c r="V33" s="261">
        <v>0</v>
      </c>
      <c r="W33" s="258">
        <v>16</v>
      </c>
      <c r="X33" s="263">
        <v>16</v>
      </c>
    </row>
    <row r="34" spans="2:24" ht="21" customHeight="1" x14ac:dyDescent="0.2">
      <c r="B34" s="472" t="s">
        <v>32</v>
      </c>
      <c r="C34" s="261">
        <v>0</v>
      </c>
      <c r="D34" s="261">
        <v>0</v>
      </c>
      <c r="E34" s="258">
        <v>0</v>
      </c>
      <c r="F34" s="260">
        <v>0</v>
      </c>
      <c r="G34" s="261">
        <v>17</v>
      </c>
      <c r="H34" s="261">
        <v>13</v>
      </c>
      <c r="I34" s="261">
        <v>9</v>
      </c>
      <c r="J34" s="261">
        <v>0</v>
      </c>
      <c r="K34" s="261">
        <v>5</v>
      </c>
      <c r="L34" s="258">
        <v>44</v>
      </c>
      <c r="M34" s="263">
        <v>44</v>
      </c>
      <c r="N34" s="261">
        <v>0</v>
      </c>
      <c r="O34" s="261">
        <v>0</v>
      </c>
      <c r="P34" s="258">
        <v>0</v>
      </c>
      <c r="Q34" s="260">
        <v>0</v>
      </c>
      <c r="R34" s="261">
        <v>0</v>
      </c>
      <c r="S34" s="261">
        <v>0</v>
      </c>
      <c r="T34" s="261">
        <v>0</v>
      </c>
      <c r="U34" s="261">
        <v>0</v>
      </c>
      <c r="V34" s="261">
        <v>0</v>
      </c>
      <c r="W34" s="258">
        <v>0</v>
      </c>
      <c r="X34" s="263">
        <v>0</v>
      </c>
    </row>
    <row r="35" spans="2:24" ht="21" customHeight="1" x14ac:dyDescent="0.2">
      <c r="B35" s="472" t="s">
        <v>33</v>
      </c>
      <c r="C35" s="261">
        <v>0</v>
      </c>
      <c r="D35" s="261">
        <v>0</v>
      </c>
      <c r="E35" s="258">
        <v>0</v>
      </c>
      <c r="F35" s="260">
        <v>0</v>
      </c>
      <c r="G35" s="261">
        <v>9</v>
      </c>
      <c r="H35" s="261">
        <v>0</v>
      </c>
      <c r="I35" s="261">
        <v>0</v>
      </c>
      <c r="J35" s="261">
        <v>0</v>
      </c>
      <c r="K35" s="261">
        <v>0</v>
      </c>
      <c r="L35" s="258">
        <v>9</v>
      </c>
      <c r="M35" s="263">
        <v>9</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3</v>
      </c>
      <c r="H36" s="261">
        <v>13</v>
      </c>
      <c r="I36" s="261">
        <v>0</v>
      </c>
      <c r="J36" s="261">
        <v>0</v>
      </c>
      <c r="K36" s="261">
        <v>0</v>
      </c>
      <c r="L36" s="258">
        <v>26</v>
      </c>
      <c r="M36" s="263">
        <v>26</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17</v>
      </c>
      <c r="H38" s="261">
        <v>4</v>
      </c>
      <c r="I38" s="261">
        <v>8</v>
      </c>
      <c r="J38" s="261">
        <v>13</v>
      </c>
      <c r="K38" s="261">
        <v>0</v>
      </c>
      <c r="L38" s="258">
        <v>42</v>
      </c>
      <c r="M38" s="263">
        <v>42</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499">
        <f>第１表!F2</f>
        <v>5</v>
      </c>
      <c r="I1" s="499"/>
      <c r="J1" s="235">
        <f>第１表!G2</f>
        <v>8</v>
      </c>
      <c r="K1" s="504">
        <f>IF(J1&lt;3,J1+12-2,J1-2)</f>
        <v>6</v>
      </c>
      <c r="L1" s="504"/>
    </row>
    <row r="2" spans="2:24" ht="24" customHeight="1" thickBot="1" x14ac:dyDescent="0.25">
      <c r="B2" s="271" t="s">
        <v>154</v>
      </c>
    </row>
    <row r="3" spans="2:24" ht="21" customHeight="1" x14ac:dyDescent="0.2">
      <c r="B3" s="507"/>
      <c r="C3" s="508" t="s">
        <v>141</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5631</v>
      </c>
      <c r="H6" s="254">
        <v>5337</v>
      </c>
      <c r="I6" s="254">
        <v>2731</v>
      </c>
      <c r="J6" s="254">
        <v>1554</v>
      </c>
      <c r="K6" s="254">
        <v>602</v>
      </c>
      <c r="L6" s="251">
        <v>15855</v>
      </c>
      <c r="M6" s="256">
        <v>15855</v>
      </c>
      <c r="N6" s="254">
        <v>1</v>
      </c>
      <c r="O6" s="254">
        <v>0</v>
      </c>
      <c r="P6" s="251">
        <v>1</v>
      </c>
      <c r="Q6" s="253">
        <v>0</v>
      </c>
      <c r="R6" s="254">
        <v>444</v>
      </c>
      <c r="S6" s="254">
        <v>546</v>
      </c>
      <c r="T6" s="254">
        <v>755</v>
      </c>
      <c r="U6" s="254">
        <v>317</v>
      </c>
      <c r="V6" s="254">
        <v>174</v>
      </c>
      <c r="W6" s="251">
        <v>2236</v>
      </c>
      <c r="X6" s="256">
        <v>2237</v>
      </c>
    </row>
    <row r="7" spans="2:24" ht="21" customHeight="1" x14ac:dyDescent="0.2">
      <c r="B7" s="471" t="s">
        <v>5</v>
      </c>
      <c r="C7" s="261">
        <v>0</v>
      </c>
      <c r="D7" s="261">
        <v>0</v>
      </c>
      <c r="E7" s="258">
        <v>0</v>
      </c>
      <c r="F7" s="260">
        <v>0</v>
      </c>
      <c r="G7" s="261">
        <v>2011</v>
      </c>
      <c r="H7" s="261">
        <v>2706</v>
      </c>
      <c r="I7" s="261">
        <v>1329</v>
      </c>
      <c r="J7" s="261">
        <v>679</v>
      </c>
      <c r="K7" s="261">
        <v>329</v>
      </c>
      <c r="L7" s="258">
        <v>7054</v>
      </c>
      <c r="M7" s="263">
        <v>7054</v>
      </c>
      <c r="N7" s="261">
        <v>1</v>
      </c>
      <c r="O7" s="261">
        <v>0</v>
      </c>
      <c r="P7" s="258">
        <v>1</v>
      </c>
      <c r="Q7" s="260">
        <v>0</v>
      </c>
      <c r="R7" s="261">
        <v>250</v>
      </c>
      <c r="S7" s="261">
        <v>278</v>
      </c>
      <c r="T7" s="261">
        <v>372</v>
      </c>
      <c r="U7" s="261">
        <v>188</v>
      </c>
      <c r="V7" s="261">
        <v>114</v>
      </c>
      <c r="W7" s="258">
        <v>1202</v>
      </c>
      <c r="X7" s="263">
        <v>1203</v>
      </c>
    </row>
    <row r="8" spans="2:24" ht="21" customHeight="1" x14ac:dyDescent="0.2">
      <c r="B8" s="472" t="s">
        <v>6</v>
      </c>
      <c r="C8" s="261">
        <v>0</v>
      </c>
      <c r="D8" s="261">
        <v>0</v>
      </c>
      <c r="E8" s="258">
        <v>0</v>
      </c>
      <c r="F8" s="260">
        <v>0</v>
      </c>
      <c r="G8" s="261">
        <v>884</v>
      </c>
      <c r="H8" s="261">
        <v>650</v>
      </c>
      <c r="I8" s="261">
        <v>410</v>
      </c>
      <c r="J8" s="261">
        <v>185</v>
      </c>
      <c r="K8" s="261">
        <v>79</v>
      </c>
      <c r="L8" s="258">
        <v>2208</v>
      </c>
      <c r="M8" s="263">
        <v>2208</v>
      </c>
      <c r="N8" s="261">
        <v>0</v>
      </c>
      <c r="O8" s="261">
        <v>0</v>
      </c>
      <c r="P8" s="258">
        <v>0</v>
      </c>
      <c r="Q8" s="260">
        <v>0</v>
      </c>
      <c r="R8" s="261">
        <v>127</v>
      </c>
      <c r="S8" s="261">
        <v>131</v>
      </c>
      <c r="T8" s="261">
        <v>217</v>
      </c>
      <c r="U8" s="261">
        <v>42</v>
      </c>
      <c r="V8" s="261">
        <v>32</v>
      </c>
      <c r="W8" s="258">
        <v>549</v>
      </c>
      <c r="X8" s="263">
        <v>549</v>
      </c>
    </row>
    <row r="9" spans="2:24" ht="21" customHeight="1" x14ac:dyDescent="0.2">
      <c r="B9" s="472" t="s">
        <v>14</v>
      </c>
      <c r="C9" s="261">
        <v>0</v>
      </c>
      <c r="D9" s="261">
        <v>0</v>
      </c>
      <c r="E9" s="258">
        <v>0</v>
      </c>
      <c r="F9" s="260">
        <v>0</v>
      </c>
      <c r="G9" s="261">
        <v>349</v>
      </c>
      <c r="H9" s="261">
        <v>408</v>
      </c>
      <c r="I9" s="261">
        <v>173</v>
      </c>
      <c r="J9" s="261">
        <v>116</v>
      </c>
      <c r="K9" s="261">
        <v>37</v>
      </c>
      <c r="L9" s="258">
        <v>1083</v>
      </c>
      <c r="M9" s="263">
        <v>1083</v>
      </c>
      <c r="N9" s="261">
        <v>0</v>
      </c>
      <c r="O9" s="261">
        <v>0</v>
      </c>
      <c r="P9" s="258">
        <v>0</v>
      </c>
      <c r="Q9" s="260">
        <v>0</v>
      </c>
      <c r="R9" s="261">
        <v>9</v>
      </c>
      <c r="S9" s="261">
        <v>9</v>
      </c>
      <c r="T9" s="261">
        <v>0</v>
      </c>
      <c r="U9" s="261">
        <v>0</v>
      </c>
      <c r="V9" s="261">
        <v>2</v>
      </c>
      <c r="W9" s="258">
        <v>20</v>
      </c>
      <c r="X9" s="263">
        <v>20</v>
      </c>
    </row>
    <row r="10" spans="2:24" ht="21" customHeight="1" x14ac:dyDescent="0.2">
      <c r="B10" s="472" t="s">
        <v>7</v>
      </c>
      <c r="C10" s="261">
        <v>0</v>
      </c>
      <c r="D10" s="261">
        <v>0</v>
      </c>
      <c r="E10" s="258">
        <v>0</v>
      </c>
      <c r="F10" s="260">
        <v>0</v>
      </c>
      <c r="G10" s="261">
        <v>223</v>
      </c>
      <c r="H10" s="261">
        <v>199</v>
      </c>
      <c r="I10" s="261">
        <v>74</v>
      </c>
      <c r="J10" s="261">
        <v>52</v>
      </c>
      <c r="K10" s="261">
        <v>22</v>
      </c>
      <c r="L10" s="258">
        <v>570</v>
      </c>
      <c r="M10" s="263">
        <v>570</v>
      </c>
      <c r="N10" s="261">
        <v>0</v>
      </c>
      <c r="O10" s="261">
        <v>0</v>
      </c>
      <c r="P10" s="258">
        <v>0</v>
      </c>
      <c r="Q10" s="260">
        <v>0</v>
      </c>
      <c r="R10" s="261">
        <v>22</v>
      </c>
      <c r="S10" s="261">
        <v>56</v>
      </c>
      <c r="T10" s="261">
        <v>65</v>
      </c>
      <c r="U10" s="261">
        <v>48</v>
      </c>
      <c r="V10" s="261">
        <v>0</v>
      </c>
      <c r="W10" s="258">
        <v>191</v>
      </c>
      <c r="X10" s="263">
        <v>191</v>
      </c>
    </row>
    <row r="11" spans="2:24" ht="21" customHeight="1" x14ac:dyDescent="0.2">
      <c r="B11" s="472" t="s">
        <v>8</v>
      </c>
      <c r="C11" s="261">
        <v>0</v>
      </c>
      <c r="D11" s="261">
        <v>0</v>
      </c>
      <c r="E11" s="258">
        <v>0</v>
      </c>
      <c r="F11" s="260">
        <v>0</v>
      </c>
      <c r="G11" s="261">
        <v>294</v>
      </c>
      <c r="H11" s="261">
        <v>185</v>
      </c>
      <c r="I11" s="261">
        <v>52</v>
      </c>
      <c r="J11" s="261">
        <v>96</v>
      </c>
      <c r="K11" s="261">
        <v>0</v>
      </c>
      <c r="L11" s="258">
        <v>627</v>
      </c>
      <c r="M11" s="263">
        <v>627</v>
      </c>
      <c r="N11" s="261">
        <v>0</v>
      </c>
      <c r="O11" s="261">
        <v>0</v>
      </c>
      <c r="P11" s="258">
        <v>0</v>
      </c>
      <c r="Q11" s="260">
        <v>0</v>
      </c>
      <c r="R11" s="261">
        <v>0</v>
      </c>
      <c r="S11" s="261">
        <v>0</v>
      </c>
      <c r="T11" s="261">
        <v>0</v>
      </c>
      <c r="U11" s="261">
        <v>0</v>
      </c>
      <c r="V11" s="261">
        <v>0</v>
      </c>
      <c r="W11" s="258">
        <v>0</v>
      </c>
      <c r="X11" s="263">
        <v>0</v>
      </c>
    </row>
    <row r="12" spans="2:24" ht="21" customHeight="1" x14ac:dyDescent="0.2">
      <c r="B12" s="472" t="s">
        <v>9</v>
      </c>
      <c r="C12" s="261">
        <v>0</v>
      </c>
      <c r="D12" s="261">
        <v>0</v>
      </c>
      <c r="E12" s="258">
        <v>0</v>
      </c>
      <c r="F12" s="260">
        <v>0</v>
      </c>
      <c r="G12" s="261">
        <v>383</v>
      </c>
      <c r="H12" s="261">
        <v>218</v>
      </c>
      <c r="I12" s="261">
        <v>129</v>
      </c>
      <c r="J12" s="261">
        <v>79</v>
      </c>
      <c r="K12" s="261">
        <v>25</v>
      </c>
      <c r="L12" s="258">
        <v>834</v>
      </c>
      <c r="M12" s="263">
        <v>834</v>
      </c>
      <c r="N12" s="261">
        <v>0</v>
      </c>
      <c r="O12" s="261">
        <v>0</v>
      </c>
      <c r="P12" s="258">
        <v>0</v>
      </c>
      <c r="Q12" s="260">
        <v>0</v>
      </c>
      <c r="R12" s="261">
        <v>0</v>
      </c>
      <c r="S12" s="261">
        <v>0</v>
      </c>
      <c r="T12" s="261">
        <v>25</v>
      </c>
      <c r="U12" s="261">
        <v>0</v>
      </c>
      <c r="V12" s="261">
        <v>9</v>
      </c>
      <c r="W12" s="258">
        <v>34</v>
      </c>
      <c r="X12" s="263">
        <v>34</v>
      </c>
    </row>
    <row r="13" spans="2:24" ht="21" customHeight="1" x14ac:dyDescent="0.2">
      <c r="B13" s="472" t="s">
        <v>10</v>
      </c>
      <c r="C13" s="261">
        <v>0</v>
      </c>
      <c r="D13" s="261">
        <v>0</v>
      </c>
      <c r="E13" s="258">
        <v>0</v>
      </c>
      <c r="F13" s="260">
        <v>0</v>
      </c>
      <c r="G13" s="261">
        <v>271</v>
      </c>
      <c r="H13" s="261">
        <v>124</v>
      </c>
      <c r="I13" s="261">
        <v>65</v>
      </c>
      <c r="J13" s="261">
        <v>48</v>
      </c>
      <c r="K13" s="261">
        <v>5</v>
      </c>
      <c r="L13" s="258">
        <v>513</v>
      </c>
      <c r="M13" s="263">
        <v>513</v>
      </c>
      <c r="N13" s="261">
        <v>0</v>
      </c>
      <c r="O13" s="261">
        <v>0</v>
      </c>
      <c r="P13" s="258">
        <v>0</v>
      </c>
      <c r="Q13" s="260">
        <v>0</v>
      </c>
      <c r="R13" s="261">
        <v>0</v>
      </c>
      <c r="S13" s="261">
        <v>13</v>
      </c>
      <c r="T13" s="261">
        <v>28</v>
      </c>
      <c r="U13" s="261">
        <v>26</v>
      </c>
      <c r="V13" s="261">
        <v>0</v>
      </c>
      <c r="W13" s="258">
        <v>67</v>
      </c>
      <c r="X13" s="263">
        <v>67</v>
      </c>
    </row>
    <row r="14" spans="2:24" ht="21" customHeight="1" x14ac:dyDescent="0.2">
      <c r="B14" s="472" t="s">
        <v>11</v>
      </c>
      <c r="C14" s="261">
        <v>0</v>
      </c>
      <c r="D14" s="261">
        <v>0</v>
      </c>
      <c r="E14" s="258">
        <v>0</v>
      </c>
      <c r="F14" s="260">
        <v>0</v>
      </c>
      <c r="G14" s="261">
        <v>206</v>
      </c>
      <c r="H14" s="261">
        <v>84</v>
      </c>
      <c r="I14" s="261">
        <v>61</v>
      </c>
      <c r="J14" s="261">
        <v>28</v>
      </c>
      <c r="K14" s="261">
        <v>13</v>
      </c>
      <c r="L14" s="258">
        <v>392</v>
      </c>
      <c r="M14" s="263">
        <v>392</v>
      </c>
      <c r="N14" s="261">
        <v>0</v>
      </c>
      <c r="O14" s="261">
        <v>0</v>
      </c>
      <c r="P14" s="258">
        <v>0</v>
      </c>
      <c r="Q14" s="260">
        <v>0</v>
      </c>
      <c r="R14" s="261">
        <v>4</v>
      </c>
      <c r="S14" s="261">
        <v>0</v>
      </c>
      <c r="T14" s="261">
        <v>0</v>
      </c>
      <c r="U14" s="261">
        <v>0</v>
      </c>
      <c r="V14" s="261">
        <v>0</v>
      </c>
      <c r="W14" s="258">
        <v>4</v>
      </c>
      <c r="X14" s="263">
        <v>4</v>
      </c>
    </row>
    <row r="15" spans="2:24" ht="21" customHeight="1" x14ac:dyDescent="0.2">
      <c r="B15" s="472" t="s">
        <v>12</v>
      </c>
      <c r="C15" s="261">
        <v>0</v>
      </c>
      <c r="D15" s="261">
        <v>0</v>
      </c>
      <c r="E15" s="258">
        <v>0</v>
      </c>
      <c r="F15" s="260">
        <v>0</v>
      </c>
      <c r="G15" s="261">
        <v>166</v>
      </c>
      <c r="H15" s="261">
        <v>132</v>
      </c>
      <c r="I15" s="261">
        <v>61</v>
      </c>
      <c r="J15" s="261">
        <v>68</v>
      </c>
      <c r="K15" s="261">
        <v>13</v>
      </c>
      <c r="L15" s="258">
        <v>440</v>
      </c>
      <c r="M15" s="263">
        <v>440</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68</v>
      </c>
      <c r="H16" s="261">
        <v>141</v>
      </c>
      <c r="I16" s="261">
        <v>48</v>
      </c>
      <c r="J16" s="261">
        <v>20</v>
      </c>
      <c r="K16" s="261">
        <v>5</v>
      </c>
      <c r="L16" s="258">
        <v>282</v>
      </c>
      <c r="M16" s="263">
        <v>282</v>
      </c>
      <c r="N16" s="261">
        <v>0</v>
      </c>
      <c r="O16" s="261">
        <v>0</v>
      </c>
      <c r="P16" s="258">
        <v>0</v>
      </c>
      <c r="Q16" s="260">
        <v>0</v>
      </c>
      <c r="R16" s="261">
        <v>3</v>
      </c>
      <c r="S16" s="261">
        <v>7</v>
      </c>
      <c r="T16" s="261">
        <v>0</v>
      </c>
      <c r="U16" s="261">
        <v>0</v>
      </c>
      <c r="V16" s="261">
        <v>0</v>
      </c>
      <c r="W16" s="258">
        <v>10</v>
      </c>
      <c r="X16" s="263">
        <v>10</v>
      </c>
    </row>
    <row r="17" spans="2:24" ht="21" customHeight="1" x14ac:dyDescent="0.2">
      <c r="B17" s="472" t="s">
        <v>15</v>
      </c>
      <c r="C17" s="261">
        <v>0</v>
      </c>
      <c r="D17" s="261">
        <v>0</v>
      </c>
      <c r="E17" s="258">
        <v>0</v>
      </c>
      <c r="F17" s="260">
        <v>0</v>
      </c>
      <c r="G17" s="261">
        <v>37</v>
      </c>
      <c r="H17" s="261">
        <v>43</v>
      </c>
      <c r="I17" s="261">
        <v>24</v>
      </c>
      <c r="J17" s="261">
        <v>12</v>
      </c>
      <c r="K17" s="261">
        <v>10</v>
      </c>
      <c r="L17" s="258">
        <v>126</v>
      </c>
      <c r="M17" s="263">
        <v>126</v>
      </c>
      <c r="N17" s="261">
        <v>0</v>
      </c>
      <c r="O17" s="261">
        <v>0</v>
      </c>
      <c r="P17" s="258">
        <v>0</v>
      </c>
      <c r="Q17" s="260">
        <v>0</v>
      </c>
      <c r="R17" s="261">
        <v>0</v>
      </c>
      <c r="S17" s="261">
        <v>0</v>
      </c>
      <c r="T17" s="261">
        <v>0</v>
      </c>
      <c r="U17" s="261">
        <v>0</v>
      </c>
      <c r="V17" s="261">
        <v>0</v>
      </c>
      <c r="W17" s="258">
        <v>0</v>
      </c>
      <c r="X17" s="263">
        <v>0</v>
      </c>
    </row>
    <row r="18" spans="2:24" ht="21" customHeight="1" x14ac:dyDescent="0.2">
      <c r="B18" s="472" t="s">
        <v>16</v>
      </c>
      <c r="C18" s="261">
        <v>0</v>
      </c>
      <c r="D18" s="261">
        <v>0</v>
      </c>
      <c r="E18" s="258">
        <v>0</v>
      </c>
      <c r="F18" s="260">
        <v>0</v>
      </c>
      <c r="G18" s="261">
        <v>55</v>
      </c>
      <c r="H18" s="261">
        <v>58</v>
      </c>
      <c r="I18" s="261">
        <v>86</v>
      </c>
      <c r="J18" s="261">
        <v>22</v>
      </c>
      <c r="K18" s="261">
        <v>16</v>
      </c>
      <c r="L18" s="258">
        <v>237</v>
      </c>
      <c r="M18" s="263">
        <v>237</v>
      </c>
      <c r="N18" s="261">
        <v>0</v>
      </c>
      <c r="O18" s="261">
        <v>0</v>
      </c>
      <c r="P18" s="258">
        <v>0</v>
      </c>
      <c r="Q18" s="260">
        <v>0</v>
      </c>
      <c r="R18" s="261">
        <v>0</v>
      </c>
      <c r="S18" s="261">
        <v>25</v>
      </c>
      <c r="T18" s="261">
        <v>0</v>
      </c>
      <c r="U18" s="261">
        <v>0</v>
      </c>
      <c r="V18" s="261">
        <v>0</v>
      </c>
      <c r="W18" s="258">
        <v>25</v>
      </c>
      <c r="X18" s="263">
        <v>25</v>
      </c>
    </row>
    <row r="19" spans="2:24" ht="21" customHeight="1" x14ac:dyDescent="0.2">
      <c r="B19" s="472" t="s">
        <v>17</v>
      </c>
      <c r="C19" s="261">
        <v>0</v>
      </c>
      <c r="D19" s="261">
        <v>0</v>
      </c>
      <c r="E19" s="258">
        <v>0</v>
      </c>
      <c r="F19" s="260">
        <v>0</v>
      </c>
      <c r="G19" s="261">
        <v>125</v>
      </c>
      <c r="H19" s="261">
        <v>131</v>
      </c>
      <c r="I19" s="261">
        <v>34</v>
      </c>
      <c r="J19" s="261">
        <v>64</v>
      </c>
      <c r="K19" s="261">
        <v>8</v>
      </c>
      <c r="L19" s="258">
        <v>362</v>
      </c>
      <c r="M19" s="263">
        <v>362</v>
      </c>
      <c r="N19" s="261">
        <v>0</v>
      </c>
      <c r="O19" s="261">
        <v>0</v>
      </c>
      <c r="P19" s="258">
        <v>0</v>
      </c>
      <c r="Q19" s="260">
        <v>0</v>
      </c>
      <c r="R19" s="261">
        <v>0</v>
      </c>
      <c r="S19" s="261">
        <v>0</v>
      </c>
      <c r="T19" s="261">
        <v>15</v>
      </c>
      <c r="U19" s="261">
        <v>0</v>
      </c>
      <c r="V19" s="261">
        <v>0</v>
      </c>
      <c r="W19" s="258">
        <v>15</v>
      </c>
      <c r="X19" s="263">
        <v>15</v>
      </c>
    </row>
    <row r="20" spans="2:24" ht="21" customHeight="1" x14ac:dyDescent="0.2">
      <c r="B20" s="472" t="s">
        <v>18</v>
      </c>
      <c r="C20" s="261">
        <v>0</v>
      </c>
      <c r="D20" s="261">
        <v>0</v>
      </c>
      <c r="E20" s="258">
        <v>0</v>
      </c>
      <c r="F20" s="260">
        <v>0</v>
      </c>
      <c r="G20" s="261">
        <v>172</v>
      </c>
      <c r="H20" s="261">
        <v>73</v>
      </c>
      <c r="I20" s="261">
        <v>88</v>
      </c>
      <c r="J20" s="261">
        <v>12</v>
      </c>
      <c r="K20" s="261">
        <v>0</v>
      </c>
      <c r="L20" s="258">
        <v>345</v>
      </c>
      <c r="M20" s="263">
        <v>345</v>
      </c>
      <c r="N20" s="261">
        <v>0</v>
      </c>
      <c r="O20" s="261">
        <v>0</v>
      </c>
      <c r="P20" s="258">
        <v>0</v>
      </c>
      <c r="Q20" s="260">
        <v>0</v>
      </c>
      <c r="R20" s="261">
        <v>8</v>
      </c>
      <c r="S20" s="261">
        <v>1</v>
      </c>
      <c r="T20" s="261">
        <v>6</v>
      </c>
      <c r="U20" s="261">
        <v>13</v>
      </c>
      <c r="V20" s="261">
        <v>4</v>
      </c>
      <c r="W20" s="258">
        <v>32</v>
      </c>
      <c r="X20" s="263">
        <v>32</v>
      </c>
    </row>
    <row r="21" spans="2:24" ht="21" customHeight="1" x14ac:dyDescent="0.2">
      <c r="B21" s="472" t="s">
        <v>19</v>
      </c>
      <c r="C21" s="261">
        <v>0</v>
      </c>
      <c r="D21" s="261">
        <v>0</v>
      </c>
      <c r="E21" s="258">
        <v>0</v>
      </c>
      <c r="F21" s="260">
        <v>0</v>
      </c>
      <c r="G21" s="261">
        <v>43</v>
      </c>
      <c r="H21" s="261">
        <v>30</v>
      </c>
      <c r="I21" s="261">
        <v>33</v>
      </c>
      <c r="J21" s="261">
        <v>12</v>
      </c>
      <c r="K21" s="261">
        <v>0</v>
      </c>
      <c r="L21" s="258">
        <v>118</v>
      </c>
      <c r="M21" s="263">
        <v>118</v>
      </c>
      <c r="N21" s="261">
        <v>0</v>
      </c>
      <c r="O21" s="261">
        <v>0</v>
      </c>
      <c r="P21" s="258">
        <v>0</v>
      </c>
      <c r="Q21" s="260">
        <v>0</v>
      </c>
      <c r="R21" s="261">
        <v>4</v>
      </c>
      <c r="S21" s="261">
        <v>13</v>
      </c>
      <c r="T21" s="261">
        <v>0</v>
      </c>
      <c r="U21" s="261">
        <v>0</v>
      </c>
      <c r="V21" s="261">
        <v>0</v>
      </c>
      <c r="W21" s="258">
        <v>17</v>
      </c>
      <c r="X21" s="263">
        <v>17</v>
      </c>
    </row>
    <row r="22" spans="2:24" ht="21" customHeight="1" x14ac:dyDescent="0.2">
      <c r="B22" s="472" t="s">
        <v>20</v>
      </c>
      <c r="C22" s="261">
        <v>0</v>
      </c>
      <c r="D22" s="261">
        <v>0</v>
      </c>
      <c r="E22" s="258">
        <v>0</v>
      </c>
      <c r="F22" s="260">
        <v>0</v>
      </c>
      <c r="G22" s="261">
        <v>51</v>
      </c>
      <c r="H22" s="261">
        <v>47</v>
      </c>
      <c r="I22" s="261">
        <v>5</v>
      </c>
      <c r="J22" s="261">
        <v>0</v>
      </c>
      <c r="K22" s="261">
        <v>0</v>
      </c>
      <c r="L22" s="258">
        <v>103</v>
      </c>
      <c r="M22" s="263">
        <v>103</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75</v>
      </c>
      <c r="H23" s="261">
        <v>45</v>
      </c>
      <c r="I23" s="261">
        <v>20</v>
      </c>
      <c r="J23" s="261">
        <v>5</v>
      </c>
      <c r="K23" s="261">
        <v>0</v>
      </c>
      <c r="L23" s="258">
        <v>145</v>
      </c>
      <c r="M23" s="263">
        <v>145</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57</v>
      </c>
      <c r="H24" s="261">
        <v>9</v>
      </c>
      <c r="I24" s="261">
        <v>1</v>
      </c>
      <c r="J24" s="261">
        <v>17</v>
      </c>
      <c r="K24" s="261">
        <v>0</v>
      </c>
      <c r="L24" s="258">
        <v>84</v>
      </c>
      <c r="M24" s="263">
        <v>84</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10</v>
      </c>
      <c r="H25" s="261">
        <v>22</v>
      </c>
      <c r="I25" s="261">
        <v>15</v>
      </c>
      <c r="J25" s="261">
        <v>0</v>
      </c>
      <c r="K25" s="261">
        <v>22</v>
      </c>
      <c r="L25" s="258">
        <v>69</v>
      </c>
      <c r="M25" s="263">
        <v>69</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0</v>
      </c>
      <c r="H26" s="261">
        <v>0</v>
      </c>
      <c r="I26" s="261">
        <v>0</v>
      </c>
      <c r="J26" s="261">
        <v>0</v>
      </c>
      <c r="K26" s="261">
        <v>0</v>
      </c>
      <c r="L26" s="258">
        <v>0</v>
      </c>
      <c r="M26" s="263">
        <v>0</v>
      </c>
      <c r="N26" s="261">
        <v>0</v>
      </c>
      <c r="O26" s="261">
        <v>0</v>
      </c>
      <c r="P26" s="258">
        <v>0</v>
      </c>
      <c r="Q26" s="260">
        <v>0</v>
      </c>
      <c r="R26" s="261">
        <v>0</v>
      </c>
      <c r="S26" s="261">
        <v>4</v>
      </c>
      <c r="T26" s="261">
        <v>18</v>
      </c>
      <c r="U26" s="261">
        <v>0</v>
      </c>
      <c r="V26" s="261">
        <v>13</v>
      </c>
      <c r="W26" s="258">
        <v>35</v>
      </c>
      <c r="X26" s="263">
        <v>35</v>
      </c>
    </row>
    <row r="27" spans="2:24" ht="21" customHeight="1" x14ac:dyDescent="0.2">
      <c r="B27" s="472" t="s">
        <v>25</v>
      </c>
      <c r="C27" s="261">
        <v>0</v>
      </c>
      <c r="D27" s="261">
        <v>0</v>
      </c>
      <c r="E27" s="258">
        <v>0</v>
      </c>
      <c r="F27" s="260">
        <v>0</v>
      </c>
      <c r="G27" s="261">
        <v>43</v>
      </c>
      <c r="H27" s="261">
        <v>5</v>
      </c>
      <c r="I27" s="261">
        <v>0</v>
      </c>
      <c r="J27" s="261">
        <v>0</v>
      </c>
      <c r="K27" s="261">
        <v>0</v>
      </c>
      <c r="L27" s="258">
        <v>48</v>
      </c>
      <c r="M27" s="263">
        <v>48</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19</v>
      </c>
      <c r="H28" s="261">
        <v>13</v>
      </c>
      <c r="I28" s="261">
        <v>4</v>
      </c>
      <c r="J28" s="261">
        <v>0</v>
      </c>
      <c r="K28" s="261">
        <v>2</v>
      </c>
      <c r="L28" s="258">
        <v>38</v>
      </c>
      <c r="M28" s="263">
        <v>38</v>
      </c>
      <c r="N28" s="261">
        <v>0</v>
      </c>
      <c r="O28" s="261">
        <v>0</v>
      </c>
      <c r="P28" s="258">
        <v>0</v>
      </c>
      <c r="Q28" s="260">
        <v>0</v>
      </c>
      <c r="R28" s="261">
        <v>0</v>
      </c>
      <c r="S28" s="261">
        <v>0</v>
      </c>
      <c r="T28" s="261">
        <v>0</v>
      </c>
      <c r="U28" s="261">
        <v>0</v>
      </c>
      <c r="V28" s="261">
        <v>0</v>
      </c>
      <c r="W28" s="258">
        <v>0</v>
      </c>
      <c r="X28" s="263">
        <v>0</v>
      </c>
    </row>
    <row r="29" spans="2:24" ht="21" customHeight="1" x14ac:dyDescent="0.2">
      <c r="B29" s="472" t="s">
        <v>27</v>
      </c>
      <c r="C29" s="261">
        <v>0</v>
      </c>
      <c r="D29" s="261">
        <v>0</v>
      </c>
      <c r="E29" s="258">
        <v>0</v>
      </c>
      <c r="F29" s="260">
        <v>0</v>
      </c>
      <c r="G29" s="261">
        <v>14</v>
      </c>
      <c r="H29" s="261">
        <v>8</v>
      </c>
      <c r="I29" s="261">
        <v>0</v>
      </c>
      <c r="J29" s="261">
        <v>0</v>
      </c>
      <c r="K29" s="261">
        <v>0</v>
      </c>
      <c r="L29" s="258">
        <v>22</v>
      </c>
      <c r="M29" s="263">
        <v>22</v>
      </c>
      <c r="N29" s="261">
        <v>0</v>
      </c>
      <c r="O29" s="261">
        <v>0</v>
      </c>
      <c r="P29" s="258">
        <v>0</v>
      </c>
      <c r="Q29" s="260">
        <v>0</v>
      </c>
      <c r="R29" s="261">
        <v>0</v>
      </c>
      <c r="S29" s="261">
        <v>4</v>
      </c>
      <c r="T29" s="261">
        <v>0</v>
      </c>
      <c r="U29" s="261">
        <v>0</v>
      </c>
      <c r="V29" s="261">
        <v>0</v>
      </c>
      <c r="W29" s="258">
        <v>4</v>
      </c>
      <c r="X29" s="263">
        <v>4</v>
      </c>
    </row>
    <row r="30" spans="2:24" ht="21" customHeight="1" x14ac:dyDescent="0.2">
      <c r="B30" s="472" t="s">
        <v>28</v>
      </c>
      <c r="C30" s="261">
        <v>0</v>
      </c>
      <c r="D30" s="261">
        <v>0</v>
      </c>
      <c r="E30" s="258">
        <v>0</v>
      </c>
      <c r="F30" s="260">
        <v>0</v>
      </c>
      <c r="G30" s="261">
        <v>30</v>
      </c>
      <c r="H30" s="261">
        <v>4</v>
      </c>
      <c r="I30" s="261">
        <v>0</v>
      </c>
      <c r="J30" s="261">
        <v>0</v>
      </c>
      <c r="K30" s="261">
        <v>0</v>
      </c>
      <c r="L30" s="258">
        <v>34</v>
      </c>
      <c r="M30" s="263">
        <v>34</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3</v>
      </c>
      <c r="H31" s="261">
        <v>0</v>
      </c>
      <c r="I31" s="261">
        <v>0</v>
      </c>
      <c r="J31" s="261">
        <v>0</v>
      </c>
      <c r="K31" s="261">
        <v>0</v>
      </c>
      <c r="L31" s="258">
        <v>3</v>
      </c>
      <c r="M31" s="263">
        <v>3</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13</v>
      </c>
      <c r="H32" s="261">
        <v>0</v>
      </c>
      <c r="I32" s="261">
        <v>0</v>
      </c>
      <c r="J32" s="261">
        <v>0</v>
      </c>
      <c r="K32" s="261">
        <v>0</v>
      </c>
      <c r="L32" s="258">
        <v>13</v>
      </c>
      <c r="M32" s="263">
        <v>13</v>
      </c>
      <c r="N32" s="261">
        <v>0</v>
      </c>
      <c r="O32" s="261">
        <v>0</v>
      </c>
      <c r="P32" s="258">
        <v>0</v>
      </c>
      <c r="Q32" s="260">
        <v>0</v>
      </c>
      <c r="R32" s="261">
        <v>0</v>
      </c>
      <c r="S32" s="261">
        <v>5</v>
      </c>
      <c r="T32" s="261">
        <v>0</v>
      </c>
      <c r="U32" s="261">
        <v>0</v>
      </c>
      <c r="V32" s="261">
        <v>0</v>
      </c>
      <c r="W32" s="258">
        <v>5</v>
      </c>
      <c r="X32" s="263">
        <v>5</v>
      </c>
    </row>
    <row r="33" spans="2:24" ht="21" customHeight="1" x14ac:dyDescent="0.2">
      <c r="B33" s="472" t="s">
        <v>31</v>
      </c>
      <c r="C33" s="261">
        <v>0</v>
      </c>
      <c r="D33" s="261">
        <v>0</v>
      </c>
      <c r="E33" s="258">
        <v>0</v>
      </c>
      <c r="F33" s="260">
        <v>0</v>
      </c>
      <c r="G33" s="261">
        <v>8</v>
      </c>
      <c r="H33" s="261">
        <v>0</v>
      </c>
      <c r="I33" s="261">
        <v>8</v>
      </c>
      <c r="J33" s="261">
        <v>0</v>
      </c>
      <c r="K33" s="261">
        <v>0</v>
      </c>
      <c r="L33" s="258">
        <v>16</v>
      </c>
      <c r="M33" s="263">
        <v>16</v>
      </c>
      <c r="N33" s="261">
        <v>0</v>
      </c>
      <c r="O33" s="261">
        <v>0</v>
      </c>
      <c r="P33" s="258">
        <v>0</v>
      </c>
      <c r="Q33" s="260">
        <v>0</v>
      </c>
      <c r="R33" s="261">
        <v>0</v>
      </c>
      <c r="S33" s="261">
        <v>0</v>
      </c>
      <c r="T33" s="261">
        <v>0</v>
      </c>
      <c r="U33" s="261">
        <v>0</v>
      </c>
      <c r="V33" s="261">
        <v>0</v>
      </c>
      <c r="W33" s="258">
        <v>0</v>
      </c>
      <c r="X33" s="263">
        <v>0</v>
      </c>
    </row>
    <row r="34" spans="2:24" ht="21" customHeight="1" x14ac:dyDescent="0.2">
      <c r="B34" s="472" t="s">
        <v>32</v>
      </c>
      <c r="C34" s="261">
        <v>0</v>
      </c>
      <c r="D34" s="261">
        <v>0</v>
      </c>
      <c r="E34" s="258">
        <v>0</v>
      </c>
      <c r="F34" s="260">
        <v>0</v>
      </c>
      <c r="G34" s="261">
        <v>5</v>
      </c>
      <c r="H34" s="261">
        <v>2</v>
      </c>
      <c r="I34" s="261">
        <v>4</v>
      </c>
      <c r="J34" s="261">
        <v>0</v>
      </c>
      <c r="K34" s="261">
        <v>0</v>
      </c>
      <c r="L34" s="258">
        <v>11</v>
      </c>
      <c r="M34" s="263">
        <v>11</v>
      </c>
      <c r="N34" s="261">
        <v>0</v>
      </c>
      <c r="O34" s="261">
        <v>0</v>
      </c>
      <c r="P34" s="258">
        <v>0</v>
      </c>
      <c r="Q34" s="260">
        <v>0</v>
      </c>
      <c r="R34" s="261">
        <v>17</v>
      </c>
      <c r="S34" s="261">
        <v>0</v>
      </c>
      <c r="T34" s="261">
        <v>0</v>
      </c>
      <c r="U34" s="261">
        <v>0</v>
      </c>
      <c r="V34" s="261">
        <v>0</v>
      </c>
      <c r="W34" s="258">
        <v>17</v>
      </c>
      <c r="X34" s="263">
        <v>17</v>
      </c>
    </row>
    <row r="35" spans="2:24" ht="21" customHeight="1" x14ac:dyDescent="0.2">
      <c r="B35" s="472" t="s">
        <v>33</v>
      </c>
      <c r="C35" s="261">
        <v>0</v>
      </c>
      <c r="D35" s="261">
        <v>0</v>
      </c>
      <c r="E35" s="258">
        <v>0</v>
      </c>
      <c r="F35" s="260">
        <v>0</v>
      </c>
      <c r="G35" s="261">
        <v>8</v>
      </c>
      <c r="H35" s="261">
        <v>0</v>
      </c>
      <c r="I35" s="261">
        <v>7</v>
      </c>
      <c r="J35" s="261">
        <v>7</v>
      </c>
      <c r="K35" s="261">
        <v>0</v>
      </c>
      <c r="L35" s="258">
        <v>22</v>
      </c>
      <c r="M35" s="263">
        <v>22</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8</v>
      </c>
      <c r="H38" s="261">
        <v>0</v>
      </c>
      <c r="I38" s="261">
        <v>0</v>
      </c>
      <c r="J38" s="261">
        <v>32</v>
      </c>
      <c r="K38" s="261">
        <v>0</v>
      </c>
      <c r="L38" s="258">
        <v>40</v>
      </c>
      <c r="M38" s="263">
        <v>40</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16</v>
      </c>
      <c r="L39" s="265">
        <v>16</v>
      </c>
      <c r="M39" s="270">
        <v>16</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499">
        <f>第１表!F2</f>
        <v>5</v>
      </c>
      <c r="G1" s="499"/>
      <c r="H1" s="235">
        <f>第１表!G2</f>
        <v>8</v>
      </c>
      <c r="I1" s="530">
        <f>IF(H1&lt;3,H1-2+12,H1-2)</f>
        <v>6</v>
      </c>
      <c r="J1" s="530"/>
    </row>
    <row r="2" spans="2:133" ht="24" customHeight="1" thickBot="1" x14ac:dyDescent="0.25"/>
    <row r="3" spans="2:133" ht="21" customHeight="1" thickBot="1" x14ac:dyDescent="0.25">
      <c r="B3" s="548"/>
      <c r="C3" s="551" t="s">
        <v>57</v>
      </c>
      <c r="D3" s="552"/>
      <c r="E3" s="552"/>
      <c r="F3" s="552"/>
      <c r="G3" s="552"/>
      <c r="H3" s="552"/>
      <c r="I3" s="552"/>
      <c r="J3" s="552"/>
      <c r="K3" s="552"/>
      <c r="L3" s="552"/>
      <c r="M3" s="552"/>
      <c r="N3" s="552"/>
      <c r="O3" s="552"/>
      <c r="P3" s="552"/>
      <c r="Q3" s="552"/>
      <c r="R3" s="552"/>
      <c r="S3" s="552"/>
      <c r="T3" s="552"/>
      <c r="U3" s="552"/>
      <c r="V3" s="552"/>
      <c r="W3" s="552"/>
      <c r="X3" s="552"/>
      <c r="Y3" s="552"/>
      <c r="Z3" s="552"/>
      <c r="AA3" s="552"/>
      <c r="AB3" s="552"/>
      <c r="AC3" s="552"/>
      <c r="AD3" s="552"/>
      <c r="AE3" s="552"/>
      <c r="AF3" s="553"/>
      <c r="AG3" s="551" t="s">
        <v>58</v>
      </c>
      <c r="AH3" s="554"/>
      <c r="AI3" s="554"/>
      <c r="AJ3" s="554"/>
      <c r="AK3" s="554"/>
      <c r="AL3" s="554"/>
      <c r="AM3" s="554"/>
      <c r="AN3" s="554"/>
      <c r="AO3" s="554"/>
      <c r="AP3" s="554"/>
      <c r="AQ3" s="554"/>
      <c r="AR3" s="554"/>
      <c r="AS3" s="554"/>
      <c r="AT3" s="554"/>
      <c r="AU3" s="554"/>
      <c r="AV3" s="554"/>
      <c r="AW3" s="554"/>
      <c r="AX3" s="554"/>
      <c r="AY3" s="554"/>
      <c r="AZ3" s="554"/>
      <c r="BA3" s="554"/>
      <c r="BB3" s="554"/>
      <c r="BC3" s="554"/>
      <c r="BD3" s="554"/>
      <c r="BE3" s="554"/>
      <c r="BF3" s="554"/>
      <c r="BG3" s="554"/>
      <c r="BH3" s="554"/>
      <c r="BI3" s="554"/>
      <c r="BJ3" s="555"/>
      <c r="BK3" s="551" t="s">
        <v>59</v>
      </c>
      <c r="BL3" s="552"/>
      <c r="BM3" s="552"/>
      <c r="BN3" s="552"/>
      <c r="BO3" s="552"/>
      <c r="BP3" s="552"/>
      <c r="BQ3" s="552"/>
      <c r="BR3" s="552"/>
      <c r="BS3" s="552"/>
      <c r="BT3" s="552"/>
      <c r="BU3" s="552"/>
      <c r="BV3" s="552"/>
      <c r="BW3" s="552"/>
      <c r="BX3" s="552"/>
      <c r="BY3" s="552"/>
      <c r="BZ3" s="552"/>
      <c r="CA3" s="552"/>
      <c r="CB3" s="552"/>
      <c r="CC3" s="552"/>
      <c r="CD3" s="552"/>
      <c r="CE3" s="552"/>
      <c r="CF3" s="552"/>
      <c r="CG3" s="552"/>
      <c r="CH3" s="552"/>
      <c r="CI3" s="552"/>
      <c r="CJ3" s="552"/>
      <c r="CK3" s="552"/>
      <c r="CL3" s="552"/>
      <c r="CM3" s="552"/>
      <c r="CN3" s="553"/>
      <c r="CO3" s="580" t="s">
        <v>150</v>
      </c>
      <c r="CP3" s="552"/>
      <c r="CQ3" s="552"/>
      <c r="CR3" s="552"/>
      <c r="CS3" s="552"/>
      <c r="CT3" s="552"/>
      <c r="CU3" s="552"/>
      <c r="CV3" s="552"/>
      <c r="CW3" s="552"/>
      <c r="CX3" s="552"/>
      <c r="CY3" s="552"/>
      <c r="CZ3" s="552"/>
      <c r="DA3" s="552"/>
      <c r="DB3" s="552"/>
      <c r="DC3" s="552"/>
      <c r="DD3" s="552"/>
      <c r="DE3" s="552"/>
      <c r="DF3" s="552"/>
      <c r="DG3" s="552"/>
      <c r="DH3" s="552"/>
      <c r="DI3" s="552"/>
      <c r="DJ3" s="552"/>
      <c r="DK3" s="552"/>
      <c r="DL3" s="552"/>
      <c r="DM3" s="552"/>
      <c r="DN3" s="552"/>
      <c r="DO3" s="552"/>
      <c r="DP3" s="552"/>
      <c r="DQ3" s="552"/>
      <c r="DR3" s="553"/>
      <c r="DS3" s="574" t="s">
        <v>60</v>
      </c>
      <c r="DT3" s="479"/>
      <c r="DU3" s="479"/>
      <c r="DV3" s="479"/>
      <c r="DW3" s="479"/>
      <c r="DX3" s="479"/>
      <c r="DY3" s="479"/>
      <c r="DZ3" s="479"/>
      <c r="EA3" s="479"/>
      <c r="EB3" s="480"/>
    </row>
    <row r="4" spans="2:133" ht="21" customHeight="1" thickBot="1" x14ac:dyDescent="0.25">
      <c r="B4" s="549"/>
      <c r="C4" s="575"/>
      <c r="D4" s="568"/>
      <c r="E4" s="568"/>
      <c r="F4" s="568"/>
      <c r="G4" s="568"/>
      <c r="H4" s="568"/>
      <c r="I4" s="568"/>
      <c r="J4" s="568"/>
      <c r="K4" s="568"/>
      <c r="L4" s="568"/>
      <c r="M4" s="577" t="s">
        <v>39</v>
      </c>
      <c r="N4" s="578"/>
      <c r="O4" s="578"/>
      <c r="P4" s="578"/>
      <c r="Q4" s="578"/>
      <c r="R4" s="578"/>
      <c r="S4" s="578"/>
      <c r="T4" s="578"/>
      <c r="U4" s="578"/>
      <c r="V4" s="579"/>
      <c r="W4" s="577" t="s">
        <v>40</v>
      </c>
      <c r="X4" s="578"/>
      <c r="Y4" s="578"/>
      <c r="Z4" s="578"/>
      <c r="AA4" s="578"/>
      <c r="AB4" s="578"/>
      <c r="AC4" s="578"/>
      <c r="AD4" s="578"/>
      <c r="AE4" s="578"/>
      <c r="AF4" s="579"/>
      <c r="AG4" s="575"/>
      <c r="AH4" s="568"/>
      <c r="AI4" s="568"/>
      <c r="AJ4" s="568"/>
      <c r="AK4" s="568"/>
      <c r="AL4" s="568"/>
      <c r="AM4" s="568"/>
      <c r="AN4" s="568"/>
      <c r="AO4" s="568"/>
      <c r="AP4" s="568"/>
      <c r="AQ4" s="577" t="s">
        <v>39</v>
      </c>
      <c r="AR4" s="578"/>
      <c r="AS4" s="578"/>
      <c r="AT4" s="578"/>
      <c r="AU4" s="578"/>
      <c r="AV4" s="578"/>
      <c r="AW4" s="578"/>
      <c r="AX4" s="578"/>
      <c r="AY4" s="578"/>
      <c r="AZ4" s="579"/>
      <c r="BA4" s="577" t="s">
        <v>40</v>
      </c>
      <c r="BB4" s="578"/>
      <c r="BC4" s="578"/>
      <c r="BD4" s="578"/>
      <c r="BE4" s="578"/>
      <c r="BF4" s="578"/>
      <c r="BG4" s="578"/>
      <c r="BH4" s="578"/>
      <c r="BI4" s="578"/>
      <c r="BJ4" s="579"/>
      <c r="BK4" s="575"/>
      <c r="BL4" s="568"/>
      <c r="BM4" s="568"/>
      <c r="BN4" s="568"/>
      <c r="BO4" s="568"/>
      <c r="BP4" s="568"/>
      <c r="BQ4" s="568"/>
      <c r="BR4" s="568"/>
      <c r="BS4" s="568"/>
      <c r="BT4" s="568"/>
      <c r="BU4" s="577" t="s">
        <v>39</v>
      </c>
      <c r="BV4" s="578"/>
      <c r="BW4" s="578"/>
      <c r="BX4" s="578"/>
      <c r="BY4" s="578"/>
      <c r="BZ4" s="578"/>
      <c r="CA4" s="578"/>
      <c r="CB4" s="578"/>
      <c r="CC4" s="578"/>
      <c r="CD4" s="579"/>
      <c r="CE4" s="577" t="s">
        <v>40</v>
      </c>
      <c r="CF4" s="578"/>
      <c r="CG4" s="578"/>
      <c r="CH4" s="578"/>
      <c r="CI4" s="578"/>
      <c r="CJ4" s="578"/>
      <c r="CK4" s="578"/>
      <c r="CL4" s="578"/>
      <c r="CM4" s="578"/>
      <c r="CN4" s="579"/>
      <c r="CO4" s="575"/>
      <c r="CP4" s="568"/>
      <c r="CQ4" s="568"/>
      <c r="CR4" s="568"/>
      <c r="CS4" s="568"/>
      <c r="CT4" s="568"/>
      <c r="CU4" s="568"/>
      <c r="CV4" s="568"/>
      <c r="CW4" s="568"/>
      <c r="CX4" s="568"/>
      <c r="CY4" s="577" t="s">
        <v>39</v>
      </c>
      <c r="CZ4" s="578"/>
      <c r="DA4" s="578"/>
      <c r="DB4" s="578"/>
      <c r="DC4" s="578"/>
      <c r="DD4" s="578"/>
      <c r="DE4" s="578"/>
      <c r="DF4" s="578"/>
      <c r="DG4" s="578"/>
      <c r="DH4" s="579"/>
      <c r="DI4" s="577" t="s">
        <v>40</v>
      </c>
      <c r="DJ4" s="578"/>
      <c r="DK4" s="578"/>
      <c r="DL4" s="578"/>
      <c r="DM4" s="578"/>
      <c r="DN4" s="578"/>
      <c r="DO4" s="578"/>
      <c r="DP4" s="578"/>
      <c r="DQ4" s="578"/>
      <c r="DR4" s="579"/>
      <c r="DS4" s="575"/>
      <c r="DT4" s="568"/>
      <c r="DU4" s="568"/>
      <c r="DV4" s="568"/>
      <c r="DW4" s="568"/>
      <c r="DX4" s="568"/>
      <c r="DY4" s="568"/>
      <c r="DZ4" s="568"/>
      <c r="EA4" s="568"/>
      <c r="EB4" s="576"/>
    </row>
    <row r="5" spans="2:133" ht="21" customHeight="1" x14ac:dyDescent="0.2">
      <c r="B5" s="550"/>
      <c r="C5" s="556" t="s">
        <v>61</v>
      </c>
      <c r="D5" s="557"/>
      <c r="E5" s="558"/>
      <c r="F5" s="559" t="s">
        <v>62</v>
      </c>
      <c r="G5" s="560"/>
      <c r="H5" s="560"/>
      <c r="I5" s="560"/>
      <c r="J5" s="560"/>
      <c r="K5" s="561"/>
      <c r="L5" s="572" t="s">
        <v>52</v>
      </c>
      <c r="M5" s="564" t="s">
        <v>61</v>
      </c>
      <c r="N5" s="565"/>
      <c r="O5" s="566"/>
      <c r="P5" s="567" t="s">
        <v>62</v>
      </c>
      <c r="Q5" s="568"/>
      <c r="R5" s="568"/>
      <c r="S5" s="568"/>
      <c r="T5" s="568"/>
      <c r="U5" s="569"/>
      <c r="V5" s="573" t="s">
        <v>52</v>
      </c>
      <c r="W5" s="581" t="s">
        <v>61</v>
      </c>
      <c r="X5" s="565"/>
      <c r="Y5" s="566"/>
      <c r="Z5" s="567" t="s">
        <v>62</v>
      </c>
      <c r="AA5" s="568"/>
      <c r="AB5" s="568"/>
      <c r="AC5" s="568"/>
      <c r="AD5" s="568"/>
      <c r="AE5" s="569"/>
      <c r="AF5" s="573" t="s">
        <v>52</v>
      </c>
      <c r="AG5" s="556" t="s">
        <v>61</v>
      </c>
      <c r="AH5" s="557"/>
      <c r="AI5" s="558"/>
      <c r="AJ5" s="559" t="s">
        <v>62</v>
      </c>
      <c r="AK5" s="560"/>
      <c r="AL5" s="560"/>
      <c r="AM5" s="560"/>
      <c r="AN5" s="560"/>
      <c r="AO5" s="561"/>
      <c r="AP5" s="562" t="s">
        <v>52</v>
      </c>
      <c r="AQ5" s="564" t="s">
        <v>61</v>
      </c>
      <c r="AR5" s="565"/>
      <c r="AS5" s="566"/>
      <c r="AT5" s="567" t="s">
        <v>62</v>
      </c>
      <c r="AU5" s="568"/>
      <c r="AV5" s="568"/>
      <c r="AW5" s="568"/>
      <c r="AX5" s="568"/>
      <c r="AY5" s="569"/>
      <c r="AZ5" s="570" t="s">
        <v>52</v>
      </c>
      <c r="BA5" s="564" t="s">
        <v>61</v>
      </c>
      <c r="BB5" s="565"/>
      <c r="BC5" s="566"/>
      <c r="BD5" s="567" t="s">
        <v>62</v>
      </c>
      <c r="BE5" s="568"/>
      <c r="BF5" s="568"/>
      <c r="BG5" s="568"/>
      <c r="BH5" s="568"/>
      <c r="BI5" s="569"/>
      <c r="BJ5" s="573" t="s">
        <v>52</v>
      </c>
      <c r="BK5" s="556" t="s">
        <v>61</v>
      </c>
      <c r="BL5" s="557"/>
      <c r="BM5" s="558"/>
      <c r="BN5" s="559" t="s">
        <v>62</v>
      </c>
      <c r="BO5" s="560"/>
      <c r="BP5" s="560"/>
      <c r="BQ5" s="560"/>
      <c r="BR5" s="560"/>
      <c r="BS5" s="561"/>
      <c r="BT5" s="572" t="s">
        <v>52</v>
      </c>
      <c r="BU5" s="564" t="s">
        <v>61</v>
      </c>
      <c r="BV5" s="565"/>
      <c r="BW5" s="566"/>
      <c r="BX5" s="567" t="s">
        <v>62</v>
      </c>
      <c r="BY5" s="568"/>
      <c r="BZ5" s="568"/>
      <c r="CA5" s="568"/>
      <c r="CB5" s="568"/>
      <c r="CC5" s="569"/>
      <c r="CD5" s="573" t="s">
        <v>52</v>
      </c>
      <c r="CE5" s="581" t="s">
        <v>61</v>
      </c>
      <c r="CF5" s="565"/>
      <c r="CG5" s="566"/>
      <c r="CH5" s="567" t="s">
        <v>62</v>
      </c>
      <c r="CI5" s="568"/>
      <c r="CJ5" s="568"/>
      <c r="CK5" s="568"/>
      <c r="CL5" s="568"/>
      <c r="CM5" s="569"/>
      <c r="CN5" s="573" t="s">
        <v>52</v>
      </c>
      <c r="CO5" s="556" t="s">
        <v>61</v>
      </c>
      <c r="CP5" s="557"/>
      <c r="CQ5" s="558"/>
      <c r="CR5" s="559" t="s">
        <v>62</v>
      </c>
      <c r="CS5" s="560"/>
      <c r="CT5" s="560"/>
      <c r="CU5" s="560"/>
      <c r="CV5" s="560"/>
      <c r="CW5" s="561"/>
      <c r="CX5" s="572" t="s">
        <v>52</v>
      </c>
      <c r="CY5" s="564" t="s">
        <v>61</v>
      </c>
      <c r="CZ5" s="565"/>
      <c r="DA5" s="566"/>
      <c r="DB5" s="567" t="s">
        <v>62</v>
      </c>
      <c r="DC5" s="568"/>
      <c r="DD5" s="568"/>
      <c r="DE5" s="568"/>
      <c r="DF5" s="568"/>
      <c r="DG5" s="569"/>
      <c r="DH5" s="573" t="s">
        <v>52</v>
      </c>
      <c r="DI5" s="581" t="s">
        <v>61</v>
      </c>
      <c r="DJ5" s="565"/>
      <c r="DK5" s="566"/>
      <c r="DL5" s="567" t="s">
        <v>62</v>
      </c>
      <c r="DM5" s="568"/>
      <c r="DN5" s="568"/>
      <c r="DO5" s="568"/>
      <c r="DP5" s="568"/>
      <c r="DQ5" s="569"/>
      <c r="DR5" s="573" t="s">
        <v>52</v>
      </c>
      <c r="DS5" s="556" t="s">
        <v>61</v>
      </c>
      <c r="DT5" s="557"/>
      <c r="DU5" s="558"/>
      <c r="DV5" s="559" t="s">
        <v>62</v>
      </c>
      <c r="DW5" s="560"/>
      <c r="DX5" s="560"/>
      <c r="DY5" s="560"/>
      <c r="DZ5" s="560"/>
      <c r="EA5" s="561"/>
      <c r="EB5" s="562" t="s">
        <v>52</v>
      </c>
    </row>
    <row r="6" spans="2:133" ht="30" customHeight="1" thickBot="1" x14ac:dyDescent="0.25">
      <c r="B6" s="291" t="s">
        <v>42</v>
      </c>
      <c r="C6" s="26" t="s">
        <v>43</v>
      </c>
      <c r="D6" s="27" t="s">
        <v>44</v>
      </c>
      <c r="E6" s="27" t="s">
        <v>45</v>
      </c>
      <c r="F6" s="28" t="s">
        <v>47</v>
      </c>
      <c r="G6" s="29" t="s">
        <v>48</v>
      </c>
      <c r="H6" s="29" t="s">
        <v>49</v>
      </c>
      <c r="I6" s="30" t="s">
        <v>50</v>
      </c>
      <c r="J6" s="27" t="s">
        <v>51</v>
      </c>
      <c r="K6" s="31" t="s">
        <v>95</v>
      </c>
      <c r="L6" s="571"/>
      <c r="M6" s="26" t="s">
        <v>43</v>
      </c>
      <c r="N6" s="27" t="s">
        <v>44</v>
      </c>
      <c r="O6" s="31" t="s">
        <v>45</v>
      </c>
      <c r="P6" s="28" t="s">
        <v>47</v>
      </c>
      <c r="Q6" s="29" t="s">
        <v>48</v>
      </c>
      <c r="R6" s="29" t="s">
        <v>49</v>
      </c>
      <c r="S6" s="30" t="s">
        <v>50</v>
      </c>
      <c r="T6" s="27" t="s">
        <v>51</v>
      </c>
      <c r="U6" s="31" t="s">
        <v>45</v>
      </c>
      <c r="V6" s="563"/>
      <c r="W6" s="12" t="s">
        <v>43</v>
      </c>
      <c r="X6" s="27" t="s">
        <v>44</v>
      </c>
      <c r="Y6" s="31" t="s">
        <v>45</v>
      </c>
      <c r="Z6" s="12" t="s">
        <v>47</v>
      </c>
      <c r="AA6" s="29" t="s">
        <v>48</v>
      </c>
      <c r="AB6" s="29" t="s">
        <v>49</v>
      </c>
      <c r="AC6" s="30" t="s">
        <v>50</v>
      </c>
      <c r="AD6" s="27" t="s">
        <v>51</v>
      </c>
      <c r="AE6" s="31" t="s">
        <v>45</v>
      </c>
      <c r="AF6" s="563"/>
      <c r="AG6" s="26" t="s">
        <v>43</v>
      </c>
      <c r="AH6" s="27" t="s">
        <v>44</v>
      </c>
      <c r="AI6" s="31" t="s">
        <v>45</v>
      </c>
      <c r="AJ6" s="12" t="s">
        <v>47</v>
      </c>
      <c r="AK6" s="29" t="s">
        <v>48</v>
      </c>
      <c r="AL6" s="29" t="s">
        <v>49</v>
      </c>
      <c r="AM6" s="30" t="s">
        <v>50</v>
      </c>
      <c r="AN6" s="27" t="s">
        <v>51</v>
      </c>
      <c r="AO6" s="31" t="s">
        <v>45</v>
      </c>
      <c r="AP6" s="563"/>
      <c r="AQ6" s="26" t="s">
        <v>43</v>
      </c>
      <c r="AR6" s="27" t="s">
        <v>44</v>
      </c>
      <c r="AS6" s="31" t="s">
        <v>45</v>
      </c>
      <c r="AT6" s="28" t="s">
        <v>47</v>
      </c>
      <c r="AU6" s="29" t="s">
        <v>48</v>
      </c>
      <c r="AV6" s="29" t="s">
        <v>49</v>
      </c>
      <c r="AW6" s="30" t="s">
        <v>50</v>
      </c>
      <c r="AX6" s="27" t="s">
        <v>51</v>
      </c>
      <c r="AY6" s="31" t="s">
        <v>45</v>
      </c>
      <c r="AZ6" s="571"/>
      <c r="BA6" s="26" t="s">
        <v>43</v>
      </c>
      <c r="BB6" s="27" t="s">
        <v>44</v>
      </c>
      <c r="BC6" s="27" t="s">
        <v>45</v>
      </c>
      <c r="BD6" s="28" t="s">
        <v>47</v>
      </c>
      <c r="BE6" s="29" t="s">
        <v>48</v>
      </c>
      <c r="BF6" s="29" t="s">
        <v>49</v>
      </c>
      <c r="BG6" s="30" t="s">
        <v>50</v>
      </c>
      <c r="BH6" s="27" t="s">
        <v>51</v>
      </c>
      <c r="BI6" s="31" t="s">
        <v>45</v>
      </c>
      <c r="BJ6" s="563"/>
      <c r="BK6" s="26" t="s">
        <v>43</v>
      </c>
      <c r="BL6" s="27" t="s">
        <v>44</v>
      </c>
      <c r="BM6" s="27" t="s">
        <v>45</v>
      </c>
      <c r="BN6" s="28" t="s">
        <v>47</v>
      </c>
      <c r="BO6" s="29" t="s">
        <v>48</v>
      </c>
      <c r="BP6" s="29" t="s">
        <v>49</v>
      </c>
      <c r="BQ6" s="30" t="s">
        <v>50</v>
      </c>
      <c r="BR6" s="27" t="s">
        <v>51</v>
      </c>
      <c r="BS6" s="31" t="s">
        <v>45</v>
      </c>
      <c r="BT6" s="571"/>
      <c r="BU6" s="26" t="s">
        <v>43</v>
      </c>
      <c r="BV6" s="27" t="s">
        <v>44</v>
      </c>
      <c r="BW6" s="27" t="s">
        <v>45</v>
      </c>
      <c r="BX6" s="28" t="s">
        <v>47</v>
      </c>
      <c r="BY6" s="29" t="s">
        <v>48</v>
      </c>
      <c r="BZ6" s="29" t="s">
        <v>49</v>
      </c>
      <c r="CA6" s="30" t="s">
        <v>50</v>
      </c>
      <c r="CB6" s="27" t="s">
        <v>51</v>
      </c>
      <c r="CC6" s="31" t="s">
        <v>45</v>
      </c>
      <c r="CD6" s="563"/>
      <c r="CE6" s="12" t="s">
        <v>43</v>
      </c>
      <c r="CF6" s="27" t="s">
        <v>44</v>
      </c>
      <c r="CG6" s="27" t="s">
        <v>45</v>
      </c>
      <c r="CH6" s="28" t="s">
        <v>47</v>
      </c>
      <c r="CI6" s="29" t="s">
        <v>48</v>
      </c>
      <c r="CJ6" s="29" t="s">
        <v>49</v>
      </c>
      <c r="CK6" s="30" t="s">
        <v>50</v>
      </c>
      <c r="CL6" s="27" t="s">
        <v>51</v>
      </c>
      <c r="CM6" s="31" t="s">
        <v>45</v>
      </c>
      <c r="CN6" s="563"/>
      <c r="CO6" s="26" t="s">
        <v>43</v>
      </c>
      <c r="CP6" s="27" t="s">
        <v>44</v>
      </c>
      <c r="CQ6" s="27" t="s">
        <v>45</v>
      </c>
      <c r="CR6" s="28" t="s">
        <v>47</v>
      </c>
      <c r="CS6" s="29" t="s">
        <v>48</v>
      </c>
      <c r="CT6" s="29" t="s">
        <v>49</v>
      </c>
      <c r="CU6" s="30" t="s">
        <v>50</v>
      </c>
      <c r="CV6" s="27" t="s">
        <v>51</v>
      </c>
      <c r="CW6" s="31" t="s">
        <v>45</v>
      </c>
      <c r="CX6" s="571"/>
      <c r="CY6" s="26" t="s">
        <v>43</v>
      </c>
      <c r="CZ6" s="27" t="s">
        <v>44</v>
      </c>
      <c r="DA6" s="27" t="s">
        <v>45</v>
      </c>
      <c r="DB6" s="28" t="s">
        <v>47</v>
      </c>
      <c r="DC6" s="29" t="s">
        <v>48</v>
      </c>
      <c r="DD6" s="29" t="s">
        <v>49</v>
      </c>
      <c r="DE6" s="30" t="s">
        <v>50</v>
      </c>
      <c r="DF6" s="27" t="s">
        <v>51</v>
      </c>
      <c r="DG6" s="31" t="s">
        <v>45</v>
      </c>
      <c r="DH6" s="563"/>
      <c r="DI6" s="12" t="s">
        <v>43</v>
      </c>
      <c r="DJ6" s="27" t="s">
        <v>44</v>
      </c>
      <c r="DK6" s="27" t="s">
        <v>45</v>
      </c>
      <c r="DL6" s="28" t="s">
        <v>47</v>
      </c>
      <c r="DM6" s="29" t="s">
        <v>48</v>
      </c>
      <c r="DN6" s="29" t="s">
        <v>49</v>
      </c>
      <c r="DO6" s="30" t="s">
        <v>50</v>
      </c>
      <c r="DP6" s="27" t="s">
        <v>51</v>
      </c>
      <c r="DQ6" s="31" t="s">
        <v>45</v>
      </c>
      <c r="DR6" s="563"/>
      <c r="DS6" s="26" t="s">
        <v>43</v>
      </c>
      <c r="DT6" s="27" t="s">
        <v>44</v>
      </c>
      <c r="DU6" s="27" t="s">
        <v>45</v>
      </c>
      <c r="DV6" s="28" t="s">
        <v>47</v>
      </c>
      <c r="DW6" s="29" t="s">
        <v>48</v>
      </c>
      <c r="DX6" s="29" t="s">
        <v>49</v>
      </c>
      <c r="DY6" s="30" t="s">
        <v>50</v>
      </c>
      <c r="DZ6" s="27" t="s">
        <v>51</v>
      </c>
      <c r="EA6" s="31" t="s">
        <v>45</v>
      </c>
      <c r="EB6" s="563"/>
    </row>
    <row r="7" spans="2:133" ht="21" customHeight="1" x14ac:dyDescent="0.2">
      <c r="B7" s="470" t="s">
        <v>4</v>
      </c>
      <c r="C7" s="172">
        <v>0</v>
      </c>
      <c r="D7" s="173">
        <v>0</v>
      </c>
      <c r="E7" s="173">
        <v>0</v>
      </c>
      <c r="F7" s="174">
        <v>432</v>
      </c>
      <c r="G7" s="175">
        <v>1542</v>
      </c>
      <c r="H7" s="175">
        <v>9985</v>
      </c>
      <c r="I7" s="175">
        <v>15014</v>
      </c>
      <c r="J7" s="173">
        <v>10361</v>
      </c>
      <c r="K7" s="176">
        <v>37334</v>
      </c>
      <c r="L7" s="177">
        <v>37334</v>
      </c>
      <c r="M7" s="172">
        <v>0</v>
      </c>
      <c r="N7" s="173">
        <v>0</v>
      </c>
      <c r="O7" s="176">
        <v>0</v>
      </c>
      <c r="P7" s="174">
        <v>429</v>
      </c>
      <c r="Q7" s="175">
        <v>1530</v>
      </c>
      <c r="R7" s="175">
        <v>9918</v>
      </c>
      <c r="S7" s="175">
        <v>14865</v>
      </c>
      <c r="T7" s="173">
        <v>10216</v>
      </c>
      <c r="U7" s="176">
        <v>36958</v>
      </c>
      <c r="V7" s="178">
        <v>36958</v>
      </c>
      <c r="W7" s="179">
        <v>0</v>
      </c>
      <c r="X7" s="173">
        <v>0</v>
      </c>
      <c r="Y7" s="176">
        <v>0</v>
      </c>
      <c r="Z7" s="179">
        <v>3</v>
      </c>
      <c r="AA7" s="175">
        <v>12</v>
      </c>
      <c r="AB7" s="175">
        <v>67</v>
      </c>
      <c r="AC7" s="175">
        <v>149</v>
      </c>
      <c r="AD7" s="173">
        <v>145</v>
      </c>
      <c r="AE7" s="176">
        <v>376</v>
      </c>
      <c r="AF7" s="180">
        <v>376</v>
      </c>
      <c r="AG7" s="179">
        <v>0</v>
      </c>
      <c r="AH7" s="173">
        <v>0</v>
      </c>
      <c r="AI7" s="176">
        <v>0</v>
      </c>
      <c r="AJ7" s="179">
        <v>1621</v>
      </c>
      <c r="AK7" s="175">
        <v>3342</v>
      </c>
      <c r="AL7" s="175">
        <v>4689</v>
      </c>
      <c r="AM7" s="175">
        <v>5664</v>
      </c>
      <c r="AN7" s="173">
        <v>2986</v>
      </c>
      <c r="AO7" s="176">
        <v>18302</v>
      </c>
      <c r="AP7" s="180">
        <v>18302</v>
      </c>
      <c r="AQ7" s="179">
        <v>0</v>
      </c>
      <c r="AR7" s="173">
        <v>0</v>
      </c>
      <c r="AS7" s="176">
        <v>0</v>
      </c>
      <c r="AT7" s="174">
        <v>1596</v>
      </c>
      <c r="AU7" s="175">
        <v>3303</v>
      </c>
      <c r="AV7" s="175">
        <v>4608</v>
      </c>
      <c r="AW7" s="175">
        <v>5550</v>
      </c>
      <c r="AX7" s="173">
        <v>2911</v>
      </c>
      <c r="AY7" s="176">
        <v>17968</v>
      </c>
      <c r="AZ7" s="177">
        <v>17968</v>
      </c>
      <c r="BA7" s="172">
        <v>0</v>
      </c>
      <c r="BB7" s="173">
        <v>0</v>
      </c>
      <c r="BC7" s="173">
        <v>0</v>
      </c>
      <c r="BD7" s="174">
        <v>25</v>
      </c>
      <c r="BE7" s="175">
        <v>39</v>
      </c>
      <c r="BF7" s="175">
        <v>81</v>
      </c>
      <c r="BG7" s="175">
        <v>114</v>
      </c>
      <c r="BH7" s="173">
        <v>75</v>
      </c>
      <c r="BI7" s="176">
        <v>334</v>
      </c>
      <c r="BJ7" s="178">
        <v>334</v>
      </c>
      <c r="BK7" s="179">
        <v>0</v>
      </c>
      <c r="BL7" s="173">
        <v>0</v>
      </c>
      <c r="BM7" s="173">
        <v>0</v>
      </c>
      <c r="BN7" s="174">
        <v>0</v>
      </c>
      <c r="BO7" s="175">
        <v>2</v>
      </c>
      <c r="BP7" s="175">
        <v>12</v>
      </c>
      <c r="BQ7" s="175">
        <v>119</v>
      </c>
      <c r="BR7" s="173">
        <v>146</v>
      </c>
      <c r="BS7" s="176">
        <v>279</v>
      </c>
      <c r="BT7" s="177">
        <v>279</v>
      </c>
      <c r="BU7" s="172">
        <v>0</v>
      </c>
      <c r="BV7" s="173">
        <v>0</v>
      </c>
      <c r="BW7" s="173">
        <v>0</v>
      </c>
      <c r="BX7" s="174">
        <v>0</v>
      </c>
      <c r="BY7" s="175">
        <v>2</v>
      </c>
      <c r="BZ7" s="175">
        <v>12</v>
      </c>
      <c r="CA7" s="175">
        <v>119</v>
      </c>
      <c r="CB7" s="173">
        <v>144</v>
      </c>
      <c r="CC7" s="176">
        <v>277</v>
      </c>
      <c r="CD7" s="178">
        <v>277</v>
      </c>
      <c r="CE7" s="179">
        <v>0</v>
      </c>
      <c r="CF7" s="173">
        <v>0</v>
      </c>
      <c r="CG7" s="173">
        <v>0</v>
      </c>
      <c r="CH7" s="174">
        <v>0</v>
      </c>
      <c r="CI7" s="175">
        <v>0</v>
      </c>
      <c r="CJ7" s="175">
        <v>0</v>
      </c>
      <c r="CK7" s="175">
        <v>0</v>
      </c>
      <c r="CL7" s="173">
        <v>2</v>
      </c>
      <c r="CM7" s="176">
        <v>2</v>
      </c>
      <c r="CN7" s="178">
        <v>2</v>
      </c>
      <c r="CO7" s="179">
        <v>0</v>
      </c>
      <c r="CP7" s="173">
        <v>0</v>
      </c>
      <c r="CQ7" s="173">
        <v>0</v>
      </c>
      <c r="CR7" s="174">
        <v>16</v>
      </c>
      <c r="CS7" s="175">
        <v>26</v>
      </c>
      <c r="CT7" s="175">
        <v>69</v>
      </c>
      <c r="CU7" s="175">
        <v>341</v>
      </c>
      <c r="CV7" s="173">
        <v>487</v>
      </c>
      <c r="CW7" s="176">
        <v>939</v>
      </c>
      <c r="CX7" s="177">
        <v>939</v>
      </c>
      <c r="CY7" s="172">
        <v>0</v>
      </c>
      <c r="CZ7" s="173">
        <v>0</v>
      </c>
      <c r="DA7" s="173">
        <v>0</v>
      </c>
      <c r="DB7" s="174">
        <v>14</v>
      </c>
      <c r="DC7" s="175">
        <v>26</v>
      </c>
      <c r="DD7" s="175">
        <v>69</v>
      </c>
      <c r="DE7" s="175">
        <v>334</v>
      </c>
      <c r="DF7" s="173">
        <v>471</v>
      </c>
      <c r="DG7" s="176">
        <v>914</v>
      </c>
      <c r="DH7" s="178">
        <v>914</v>
      </c>
      <c r="DI7" s="179">
        <v>0</v>
      </c>
      <c r="DJ7" s="173">
        <v>0</v>
      </c>
      <c r="DK7" s="173">
        <v>0</v>
      </c>
      <c r="DL7" s="174">
        <v>2</v>
      </c>
      <c r="DM7" s="175">
        <v>0</v>
      </c>
      <c r="DN7" s="175">
        <v>0</v>
      </c>
      <c r="DO7" s="175">
        <v>7</v>
      </c>
      <c r="DP7" s="173">
        <v>16</v>
      </c>
      <c r="DQ7" s="176">
        <v>25</v>
      </c>
      <c r="DR7" s="178">
        <v>25</v>
      </c>
      <c r="DS7" s="179">
        <v>0</v>
      </c>
      <c r="DT7" s="173">
        <v>0</v>
      </c>
      <c r="DU7" s="173">
        <v>0</v>
      </c>
      <c r="DV7" s="174">
        <v>2069</v>
      </c>
      <c r="DW7" s="175">
        <v>4912</v>
      </c>
      <c r="DX7" s="175">
        <v>14745</v>
      </c>
      <c r="DY7" s="175">
        <v>21102</v>
      </c>
      <c r="DZ7" s="173">
        <v>13966</v>
      </c>
      <c r="EA7" s="176">
        <v>56794</v>
      </c>
      <c r="EB7" s="178">
        <v>56794</v>
      </c>
      <c r="EC7" s="32"/>
    </row>
    <row r="8" spans="2:133" ht="21" customHeight="1" x14ac:dyDescent="0.2">
      <c r="B8" s="471" t="s">
        <v>5</v>
      </c>
      <c r="C8" s="181">
        <v>0</v>
      </c>
      <c r="D8" s="182">
        <v>0</v>
      </c>
      <c r="E8" s="182">
        <v>0</v>
      </c>
      <c r="F8" s="183">
        <v>248</v>
      </c>
      <c r="G8" s="184">
        <v>993</v>
      </c>
      <c r="H8" s="184">
        <v>4338</v>
      </c>
      <c r="I8" s="184">
        <v>6229</v>
      </c>
      <c r="J8" s="182">
        <v>4423</v>
      </c>
      <c r="K8" s="185">
        <v>16231</v>
      </c>
      <c r="L8" s="186">
        <v>16231</v>
      </c>
      <c r="M8" s="181">
        <v>0</v>
      </c>
      <c r="N8" s="182">
        <v>0</v>
      </c>
      <c r="O8" s="185">
        <v>0</v>
      </c>
      <c r="P8" s="183">
        <v>247</v>
      </c>
      <c r="Q8" s="184">
        <v>985</v>
      </c>
      <c r="R8" s="184">
        <v>4307</v>
      </c>
      <c r="S8" s="184">
        <v>6161</v>
      </c>
      <c r="T8" s="182">
        <v>4349</v>
      </c>
      <c r="U8" s="185">
        <v>16049</v>
      </c>
      <c r="V8" s="187">
        <v>16049</v>
      </c>
      <c r="W8" s="188">
        <v>0</v>
      </c>
      <c r="X8" s="182">
        <v>0</v>
      </c>
      <c r="Y8" s="185">
        <v>0</v>
      </c>
      <c r="Z8" s="188">
        <v>1</v>
      </c>
      <c r="AA8" s="184">
        <v>8</v>
      </c>
      <c r="AB8" s="184">
        <v>31</v>
      </c>
      <c r="AC8" s="184">
        <v>68</v>
      </c>
      <c r="AD8" s="182">
        <v>74</v>
      </c>
      <c r="AE8" s="185">
        <v>182</v>
      </c>
      <c r="AF8" s="189">
        <v>182</v>
      </c>
      <c r="AG8" s="188">
        <v>0</v>
      </c>
      <c r="AH8" s="182">
        <v>0</v>
      </c>
      <c r="AI8" s="185">
        <v>0</v>
      </c>
      <c r="AJ8" s="188">
        <v>581</v>
      </c>
      <c r="AK8" s="184">
        <v>1501</v>
      </c>
      <c r="AL8" s="184">
        <v>1978</v>
      </c>
      <c r="AM8" s="184">
        <v>2553</v>
      </c>
      <c r="AN8" s="182">
        <v>1422</v>
      </c>
      <c r="AO8" s="185">
        <v>8035</v>
      </c>
      <c r="AP8" s="189">
        <v>8035</v>
      </c>
      <c r="AQ8" s="188">
        <v>0</v>
      </c>
      <c r="AR8" s="182">
        <v>0</v>
      </c>
      <c r="AS8" s="185">
        <v>0</v>
      </c>
      <c r="AT8" s="183">
        <v>580</v>
      </c>
      <c r="AU8" s="184">
        <v>1483</v>
      </c>
      <c r="AV8" s="184">
        <v>1950</v>
      </c>
      <c r="AW8" s="184">
        <v>2508</v>
      </c>
      <c r="AX8" s="182">
        <v>1391</v>
      </c>
      <c r="AY8" s="185">
        <v>7912</v>
      </c>
      <c r="AZ8" s="186">
        <v>7912</v>
      </c>
      <c r="BA8" s="181">
        <v>0</v>
      </c>
      <c r="BB8" s="182">
        <v>0</v>
      </c>
      <c r="BC8" s="182">
        <v>0</v>
      </c>
      <c r="BD8" s="183">
        <v>1</v>
      </c>
      <c r="BE8" s="184">
        <v>18</v>
      </c>
      <c r="BF8" s="184">
        <v>28</v>
      </c>
      <c r="BG8" s="184">
        <v>45</v>
      </c>
      <c r="BH8" s="182">
        <v>31</v>
      </c>
      <c r="BI8" s="185">
        <v>123</v>
      </c>
      <c r="BJ8" s="187">
        <v>123</v>
      </c>
      <c r="BK8" s="188">
        <v>0</v>
      </c>
      <c r="BL8" s="182">
        <v>0</v>
      </c>
      <c r="BM8" s="182">
        <v>0</v>
      </c>
      <c r="BN8" s="183">
        <v>0</v>
      </c>
      <c r="BO8" s="184">
        <v>0</v>
      </c>
      <c r="BP8" s="184">
        <v>3</v>
      </c>
      <c r="BQ8" s="184">
        <v>40</v>
      </c>
      <c r="BR8" s="182">
        <v>46</v>
      </c>
      <c r="BS8" s="185">
        <v>89</v>
      </c>
      <c r="BT8" s="186">
        <v>89</v>
      </c>
      <c r="BU8" s="181">
        <v>0</v>
      </c>
      <c r="BV8" s="182">
        <v>0</v>
      </c>
      <c r="BW8" s="182">
        <v>0</v>
      </c>
      <c r="BX8" s="183">
        <v>0</v>
      </c>
      <c r="BY8" s="184">
        <v>0</v>
      </c>
      <c r="BZ8" s="184">
        <v>3</v>
      </c>
      <c r="CA8" s="184">
        <v>40</v>
      </c>
      <c r="CB8" s="182">
        <v>46</v>
      </c>
      <c r="CC8" s="185">
        <v>89</v>
      </c>
      <c r="CD8" s="187">
        <v>89</v>
      </c>
      <c r="CE8" s="188">
        <v>0</v>
      </c>
      <c r="CF8" s="182">
        <v>0</v>
      </c>
      <c r="CG8" s="182">
        <v>0</v>
      </c>
      <c r="CH8" s="183">
        <v>0</v>
      </c>
      <c r="CI8" s="184">
        <v>0</v>
      </c>
      <c r="CJ8" s="184">
        <v>0</v>
      </c>
      <c r="CK8" s="184">
        <v>0</v>
      </c>
      <c r="CL8" s="182">
        <v>0</v>
      </c>
      <c r="CM8" s="185">
        <v>0</v>
      </c>
      <c r="CN8" s="187">
        <v>0</v>
      </c>
      <c r="CO8" s="188">
        <v>0</v>
      </c>
      <c r="CP8" s="182">
        <v>0</v>
      </c>
      <c r="CQ8" s="182">
        <v>0</v>
      </c>
      <c r="CR8" s="183">
        <v>2</v>
      </c>
      <c r="CS8" s="184">
        <v>6</v>
      </c>
      <c r="CT8" s="184">
        <v>15</v>
      </c>
      <c r="CU8" s="184">
        <v>98</v>
      </c>
      <c r="CV8" s="182">
        <v>132</v>
      </c>
      <c r="CW8" s="185">
        <v>253</v>
      </c>
      <c r="CX8" s="186">
        <v>253</v>
      </c>
      <c r="CY8" s="181">
        <v>0</v>
      </c>
      <c r="CZ8" s="182">
        <v>0</v>
      </c>
      <c r="DA8" s="182">
        <v>0</v>
      </c>
      <c r="DB8" s="183">
        <v>2</v>
      </c>
      <c r="DC8" s="184">
        <v>6</v>
      </c>
      <c r="DD8" s="184">
        <v>15</v>
      </c>
      <c r="DE8" s="184">
        <v>96</v>
      </c>
      <c r="DF8" s="182">
        <v>131</v>
      </c>
      <c r="DG8" s="185">
        <v>250</v>
      </c>
      <c r="DH8" s="187">
        <v>250</v>
      </c>
      <c r="DI8" s="188">
        <v>0</v>
      </c>
      <c r="DJ8" s="182">
        <v>0</v>
      </c>
      <c r="DK8" s="182">
        <v>0</v>
      </c>
      <c r="DL8" s="183">
        <v>0</v>
      </c>
      <c r="DM8" s="184">
        <v>0</v>
      </c>
      <c r="DN8" s="184">
        <v>0</v>
      </c>
      <c r="DO8" s="184">
        <v>2</v>
      </c>
      <c r="DP8" s="182">
        <v>1</v>
      </c>
      <c r="DQ8" s="185">
        <v>3</v>
      </c>
      <c r="DR8" s="187">
        <v>3</v>
      </c>
      <c r="DS8" s="188">
        <v>0</v>
      </c>
      <c r="DT8" s="182">
        <v>0</v>
      </c>
      <c r="DU8" s="182">
        <v>0</v>
      </c>
      <c r="DV8" s="183">
        <v>831</v>
      </c>
      <c r="DW8" s="184">
        <v>2500</v>
      </c>
      <c r="DX8" s="184">
        <v>6334</v>
      </c>
      <c r="DY8" s="184">
        <v>8920</v>
      </c>
      <c r="DZ8" s="182">
        <v>6023</v>
      </c>
      <c r="EA8" s="185">
        <v>24608</v>
      </c>
      <c r="EB8" s="187">
        <v>24608</v>
      </c>
      <c r="EC8" s="32"/>
    </row>
    <row r="9" spans="2:133" ht="21" customHeight="1" x14ac:dyDescent="0.2">
      <c r="B9" s="472" t="s">
        <v>6</v>
      </c>
      <c r="C9" s="181">
        <v>0</v>
      </c>
      <c r="D9" s="182">
        <v>0</v>
      </c>
      <c r="E9" s="182">
        <v>0</v>
      </c>
      <c r="F9" s="183">
        <v>73</v>
      </c>
      <c r="G9" s="184">
        <v>184</v>
      </c>
      <c r="H9" s="184">
        <v>1285</v>
      </c>
      <c r="I9" s="184">
        <v>1847</v>
      </c>
      <c r="J9" s="182">
        <v>1338</v>
      </c>
      <c r="K9" s="185">
        <v>4727</v>
      </c>
      <c r="L9" s="186">
        <v>4727</v>
      </c>
      <c r="M9" s="181">
        <v>0</v>
      </c>
      <c r="N9" s="182">
        <v>0</v>
      </c>
      <c r="O9" s="185">
        <v>0</v>
      </c>
      <c r="P9" s="183">
        <v>73</v>
      </c>
      <c r="Q9" s="184">
        <v>184</v>
      </c>
      <c r="R9" s="184">
        <v>1272</v>
      </c>
      <c r="S9" s="184">
        <v>1823</v>
      </c>
      <c r="T9" s="182">
        <v>1323</v>
      </c>
      <c r="U9" s="185">
        <v>4675</v>
      </c>
      <c r="V9" s="187">
        <v>4675</v>
      </c>
      <c r="W9" s="188">
        <v>0</v>
      </c>
      <c r="X9" s="182">
        <v>0</v>
      </c>
      <c r="Y9" s="185">
        <v>0</v>
      </c>
      <c r="Z9" s="188">
        <v>0</v>
      </c>
      <c r="AA9" s="184">
        <v>0</v>
      </c>
      <c r="AB9" s="184">
        <v>13</v>
      </c>
      <c r="AC9" s="184">
        <v>24</v>
      </c>
      <c r="AD9" s="182">
        <v>15</v>
      </c>
      <c r="AE9" s="185">
        <v>52</v>
      </c>
      <c r="AF9" s="189">
        <v>52</v>
      </c>
      <c r="AG9" s="188">
        <v>0</v>
      </c>
      <c r="AH9" s="182">
        <v>0</v>
      </c>
      <c r="AI9" s="185">
        <v>0</v>
      </c>
      <c r="AJ9" s="188">
        <v>214</v>
      </c>
      <c r="AK9" s="184">
        <v>312</v>
      </c>
      <c r="AL9" s="184">
        <v>485</v>
      </c>
      <c r="AM9" s="184">
        <v>682</v>
      </c>
      <c r="AN9" s="182">
        <v>334</v>
      </c>
      <c r="AO9" s="185">
        <v>2027</v>
      </c>
      <c r="AP9" s="189">
        <v>2027</v>
      </c>
      <c r="AQ9" s="188">
        <v>0</v>
      </c>
      <c r="AR9" s="182">
        <v>0</v>
      </c>
      <c r="AS9" s="185">
        <v>0</v>
      </c>
      <c r="AT9" s="183">
        <v>207</v>
      </c>
      <c r="AU9" s="184">
        <v>308</v>
      </c>
      <c r="AV9" s="184">
        <v>471</v>
      </c>
      <c r="AW9" s="184">
        <v>661</v>
      </c>
      <c r="AX9" s="182">
        <v>321</v>
      </c>
      <c r="AY9" s="185">
        <v>1968</v>
      </c>
      <c r="AZ9" s="186">
        <v>1968</v>
      </c>
      <c r="BA9" s="181">
        <v>0</v>
      </c>
      <c r="BB9" s="182">
        <v>0</v>
      </c>
      <c r="BC9" s="182">
        <v>0</v>
      </c>
      <c r="BD9" s="183">
        <v>7</v>
      </c>
      <c r="BE9" s="184">
        <v>4</v>
      </c>
      <c r="BF9" s="184">
        <v>14</v>
      </c>
      <c r="BG9" s="184">
        <v>21</v>
      </c>
      <c r="BH9" s="182">
        <v>13</v>
      </c>
      <c r="BI9" s="185">
        <v>59</v>
      </c>
      <c r="BJ9" s="187">
        <v>59</v>
      </c>
      <c r="BK9" s="188">
        <v>0</v>
      </c>
      <c r="BL9" s="182">
        <v>0</v>
      </c>
      <c r="BM9" s="182">
        <v>0</v>
      </c>
      <c r="BN9" s="183">
        <v>0</v>
      </c>
      <c r="BO9" s="184">
        <v>1</v>
      </c>
      <c r="BP9" s="184">
        <v>5</v>
      </c>
      <c r="BQ9" s="184">
        <v>46</v>
      </c>
      <c r="BR9" s="182">
        <v>60</v>
      </c>
      <c r="BS9" s="185">
        <v>112</v>
      </c>
      <c r="BT9" s="186">
        <v>112</v>
      </c>
      <c r="BU9" s="181">
        <v>0</v>
      </c>
      <c r="BV9" s="182">
        <v>0</v>
      </c>
      <c r="BW9" s="182">
        <v>0</v>
      </c>
      <c r="BX9" s="183">
        <v>0</v>
      </c>
      <c r="BY9" s="184">
        <v>1</v>
      </c>
      <c r="BZ9" s="184">
        <v>5</v>
      </c>
      <c r="CA9" s="184">
        <v>46</v>
      </c>
      <c r="CB9" s="182">
        <v>58</v>
      </c>
      <c r="CC9" s="185">
        <v>110</v>
      </c>
      <c r="CD9" s="187">
        <v>110</v>
      </c>
      <c r="CE9" s="188">
        <v>0</v>
      </c>
      <c r="CF9" s="182">
        <v>0</v>
      </c>
      <c r="CG9" s="182">
        <v>0</v>
      </c>
      <c r="CH9" s="183">
        <v>0</v>
      </c>
      <c r="CI9" s="184">
        <v>0</v>
      </c>
      <c r="CJ9" s="184">
        <v>0</v>
      </c>
      <c r="CK9" s="184">
        <v>0</v>
      </c>
      <c r="CL9" s="182">
        <v>2</v>
      </c>
      <c r="CM9" s="185">
        <v>2</v>
      </c>
      <c r="CN9" s="187">
        <v>2</v>
      </c>
      <c r="CO9" s="188">
        <v>0</v>
      </c>
      <c r="CP9" s="182">
        <v>0</v>
      </c>
      <c r="CQ9" s="182">
        <v>0</v>
      </c>
      <c r="CR9" s="183">
        <v>1</v>
      </c>
      <c r="CS9" s="184">
        <v>1</v>
      </c>
      <c r="CT9" s="184">
        <v>4</v>
      </c>
      <c r="CU9" s="184">
        <v>46</v>
      </c>
      <c r="CV9" s="182">
        <v>60</v>
      </c>
      <c r="CW9" s="185">
        <v>112</v>
      </c>
      <c r="CX9" s="186">
        <v>112</v>
      </c>
      <c r="CY9" s="181">
        <v>0</v>
      </c>
      <c r="CZ9" s="182">
        <v>0</v>
      </c>
      <c r="DA9" s="182">
        <v>0</v>
      </c>
      <c r="DB9" s="183">
        <v>1</v>
      </c>
      <c r="DC9" s="184">
        <v>1</v>
      </c>
      <c r="DD9" s="184">
        <v>4</v>
      </c>
      <c r="DE9" s="184">
        <v>45</v>
      </c>
      <c r="DF9" s="182">
        <v>58</v>
      </c>
      <c r="DG9" s="185">
        <v>109</v>
      </c>
      <c r="DH9" s="187">
        <v>109</v>
      </c>
      <c r="DI9" s="188">
        <v>0</v>
      </c>
      <c r="DJ9" s="182">
        <v>0</v>
      </c>
      <c r="DK9" s="182">
        <v>0</v>
      </c>
      <c r="DL9" s="183">
        <v>0</v>
      </c>
      <c r="DM9" s="184">
        <v>0</v>
      </c>
      <c r="DN9" s="184">
        <v>0</v>
      </c>
      <c r="DO9" s="184">
        <v>1</v>
      </c>
      <c r="DP9" s="182">
        <v>2</v>
      </c>
      <c r="DQ9" s="185">
        <v>3</v>
      </c>
      <c r="DR9" s="187">
        <v>3</v>
      </c>
      <c r="DS9" s="188">
        <v>0</v>
      </c>
      <c r="DT9" s="182">
        <v>0</v>
      </c>
      <c r="DU9" s="182">
        <v>0</v>
      </c>
      <c r="DV9" s="183">
        <v>288</v>
      </c>
      <c r="DW9" s="184">
        <v>498</v>
      </c>
      <c r="DX9" s="184">
        <v>1779</v>
      </c>
      <c r="DY9" s="184">
        <v>2621</v>
      </c>
      <c r="DZ9" s="182">
        <v>1792</v>
      </c>
      <c r="EA9" s="185">
        <v>6978</v>
      </c>
      <c r="EB9" s="187">
        <v>6978</v>
      </c>
      <c r="EC9" s="32"/>
    </row>
    <row r="10" spans="2:133" ht="21" customHeight="1" x14ac:dyDescent="0.2">
      <c r="B10" s="472" t="s">
        <v>14</v>
      </c>
      <c r="C10" s="181">
        <v>0</v>
      </c>
      <c r="D10" s="182">
        <v>0</v>
      </c>
      <c r="E10" s="182">
        <v>0</v>
      </c>
      <c r="F10" s="183">
        <v>9</v>
      </c>
      <c r="G10" s="184">
        <v>40</v>
      </c>
      <c r="H10" s="184">
        <v>823</v>
      </c>
      <c r="I10" s="184">
        <v>1305</v>
      </c>
      <c r="J10" s="182">
        <v>792</v>
      </c>
      <c r="K10" s="185">
        <v>2969</v>
      </c>
      <c r="L10" s="186">
        <v>2969</v>
      </c>
      <c r="M10" s="181">
        <v>0</v>
      </c>
      <c r="N10" s="182">
        <v>0</v>
      </c>
      <c r="O10" s="185">
        <v>0</v>
      </c>
      <c r="P10" s="183">
        <v>9</v>
      </c>
      <c r="Q10" s="184">
        <v>40</v>
      </c>
      <c r="R10" s="184">
        <v>819</v>
      </c>
      <c r="S10" s="184">
        <v>1295</v>
      </c>
      <c r="T10" s="182">
        <v>783</v>
      </c>
      <c r="U10" s="185">
        <v>2946</v>
      </c>
      <c r="V10" s="187">
        <v>2946</v>
      </c>
      <c r="W10" s="188">
        <v>0</v>
      </c>
      <c r="X10" s="182">
        <v>0</v>
      </c>
      <c r="Y10" s="185">
        <v>0</v>
      </c>
      <c r="Z10" s="188">
        <v>0</v>
      </c>
      <c r="AA10" s="184">
        <v>0</v>
      </c>
      <c r="AB10" s="184">
        <v>4</v>
      </c>
      <c r="AC10" s="184">
        <v>10</v>
      </c>
      <c r="AD10" s="182">
        <v>9</v>
      </c>
      <c r="AE10" s="185">
        <v>23</v>
      </c>
      <c r="AF10" s="189">
        <v>23</v>
      </c>
      <c r="AG10" s="188">
        <v>0</v>
      </c>
      <c r="AH10" s="182">
        <v>0</v>
      </c>
      <c r="AI10" s="185">
        <v>0</v>
      </c>
      <c r="AJ10" s="188">
        <v>73</v>
      </c>
      <c r="AK10" s="184">
        <v>194</v>
      </c>
      <c r="AL10" s="184">
        <v>290</v>
      </c>
      <c r="AM10" s="184">
        <v>391</v>
      </c>
      <c r="AN10" s="182">
        <v>196</v>
      </c>
      <c r="AO10" s="185">
        <v>1144</v>
      </c>
      <c r="AP10" s="189">
        <v>1144</v>
      </c>
      <c r="AQ10" s="188">
        <v>0</v>
      </c>
      <c r="AR10" s="182">
        <v>0</v>
      </c>
      <c r="AS10" s="185">
        <v>0</v>
      </c>
      <c r="AT10" s="183">
        <v>70</v>
      </c>
      <c r="AU10" s="184">
        <v>193</v>
      </c>
      <c r="AV10" s="184">
        <v>286</v>
      </c>
      <c r="AW10" s="184">
        <v>384</v>
      </c>
      <c r="AX10" s="182">
        <v>190</v>
      </c>
      <c r="AY10" s="185">
        <v>1123</v>
      </c>
      <c r="AZ10" s="186">
        <v>1123</v>
      </c>
      <c r="BA10" s="181">
        <v>0</v>
      </c>
      <c r="BB10" s="182">
        <v>0</v>
      </c>
      <c r="BC10" s="182">
        <v>0</v>
      </c>
      <c r="BD10" s="183">
        <v>3</v>
      </c>
      <c r="BE10" s="184">
        <v>1</v>
      </c>
      <c r="BF10" s="184">
        <v>4</v>
      </c>
      <c r="BG10" s="184">
        <v>7</v>
      </c>
      <c r="BH10" s="182">
        <v>6</v>
      </c>
      <c r="BI10" s="185">
        <v>21</v>
      </c>
      <c r="BJ10" s="187">
        <v>21</v>
      </c>
      <c r="BK10" s="188">
        <v>0</v>
      </c>
      <c r="BL10" s="182">
        <v>0</v>
      </c>
      <c r="BM10" s="182">
        <v>0</v>
      </c>
      <c r="BN10" s="183">
        <v>0</v>
      </c>
      <c r="BO10" s="184">
        <v>1</v>
      </c>
      <c r="BP10" s="184">
        <v>3</v>
      </c>
      <c r="BQ10" s="184">
        <v>24</v>
      </c>
      <c r="BR10" s="182">
        <v>18</v>
      </c>
      <c r="BS10" s="185">
        <v>46</v>
      </c>
      <c r="BT10" s="186">
        <v>46</v>
      </c>
      <c r="BU10" s="181">
        <v>0</v>
      </c>
      <c r="BV10" s="182">
        <v>0</v>
      </c>
      <c r="BW10" s="182">
        <v>0</v>
      </c>
      <c r="BX10" s="183">
        <v>0</v>
      </c>
      <c r="BY10" s="184">
        <v>1</v>
      </c>
      <c r="BZ10" s="184">
        <v>3</v>
      </c>
      <c r="CA10" s="184">
        <v>24</v>
      </c>
      <c r="CB10" s="182">
        <v>18</v>
      </c>
      <c r="CC10" s="185">
        <v>46</v>
      </c>
      <c r="CD10" s="187">
        <v>46</v>
      </c>
      <c r="CE10" s="188">
        <v>0</v>
      </c>
      <c r="CF10" s="182">
        <v>0</v>
      </c>
      <c r="CG10" s="182">
        <v>0</v>
      </c>
      <c r="CH10" s="183">
        <v>0</v>
      </c>
      <c r="CI10" s="184">
        <v>0</v>
      </c>
      <c r="CJ10" s="184">
        <v>0</v>
      </c>
      <c r="CK10" s="184">
        <v>0</v>
      </c>
      <c r="CL10" s="182">
        <v>0</v>
      </c>
      <c r="CM10" s="185">
        <v>0</v>
      </c>
      <c r="CN10" s="187">
        <v>0</v>
      </c>
      <c r="CO10" s="188">
        <v>0</v>
      </c>
      <c r="CP10" s="182">
        <v>0</v>
      </c>
      <c r="CQ10" s="182">
        <v>0</v>
      </c>
      <c r="CR10" s="183">
        <v>0</v>
      </c>
      <c r="CS10" s="184">
        <v>0</v>
      </c>
      <c r="CT10" s="184">
        <v>8</v>
      </c>
      <c r="CU10" s="184">
        <v>77</v>
      </c>
      <c r="CV10" s="182">
        <v>85</v>
      </c>
      <c r="CW10" s="185">
        <v>170</v>
      </c>
      <c r="CX10" s="186">
        <v>170</v>
      </c>
      <c r="CY10" s="181">
        <v>0</v>
      </c>
      <c r="CZ10" s="182">
        <v>0</v>
      </c>
      <c r="DA10" s="182">
        <v>0</v>
      </c>
      <c r="DB10" s="183">
        <v>0</v>
      </c>
      <c r="DC10" s="184">
        <v>0</v>
      </c>
      <c r="DD10" s="184">
        <v>8</v>
      </c>
      <c r="DE10" s="184">
        <v>77</v>
      </c>
      <c r="DF10" s="182">
        <v>82</v>
      </c>
      <c r="DG10" s="185">
        <v>167</v>
      </c>
      <c r="DH10" s="187">
        <v>167</v>
      </c>
      <c r="DI10" s="188">
        <v>0</v>
      </c>
      <c r="DJ10" s="182">
        <v>0</v>
      </c>
      <c r="DK10" s="182">
        <v>0</v>
      </c>
      <c r="DL10" s="183">
        <v>0</v>
      </c>
      <c r="DM10" s="184">
        <v>0</v>
      </c>
      <c r="DN10" s="184">
        <v>0</v>
      </c>
      <c r="DO10" s="184">
        <v>0</v>
      </c>
      <c r="DP10" s="182">
        <v>3</v>
      </c>
      <c r="DQ10" s="185">
        <v>3</v>
      </c>
      <c r="DR10" s="187">
        <v>3</v>
      </c>
      <c r="DS10" s="188">
        <v>0</v>
      </c>
      <c r="DT10" s="182">
        <v>0</v>
      </c>
      <c r="DU10" s="182">
        <v>0</v>
      </c>
      <c r="DV10" s="183">
        <v>82</v>
      </c>
      <c r="DW10" s="184">
        <v>235</v>
      </c>
      <c r="DX10" s="184">
        <v>1123</v>
      </c>
      <c r="DY10" s="184">
        <v>1792</v>
      </c>
      <c r="DZ10" s="182">
        <v>1090</v>
      </c>
      <c r="EA10" s="185">
        <v>4322</v>
      </c>
      <c r="EB10" s="187">
        <v>4322</v>
      </c>
      <c r="EC10" s="32"/>
    </row>
    <row r="11" spans="2:133" ht="21" customHeight="1" x14ac:dyDescent="0.2">
      <c r="B11" s="472" t="s">
        <v>7</v>
      </c>
      <c r="C11" s="181">
        <v>0</v>
      </c>
      <c r="D11" s="182">
        <v>0</v>
      </c>
      <c r="E11" s="182">
        <v>0</v>
      </c>
      <c r="F11" s="183">
        <v>18</v>
      </c>
      <c r="G11" s="184">
        <v>41</v>
      </c>
      <c r="H11" s="184">
        <v>582</v>
      </c>
      <c r="I11" s="184">
        <v>942</v>
      </c>
      <c r="J11" s="182">
        <v>561</v>
      </c>
      <c r="K11" s="185">
        <v>2144</v>
      </c>
      <c r="L11" s="186">
        <v>2144</v>
      </c>
      <c r="M11" s="181">
        <v>0</v>
      </c>
      <c r="N11" s="182">
        <v>0</v>
      </c>
      <c r="O11" s="185">
        <v>0</v>
      </c>
      <c r="P11" s="183">
        <v>17</v>
      </c>
      <c r="Q11" s="184">
        <v>40</v>
      </c>
      <c r="R11" s="184">
        <v>580</v>
      </c>
      <c r="S11" s="184">
        <v>930</v>
      </c>
      <c r="T11" s="182">
        <v>551</v>
      </c>
      <c r="U11" s="185">
        <v>2118</v>
      </c>
      <c r="V11" s="187">
        <v>2118</v>
      </c>
      <c r="W11" s="188">
        <v>0</v>
      </c>
      <c r="X11" s="182">
        <v>0</v>
      </c>
      <c r="Y11" s="185">
        <v>0</v>
      </c>
      <c r="Z11" s="188">
        <v>1</v>
      </c>
      <c r="AA11" s="184">
        <v>1</v>
      </c>
      <c r="AB11" s="184">
        <v>2</v>
      </c>
      <c r="AC11" s="184">
        <v>12</v>
      </c>
      <c r="AD11" s="182">
        <v>10</v>
      </c>
      <c r="AE11" s="185">
        <v>26</v>
      </c>
      <c r="AF11" s="189">
        <v>26</v>
      </c>
      <c r="AG11" s="188">
        <v>0</v>
      </c>
      <c r="AH11" s="182">
        <v>0</v>
      </c>
      <c r="AI11" s="185">
        <v>0</v>
      </c>
      <c r="AJ11" s="188">
        <v>155</v>
      </c>
      <c r="AK11" s="184">
        <v>209</v>
      </c>
      <c r="AL11" s="184">
        <v>264</v>
      </c>
      <c r="AM11" s="184">
        <v>274</v>
      </c>
      <c r="AN11" s="182">
        <v>103</v>
      </c>
      <c r="AO11" s="185">
        <v>1005</v>
      </c>
      <c r="AP11" s="189">
        <v>1005</v>
      </c>
      <c r="AQ11" s="188">
        <v>0</v>
      </c>
      <c r="AR11" s="182">
        <v>0</v>
      </c>
      <c r="AS11" s="185">
        <v>0</v>
      </c>
      <c r="AT11" s="183">
        <v>154</v>
      </c>
      <c r="AU11" s="184">
        <v>207</v>
      </c>
      <c r="AV11" s="184">
        <v>258</v>
      </c>
      <c r="AW11" s="184">
        <v>268</v>
      </c>
      <c r="AX11" s="182">
        <v>99</v>
      </c>
      <c r="AY11" s="185">
        <v>986</v>
      </c>
      <c r="AZ11" s="186">
        <v>986</v>
      </c>
      <c r="BA11" s="181">
        <v>0</v>
      </c>
      <c r="BB11" s="182">
        <v>0</v>
      </c>
      <c r="BC11" s="182">
        <v>0</v>
      </c>
      <c r="BD11" s="183">
        <v>1</v>
      </c>
      <c r="BE11" s="184">
        <v>2</v>
      </c>
      <c r="BF11" s="184">
        <v>6</v>
      </c>
      <c r="BG11" s="184">
        <v>6</v>
      </c>
      <c r="BH11" s="182">
        <v>4</v>
      </c>
      <c r="BI11" s="185">
        <v>19</v>
      </c>
      <c r="BJ11" s="187">
        <v>19</v>
      </c>
      <c r="BK11" s="188">
        <v>0</v>
      </c>
      <c r="BL11" s="182">
        <v>0</v>
      </c>
      <c r="BM11" s="182">
        <v>0</v>
      </c>
      <c r="BN11" s="183">
        <v>0</v>
      </c>
      <c r="BO11" s="184">
        <v>0</v>
      </c>
      <c r="BP11" s="184">
        <v>0</v>
      </c>
      <c r="BQ11" s="184">
        <v>1</v>
      </c>
      <c r="BR11" s="182">
        <v>3</v>
      </c>
      <c r="BS11" s="185">
        <v>4</v>
      </c>
      <c r="BT11" s="186">
        <v>4</v>
      </c>
      <c r="BU11" s="181">
        <v>0</v>
      </c>
      <c r="BV11" s="182">
        <v>0</v>
      </c>
      <c r="BW11" s="182">
        <v>0</v>
      </c>
      <c r="BX11" s="183">
        <v>0</v>
      </c>
      <c r="BY11" s="184">
        <v>0</v>
      </c>
      <c r="BZ11" s="184">
        <v>0</v>
      </c>
      <c r="CA11" s="184">
        <v>1</v>
      </c>
      <c r="CB11" s="182">
        <v>3</v>
      </c>
      <c r="CC11" s="185">
        <v>4</v>
      </c>
      <c r="CD11" s="187">
        <v>4</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2</v>
      </c>
      <c r="CU11" s="184">
        <v>2</v>
      </c>
      <c r="CV11" s="182">
        <v>2</v>
      </c>
      <c r="CW11" s="185">
        <v>6</v>
      </c>
      <c r="CX11" s="186">
        <v>6</v>
      </c>
      <c r="CY11" s="181">
        <v>0</v>
      </c>
      <c r="CZ11" s="182">
        <v>0</v>
      </c>
      <c r="DA11" s="182">
        <v>0</v>
      </c>
      <c r="DB11" s="183">
        <v>0</v>
      </c>
      <c r="DC11" s="184">
        <v>0</v>
      </c>
      <c r="DD11" s="184">
        <v>2</v>
      </c>
      <c r="DE11" s="184">
        <v>2</v>
      </c>
      <c r="DF11" s="182">
        <v>2</v>
      </c>
      <c r="DG11" s="185">
        <v>6</v>
      </c>
      <c r="DH11" s="187">
        <v>6</v>
      </c>
      <c r="DI11" s="188">
        <v>0</v>
      </c>
      <c r="DJ11" s="182">
        <v>0</v>
      </c>
      <c r="DK11" s="182">
        <v>0</v>
      </c>
      <c r="DL11" s="183">
        <v>0</v>
      </c>
      <c r="DM11" s="184">
        <v>0</v>
      </c>
      <c r="DN11" s="184">
        <v>0</v>
      </c>
      <c r="DO11" s="184">
        <v>0</v>
      </c>
      <c r="DP11" s="182">
        <v>0</v>
      </c>
      <c r="DQ11" s="185">
        <v>0</v>
      </c>
      <c r="DR11" s="187">
        <v>0</v>
      </c>
      <c r="DS11" s="188">
        <v>0</v>
      </c>
      <c r="DT11" s="182">
        <v>0</v>
      </c>
      <c r="DU11" s="182">
        <v>0</v>
      </c>
      <c r="DV11" s="183">
        <v>173</v>
      </c>
      <c r="DW11" s="184">
        <v>250</v>
      </c>
      <c r="DX11" s="184">
        <v>846</v>
      </c>
      <c r="DY11" s="184">
        <v>1214</v>
      </c>
      <c r="DZ11" s="182">
        <v>666</v>
      </c>
      <c r="EA11" s="185">
        <v>3149</v>
      </c>
      <c r="EB11" s="187">
        <v>3149</v>
      </c>
      <c r="EC11" s="32"/>
    </row>
    <row r="12" spans="2:133" ht="21" customHeight="1" x14ac:dyDescent="0.2">
      <c r="B12" s="472" t="s">
        <v>8</v>
      </c>
      <c r="C12" s="181">
        <v>0</v>
      </c>
      <c r="D12" s="182">
        <v>0</v>
      </c>
      <c r="E12" s="182">
        <v>0</v>
      </c>
      <c r="F12" s="183">
        <v>20</v>
      </c>
      <c r="G12" s="184">
        <v>66</v>
      </c>
      <c r="H12" s="184">
        <v>386</v>
      </c>
      <c r="I12" s="184">
        <v>445</v>
      </c>
      <c r="J12" s="182">
        <v>255</v>
      </c>
      <c r="K12" s="185">
        <v>1172</v>
      </c>
      <c r="L12" s="186">
        <v>1172</v>
      </c>
      <c r="M12" s="181">
        <v>0</v>
      </c>
      <c r="N12" s="182">
        <v>0</v>
      </c>
      <c r="O12" s="185">
        <v>0</v>
      </c>
      <c r="P12" s="183">
        <v>20</v>
      </c>
      <c r="Q12" s="184">
        <v>65</v>
      </c>
      <c r="R12" s="184">
        <v>385</v>
      </c>
      <c r="S12" s="184">
        <v>440</v>
      </c>
      <c r="T12" s="182">
        <v>254</v>
      </c>
      <c r="U12" s="185">
        <v>1164</v>
      </c>
      <c r="V12" s="187">
        <v>1164</v>
      </c>
      <c r="W12" s="188">
        <v>0</v>
      </c>
      <c r="X12" s="182">
        <v>0</v>
      </c>
      <c r="Y12" s="185">
        <v>0</v>
      </c>
      <c r="Z12" s="188">
        <v>0</v>
      </c>
      <c r="AA12" s="184">
        <v>1</v>
      </c>
      <c r="AB12" s="184">
        <v>1</v>
      </c>
      <c r="AC12" s="184">
        <v>5</v>
      </c>
      <c r="AD12" s="182">
        <v>1</v>
      </c>
      <c r="AE12" s="185">
        <v>8</v>
      </c>
      <c r="AF12" s="189">
        <v>8</v>
      </c>
      <c r="AG12" s="188">
        <v>0</v>
      </c>
      <c r="AH12" s="182">
        <v>0</v>
      </c>
      <c r="AI12" s="185">
        <v>0</v>
      </c>
      <c r="AJ12" s="188">
        <v>42</v>
      </c>
      <c r="AK12" s="184">
        <v>87</v>
      </c>
      <c r="AL12" s="184">
        <v>157</v>
      </c>
      <c r="AM12" s="184">
        <v>134</v>
      </c>
      <c r="AN12" s="182">
        <v>74</v>
      </c>
      <c r="AO12" s="185">
        <v>494</v>
      </c>
      <c r="AP12" s="189">
        <v>494</v>
      </c>
      <c r="AQ12" s="188">
        <v>0</v>
      </c>
      <c r="AR12" s="182">
        <v>0</v>
      </c>
      <c r="AS12" s="185">
        <v>0</v>
      </c>
      <c r="AT12" s="183">
        <v>42</v>
      </c>
      <c r="AU12" s="184">
        <v>85</v>
      </c>
      <c r="AV12" s="184">
        <v>155</v>
      </c>
      <c r="AW12" s="184">
        <v>131</v>
      </c>
      <c r="AX12" s="182">
        <v>71</v>
      </c>
      <c r="AY12" s="185">
        <v>484</v>
      </c>
      <c r="AZ12" s="186">
        <v>484</v>
      </c>
      <c r="BA12" s="181">
        <v>0</v>
      </c>
      <c r="BB12" s="182">
        <v>0</v>
      </c>
      <c r="BC12" s="182">
        <v>0</v>
      </c>
      <c r="BD12" s="183">
        <v>0</v>
      </c>
      <c r="BE12" s="184">
        <v>2</v>
      </c>
      <c r="BF12" s="184">
        <v>2</v>
      </c>
      <c r="BG12" s="184">
        <v>3</v>
      </c>
      <c r="BH12" s="182">
        <v>3</v>
      </c>
      <c r="BI12" s="185">
        <v>10</v>
      </c>
      <c r="BJ12" s="187">
        <v>10</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1</v>
      </c>
      <c r="CS12" s="184">
        <v>1</v>
      </c>
      <c r="CT12" s="184">
        <v>4</v>
      </c>
      <c r="CU12" s="184">
        <v>6</v>
      </c>
      <c r="CV12" s="182">
        <v>6</v>
      </c>
      <c r="CW12" s="185">
        <v>18</v>
      </c>
      <c r="CX12" s="186">
        <v>18</v>
      </c>
      <c r="CY12" s="181">
        <v>0</v>
      </c>
      <c r="CZ12" s="182">
        <v>0</v>
      </c>
      <c r="DA12" s="182">
        <v>0</v>
      </c>
      <c r="DB12" s="183">
        <v>1</v>
      </c>
      <c r="DC12" s="184">
        <v>1</v>
      </c>
      <c r="DD12" s="184">
        <v>4</v>
      </c>
      <c r="DE12" s="184">
        <v>5</v>
      </c>
      <c r="DF12" s="182">
        <v>6</v>
      </c>
      <c r="DG12" s="185">
        <v>17</v>
      </c>
      <c r="DH12" s="187">
        <v>17</v>
      </c>
      <c r="DI12" s="188">
        <v>0</v>
      </c>
      <c r="DJ12" s="182">
        <v>0</v>
      </c>
      <c r="DK12" s="182">
        <v>0</v>
      </c>
      <c r="DL12" s="183">
        <v>0</v>
      </c>
      <c r="DM12" s="184">
        <v>0</v>
      </c>
      <c r="DN12" s="184">
        <v>0</v>
      </c>
      <c r="DO12" s="184">
        <v>1</v>
      </c>
      <c r="DP12" s="182">
        <v>0</v>
      </c>
      <c r="DQ12" s="185">
        <v>1</v>
      </c>
      <c r="DR12" s="187">
        <v>1</v>
      </c>
      <c r="DS12" s="188">
        <v>0</v>
      </c>
      <c r="DT12" s="182">
        <v>0</v>
      </c>
      <c r="DU12" s="182">
        <v>0</v>
      </c>
      <c r="DV12" s="183">
        <v>63</v>
      </c>
      <c r="DW12" s="184">
        <v>154</v>
      </c>
      <c r="DX12" s="184">
        <v>547</v>
      </c>
      <c r="DY12" s="184">
        <v>586</v>
      </c>
      <c r="DZ12" s="182">
        <v>335</v>
      </c>
      <c r="EA12" s="185">
        <v>1685</v>
      </c>
      <c r="EB12" s="187">
        <v>1685</v>
      </c>
      <c r="EC12" s="32"/>
    </row>
    <row r="13" spans="2:133" ht="21" customHeight="1" x14ac:dyDescent="0.2">
      <c r="B13" s="472" t="s">
        <v>9</v>
      </c>
      <c r="C13" s="181">
        <v>0</v>
      </c>
      <c r="D13" s="182">
        <v>0</v>
      </c>
      <c r="E13" s="182">
        <v>0</v>
      </c>
      <c r="F13" s="183">
        <v>7</v>
      </c>
      <c r="G13" s="184">
        <v>4</v>
      </c>
      <c r="H13" s="184">
        <v>199</v>
      </c>
      <c r="I13" s="184">
        <v>364</v>
      </c>
      <c r="J13" s="182">
        <v>267</v>
      </c>
      <c r="K13" s="185">
        <v>841</v>
      </c>
      <c r="L13" s="186">
        <v>841</v>
      </c>
      <c r="M13" s="181">
        <v>0</v>
      </c>
      <c r="N13" s="182">
        <v>0</v>
      </c>
      <c r="O13" s="185">
        <v>0</v>
      </c>
      <c r="P13" s="183">
        <v>7</v>
      </c>
      <c r="Q13" s="184">
        <v>4</v>
      </c>
      <c r="R13" s="184">
        <v>198</v>
      </c>
      <c r="S13" s="184">
        <v>361</v>
      </c>
      <c r="T13" s="182">
        <v>265</v>
      </c>
      <c r="U13" s="185">
        <v>835</v>
      </c>
      <c r="V13" s="187">
        <v>835</v>
      </c>
      <c r="W13" s="188">
        <v>0</v>
      </c>
      <c r="X13" s="182">
        <v>0</v>
      </c>
      <c r="Y13" s="185">
        <v>0</v>
      </c>
      <c r="Z13" s="188">
        <v>0</v>
      </c>
      <c r="AA13" s="184">
        <v>0</v>
      </c>
      <c r="AB13" s="184">
        <v>1</v>
      </c>
      <c r="AC13" s="184">
        <v>3</v>
      </c>
      <c r="AD13" s="182">
        <v>2</v>
      </c>
      <c r="AE13" s="185">
        <v>6</v>
      </c>
      <c r="AF13" s="189">
        <v>6</v>
      </c>
      <c r="AG13" s="188">
        <v>0</v>
      </c>
      <c r="AH13" s="182">
        <v>0</v>
      </c>
      <c r="AI13" s="185">
        <v>0</v>
      </c>
      <c r="AJ13" s="188">
        <v>24</v>
      </c>
      <c r="AK13" s="184">
        <v>69</v>
      </c>
      <c r="AL13" s="184">
        <v>95</v>
      </c>
      <c r="AM13" s="184">
        <v>125</v>
      </c>
      <c r="AN13" s="182">
        <v>59</v>
      </c>
      <c r="AO13" s="185">
        <v>372</v>
      </c>
      <c r="AP13" s="189">
        <v>372</v>
      </c>
      <c r="AQ13" s="188">
        <v>0</v>
      </c>
      <c r="AR13" s="182">
        <v>0</v>
      </c>
      <c r="AS13" s="185">
        <v>0</v>
      </c>
      <c r="AT13" s="183">
        <v>24</v>
      </c>
      <c r="AU13" s="184">
        <v>69</v>
      </c>
      <c r="AV13" s="184">
        <v>91</v>
      </c>
      <c r="AW13" s="184">
        <v>124</v>
      </c>
      <c r="AX13" s="182">
        <v>58</v>
      </c>
      <c r="AY13" s="185">
        <v>366</v>
      </c>
      <c r="AZ13" s="186">
        <v>366</v>
      </c>
      <c r="BA13" s="181">
        <v>0</v>
      </c>
      <c r="BB13" s="182">
        <v>0</v>
      </c>
      <c r="BC13" s="182">
        <v>0</v>
      </c>
      <c r="BD13" s="183">
        <v>0</v>
      </c>
      <c r="BE13" s="184">
        <v>0</v>
      </c>
      <c r="BF13" s="184">
        <v>4</v>
      </c>
      <c r="BG13" s="184">
        <v>1</v>
      </c>
      <c r="BH13" s="182">
        <v>1</v>
      </c>
      <c r="BI13" s="185">
        <v>6</v>
      </c>
      <c r="BJ13" s="187">
        <v>6</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0</v>
      </c>
      <c r="CT13" s="184">
        <v>1</v>
      </c>
      <c r="CU13" s="184">
        <v>3</v>
      </c>
      <c r="CV13" s="182">
        <v>6</v>
      </c>
      <c r="CW13" s="185">
        <v>10</v>
      </c>
      <c r="CX13" s="186">
        <v>10</v>
      </c>
      <c r="CY13" s="181">
        <v>0</v>
      </c>
      <c r="CZ13" s="182">
        <v>0</v>
      </c>
      <c r="DA13" s="182">
        <v>0</v>
      </c>
      <c r="DB13" s="183">
        <v>0</v>
      </c>
      <c r="DC13" s="184">
        <v>0</v>
      </c>
      <c r="DD13" s="184">
        <v>1</v>
      </c>
      <c r="DE13" s="184">
        <v>3</v>
      </c>
      <c r="DF13" s="182">
        <v>6</v>
      </c>
      <c r="DG13" s="185">
        <v>10</v>
      </c>
      <c r="DH13" s="187">
        <v>10</v>
      </c>
      <c r="DI13" s="188">
        <v>0</v>
      </c>
      <c r="DJ13" s="182">
        <v>0</v>
      </c>
      <c r="DK13" s="182">
        <v>0</v>
      </c>
      <c r="DL13" s="183">
        <v>0</v>
      </c>
      <c r="DM13" s="184">
        <v>0</v>
      </c>
      <c r="DN13" s="184">
        <v>0</v>
      </c>
      <c r="DO13" s="184">
        <v>0</v>
      </c>
      <c r="DP13" s="182">
        <v>0</v>
      </c>
      <c r="DQ13" s="185">
        <v>0</v>
      </c>
      <c r="DR13" s="187">
        <v>0</v>
      </c>
      <c r="DS13" s="188">
        <v>0</v>
      </c>
      <c r="DT13" s="182">
        <v>0</v>
      </c>
      <c r="DU13" s="182">
        <v>0</v>
      </c>
      <c r="DV13" s="183">
        <v>31</v>
      </c>
      <c r="DW13" s="184">
        <v>73</v>
      </c>
      <c r="DX13" s="184">
        <v>294</v>
      </c>
      <c r="DY13" s="184">
        <v>486</v>
      </c>
      <c r="DZ13" s="182">
        <v>330</v>
      </c>
      <c r="EA13" s="185">
        <v>1214</v>
      </c>
      <c r="EB13" s="187">
        <v>1214</v>
      </c>
      <c r="EC13" s="32"/>
    </row>
    <row r="14" spans="2:133" ht="21" customHeight="1" x14ac:dyDescent="0.2">
      <c r="B14" s="472" t="s">
        <v>10</v>
      </c>
      <c r="C14" s="181">
        <v>0</v>
      </c>
      <c r="D14" s="182">
        <v>0</v>
      </c>
      <c r="E14" s="182">
        <v>0</v>
      </c>
      <c r="F14" s="183">
        <v>18</v>
      </c>
      <c r="G14" s="184">
        <v>40</v>
      </c>
      <c r="H14" s="184">
        <v>329</v>
      </c>
      <c r="I14" s="184">
        <v>547</v>
      </c>
      <c r="J14" s="182">
        <v>479</v>
      </c>
      <c r="K14" s="185">
        <v>1413</v>
      </c>
      <c r="L14" s="186">
        <v>1413</v>
      </c>
      <c r="M14" s="181">
        <v>0</v>
      </c>
      <c r="N14" s="182">
        <v>0</v>
      </c>
      <c r="O14" s="185">
        <v>0</v>
      </c>
      <c r="P14" s="183">
        <v>18</v>
      </c>
      <c r="Q14" s="184">
        <v>39</v>
      </c>
      <c r="R14" s="184">
        <v>325</v>
      </c>
      <c r="S14" s="184">
        <v>543</v>
      </c>
      <c r="T14" s="182">
        <v>474</v>
      </c>
      <c r="U14" s="185">
        <v>1399</v>
      </c>
      <c r="V14" s="187">
        <v>1399</v>
      </c>
      <c r="W14" s="188">
        <v>0</v>
      </c>
      <c r="X14" s="182">
        <v>0</v>
      </c>
      <c r="Y14" s="185">
        <v>0</v>
      </c>
      <c r="Z14" s="188">
        <v>0</v>
      </c>
      <c r="AA14" s="184">
        <v>1</v>
      </c>
      <c r="AB14" s="184">
        <v>4</v>
      </c>
      <c r="AC14" s="184">
        <v>4</v>
      </c>
      <c r="AD14" s="182">
        <v>5</v>
      </c>
      <c r="AE14" s="185">
        <v>14</v>
      </c>
      <c r="AF14" s="189">
        <v>14</v>
      </c>
      <c r="AG14" s="188">
        <v>0</v>
      </c>
      <c r="AH14" s="182">
        <v>0</v>
      </c>
      <c r="AI14" s="185">
        <v>0</v>
      </c>
      <c r="AJ14" s="188">
        <v>94</v>
      </c>
      <c r="AK14" s="184">
        <v>121</v>
      </c>
      <c r="AL14" s="184">
        <v>167</v>
      </c>
      <c r="AM14" s="184">
        <v>171</v>
      </c>
      <c r="AN14" s="182">
        <v>111</v>
      </c>
      <c r="AO14" s="185">
        <v>664</v>
      </c>
      <c r="AP14" s="189">
        <v>664</v>
      </c>
      <c r="AQ14" s="188">
        <v>0</v>
      </c>
      <c r="AR14" s="182">
        <v>0</v>
      </c>
      <c r="AS14" s="185">
        <v>0</v>
      </c>
      <c r="AT14" s="183">
        <v>89</v>
      </c>
      <c r="AU14" s="184">
        <v>119</v>
      </c>
      <c r="AV14" s="184">
        <v>166</v>
      </c>
      <c r="AW14" s="184">
        <v>167</v>
      </c>
      <c r="AX14" s="182">
        <v>106</v>
      </c>
      <c r="AY14" s="185">
        <v>647</v>
      </c>
      <c r="AZ14" s="186">
        <v>647</v>
      </c>
      <c r="BA14" s="181">
        <v>0</v>
      </c>
      <c r="BB14" s="182">
        <v>0</v>
      </c>
      <c r="BC14" s="182">
        <v>0</v>
      </c>
      <c r="BD14" s="183">
        <v>5</v>
      </c>
      <c r="BE14" s="184">
        <v>2</v>
      </c>
      <c r="BF14" s="184">
        <v>1</v>
      </c>
      <c r="BG14" s="184">
        <v>4</v>
      </c>
      <c r="BH14" s="182">
        <v>5</v>
      </c>
      <c r="BI14" s="185">
        <v>17</v>
      </c>
      <c r="BJ14" s="187">
        <v>17</v>
      </c>
      <c r="BK14" s="188">
        <v>0</v>
      </c>
      <c r="BL14" s="182">
        <v>0</v>
      </c>
      <c r="BM14" s="182">
        <v>0</v>
      </c>
      <c r="BN14" s="183">
        <v>0</v>
      </c>
      <c r="BO14" s="184">
        <v>0</v>
      </c>
      <c r="BP14" s="184">
        <v>0</v>
      </c>
      <c r="BQ14" s="184">
        <v>0</v>
      </c>
      <c r="BR14" s="182">
        <v>2</v>
      </c>
      <c r="BS14" s="185">
        <v>2</v>
      </c>
      <c r="BT14" s="186">
        <v>2</v>
      </c>
      <c r="BU14" s="181">
        <v>0</v>
      </c>
      <c r="BV14" s="182">
        <v>0</v>
      </c>
      <c r="BW14" s="182">
        <v>0</v>
      </c>
      <c r="BX14" s="183">
        <v>0</v>
      </c>
      <c r="BY14" s="184">
        <v>0</v>
      </c>
      <c r="BZ14" s="184">
        <v>0</v>
      </c>
      <c r="CA14" s="184">
        <v>0</v>
      </c>
      <c r="CB14" s="182">
        <v>2</v>
      </c>
      <c r="CC14" s="185">
        <v>2</v>
      </c>
      <c r="CD14" s="187">
        <v>2</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1</v>
      </c>
      <c r="CU14" s="184">
        <v>5</v>
      </c>
      <c r="CV14" s="182">
        <v>32</v>
      </c>
      <c r="CW14" s="185">
        <v>38</v>
      </c>
      <c r="CX14" s="186">
        <v>38</v>
      </c>
      <c r="CY14" s="181">
        <v>0</v>
      </c>
      <c r="CZ14" s="182">
        <v>0</v>
      </c>
      <c r="DA14" s="182">
        <v>0</v>
      </c>
      <c r="DB14" s="183">
        <v>0</v>
      </c>
      <c r="DC14" s="184">
        <v>0</v>
      </c>
      <c r="DD14" s="184">
        <v>1</v>
      </c>
      <c r="DE14" s="184">
        <v>5</v>
      </c>
      <c r="DF14" s="182">
        <v>32</v>
      </c>
      <c r="DG14" s="185">
        <v>38</v>
      </c>
      <c r="DH14" s="187">
        <v>38</v>
      </c>
      <c r="DI14" s="188">
        <v>0</v>
      </c>
      <c r="DJ14" s="182">
        <v>0</v>
      </c>
      <c r="DK14" s="182">
        <v>0</v>
      </c>
      <c r="DL14" s="183">
        <v>0</v>
      </c>
      <c r="DM14" s="184">
        <v>0</v>
      </c>
      <c r="DN14" s="184">
        <v>0</v>
      </c>
      <c r="DO14" s="184">
        <v>0</v>
      </c>
      <c r="DP14" s="182">
        <v>0</v>
      </c>
      <c r="DQ14" s="185">
        <v>0</v>
      </c>
      <c r="DR14" s="187">
        <v>0</v>
      </c>
      <c r="DS14" s="188">
        <v>0</v>
      </c>
      <c r="DT14" s="182">
        <v>0</v>
      </c>
      <c r="DU14" s="182">
        <v>0</v>
      </c>
      <c r="DV14" s="183">
        <v>112</v>
      </c>
      <c r="DW14" s="184">
        <v>161</v>
      </c>
      <c r="DX14" s="184">
        <v>495</v>
      </c>
      <c r="DY14" s="184">
        <v>722</v>
      </c>
      <c r="DZ14" s="182">
        <v>624</v>
      </c>
      <c r="EA14" s="185">
        <v>2114</v>
      </c>
      <c r="EB14" s="187">
        <v>2114</v>
      </c>
      <c r="EC14" s="32"/>
    </row>
    <row r="15" spans="2:133" ht="21" customHeight="1" x14ac:dyDescent="0.2">
      <c r="B15" s="472" t="s">
        <v>11</v>
      </c>
      <c r="C15" s="181">
        <v>0</v>
      </c>
      <c r="D15" s="182">
        <v>0</v>
      </c>
      <c r="E15" s="182">
        <v>0</v>
      </c>
      <c r="F15" s="183">
        <v>1</v>
      </c>
      <c r="G15" s="184">
        <v>7</v>
      </c>
      <c r="H15" s="184">
        <v>182</v>
      </c>
      <c r="I15" s="184">
        <v>366</v>
      </c>
      <c r="J15" s="182">
        <v>202</v>
      </c>
      <c r="K15" s="185">
        <v>758</v>
      </c>
      <c r="L15" s="186">
        <v>758</v>
      </c>
      <c r="M15" s="181">
        <v>0</v>
      </c>
      <c r="N15" s="182">
        <v>0</v>
      </c>
      <c r="O15" s="185">
        <v>0</v>
      </c>
      <c r="P15" s="183">
        <v>1</v>
      </c>
      <c r="Q15" s="184">
        <v>7</v>
      </c>
      <c r="R15" s="184">
        <v>182</v>
      </c>
      <c r="S15" s="184">
        <v>363</v>
      </c>
      <c r="T15" s="182">
        <v>202</v>
      </c>
      <c r="U15" s="185">
        <v>755</v>
      </c>
      <c r="V15" s="187">
        <v>755</v>
      </c>
      <c r="W15" s="188">
        <v>0</v>
      </c>
      <c r="X15" s="182">
        <v>0</v>
      </c>
      <c r="Y15" s="185">
        <v>0</v>
      </c>
      <c r="Z15" s="188">
        <v>0</v>
      </c>
      <c r="AA15" s="184">
        <v>0</v>
      </c>
      <c r="AB15" s="184">
        <v>0</v>
      </c>
      <c r="AC15" s="184">
        <v>3</v>
      </c>
      <c r="AD15" s="182">
        <v>0</v>
      </c>
      <c r="AE15" s="185">
        <v>3</v>
      </c>
      <c r="AF15" s="189">
        <v>3</v>
      </c>
      <c r="AG15" s="188">
        <v>0</v>
      </c>
      <c r="AH15" s="182">
        <v>0</v>
      </c>
      <c r="AI15" s="185">
        <v>0</v>
      </c>
      <c r="AJ15" s="188">
        <v>67</v>
      </c>
      <c r="AK15" s="184">
        <v>80</v>
      </c>
      <c r="AL15" s="184">
        <v>141</v>
      </c>
      <c r="AM15" s="184">
        <v>136</v>
      </c>
      <c r="AN15" s="182">
        <v>80</v>
      </c>
      <c r="AO15" s="185">
        <v>504</v>
      </c>
      <c r="AP15" s="189">
        <v>504</v>
      </c>
      <c r="AQ15" s="188">
        <v>0</v>
      </c>
      <c r="AR15" s="182">
        <v>0</v>
      </c>
      <c r="AS15" s="185">
        <v>0</v>
      </c>
      <c r="AT15" s="183">
        <v>65</v>
      </c>
      <c r="AU15" s="184">
        <v>79</v>
      </c>
      <c r="AV15" s="184">
        <v>139</v>
      </c>
      <c r="AW15" s="184">
        <v>135</v>
      </c>
      <c r="AX15" s="182">
        <v>80</v>
      </c>
      <c r="AY15" s="185">
        <v>498</v>
      </c>
      <c r="AZ15" s="186">
        <v>498</v>
      </c>
      <c r="BA15" s="181">
        <v>0</v>
      </c>
      <c r="BB15" s="182">
        <v>0</v>
      </c>
      <c r="BC15" s="182">
        <v>0</v>
      </c>
      <c r="BD15" s="183">
        <v>2</v>
      </c>
      <c r="BE15" s="184">
        <v>1</v>
      </c>
      <c r="BF15" s="184">
        <v>2</v>
      </c>
      <c r="BG15" s="184">
        <v>1</v>
      </c>
      <c r="BH15" s="182">
        <v>0</v>
      </c>
      <c r="BI15" s="185">
        <v>6</v>
      </c>
      <c r="BJ15" s="187">
        <v>6</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5</v>
      </c>
      <c r="CS15" s="184">
        <v>7</v>
      </c>
      <c r="CT15" s="184">
        <v>12</v>
      </c>
      <c r="CU15" s="184">
        <v>10</v>
      </c>
      <c r="CV15" s="182">
        <v>31</v>
      </c>
      <c r="CW15" s="185">
        <v>65</v>
      </c>
      <c r="CX15" s="186">
        <v>65</v>
      </c>
      <c r="CY15" s="181">
        <v>0</v>
      </c>
      <c r="CZ15" s="182">
        <v>0</v>
      </c>
      <c r="DA15" s="182">
        <v>0</v>
      </c>
      <c r="DB15" s="183">
        <v>4</v>
      </c>
      <c r="DC15" s="184">
        <v>7</v>
      </c>
      <c r="DD15" s="184">
        <v>12</v>
      </c>
      <c r="DE15" s="184">
        <v>10</v>
      </c>
      <c r="DF15" s="182">
        <v>28</v>
      </c>
      <c r="DG15" s="185">
        <v>61</v>
      </c>
      <c r="DH15" s="187">
        <v>61</v>
      </c>
      <c r="DI15" s="188">
        <v>0</v>
      </c>
      <c r="DJ15" s="182">
        <v>0</v>
      </c>
      <c r="DK15" s="182">
        <v>0</v>
      </c>
      <c r="DL15" s="183">
        <v>1</v>
      </c>
      <c r="DM15" s="184">
        <v>0</v>
      </c>
      <c r="DN15" s="184">
        <v>0</v>
      </c>
      <c r="DO15" s="184">
        <v>0</v>
      </c>
      <c r="DP15" s="182">
        <v>3</v>
      </c>
      <c r="DQ15" s="185">
        <v>4</v>
      </c>
      <c r="DR15" s="187">
        <v>4</v>
      </c>
      <c r="DS15" s="188">
        <v>0</v>
      </c>
      <c r="DT15" s="182">
        <v>0</v>
      </c>
      <c r="DU15" s="182">
        <v>0</v>
      </c>
      <c r="DV15" s="183">
        <v>73</v>
      </c>
      <c r="DW15" s="184">
        <v>94</v>
      </c>
      <c r="DX15" s="184">
        <v>335</v>
      </c>
      <c r="DY15" s="184">
        <v>512</v>
      </c>
      <c r="DZ15" s="182">
        <v>312</v>
      </c>
      <c r="EA15" s="185">
        <v>1326</v>
      </c>
      <c r="EB15" s="187">
        <v>1326</v>
      </c>
      <c r="EC15" s="32"/>
    </row>
    <row r="16" spans="2:133" ht="21" customHeight="1" x14ac:dyDescent="0.2">
      <c r="B16" s="472" t="s">
        <v>12</v>
      </c>
      <c r="C16" s="181">
        <v>0</v>
      </c>
      <c r="D16" s="182">
        <v>0</v>
      </c>
      <c r="E16" s="182">
        <v>0</v>
      </c>
      <c r="F16" s="183">
        <v>0</v>
      </c>
      <c r="G16" s="184">
        <v>19</v>
      </c>
      <c r="H16" s="184">
        <v>188</v>
      </c>
      <c r="I16" s="184">
        <v>314</v>
      </c>
      <c r="J16" s="182">
        <v>239</v>
      </c>
      <c r="K16" s="185">
        <v>760</v>
      </c>
      <c r="L16" s="186">
        <v>760</v>
      </c>
      <c r="M16" s="181">
        <v>0</v>
      </c>
      <c r="N16" s="182">
        <v>0</v>
      </c>
      <c r="O16" s="185">
        <v>0</v>
      </c>
      <c r="P16" s="183">
        <v>0</v>
      </c>
      <c r="Q16" s="184">
        <v>19</v>
      </c>
      <c r="R16" s="184">
        <v>188</v>
      </c>
      <c r="S16" s="184">
        <v>314</v>
      </c>
      <c r="T16" s="182">
        <v>235</v>
      </c>
      <c r="U16" s="185">
        <v>756</v>
      </c>
      <c r="V16" s="187">
        <v>756</v>
      </c>
      <c r="W16" s="188">
        <v>0</v>
      </c>
      <c r="X16" s="182">
        <v>0</v>
      </c>
      <c r="Y16" s="185">
        <v>0</v>
      </c>
      <c r="Z16" s="188">
        <v>0</v>
      </c>
      <c r="AA16" s="184">
        <v>0</v>
      </c>
      <c r="AB16" s="184">
        <v>0</v>
      </c>
      <c r="AC16" s="184">
        <v>0</v>
      </c>
      <c r="AD16" s="182">
        <v>4</v>
      </c>
      <c r="AE16" s="185">
        <v>4</v>
      </c>
      <c r="AF16" s="189">
        <v>4</v>
      </c>
      <c r="AG16" s="188">
        <v>0</v>
      </c>
      <c r="AH16" s="182">
        <v>0</v>
      </c>
      <c r="AI16" s="185">
        <v>0</v>
      </c>
      <c r="AJ16" s="188">
        <v>35</v>
      </c>
      <c r="AK16" s="184">
        <v>89</v>
      </c>
      <c r="AL16" s="184">
        <v>161</v>
      </c>
      <c r="AM16" s="184">
        <v>173</v>
      </c>
      <c r="AN16" s="182">
        <v>78</v>
      </c>
      <c r="AO16" s="185">
        <v>536</v>
      </c>
      <c r="AP16" s="189">
        <v>536</v>
      </c>
      <c r="AQ16" s="188">
        <v>0</v>
      </c>
      <c r="AR16" s="182">
        <v>0</v>
      </c>
      <c r="AS16" s="185">
        <v>0</v>
      </c>
      <c r="AT16" s="183">
        <v>33</v>
      </c>
      <c r="AU16" s="184">
        <v>89</v>
      </c>
      <c r="AV16" s="184">
        <v>158</v>
      </c>
      <c r="AW16" s="184">
        <v>170</v>
      </c>
      <c r="AX16" s="182">
        <v>76</v>
      </c>
      <c r="AY16" s="185">
        <v>526</v>
      </c>
      <c r="AZ16" s="186">
        <v>526</v>
      </c>
      <c r="BA16" s="181">
        <v>0</v>
      </c>
      <c r="BB16" s="182">
        <v>0</v>
      </c>
      <c r="BC16" s="182">
        <v>0</v>
      </c>
      <c r="BD16" s="183">
        <v>2</v>
      </c>
      <c r="BE16" s="184">
        <v>0</v>
      </c>
      <c r="BF16" s="184">
        <v>3</v>
      </c>
      <c r="BG16" s="184">
        <v>3</v>
      </c>
      <c r="BH16" s="182">
        <v>2</v>
      </c>
      <c r="BI16" s="185">
        <v>10</v>
      </c>
      <c r="BJ16" s="187">
        <v>10</v>
      </c>
      <c r="BK16" s="188">
        <v>0</v>
      </c>
      <c r="BL16" s="182">
        <v>0</v>
      </c>
      <c r="BM16" s="182">
        <v>0</v>
      </c>
      <c r="BN16" s="183">
        <v>0</v>
      </c>
      <c r="BO16" s="184">
        <v>0</v>
      </c>
      <c r="BP16" s="184">
        <v>0</v>
      </c>
      <c r="BQ16" s="184">
        <v>0</v>
      </c>
      <c r="BR16" s="182">
        <v>2</v>
      </c>
      <c r="BS16" s="185">
        <v>2</v>
      </c>
      <c r="BT16" s="186">
        <v>2</v>
      </c>
      <c r="BU16" s="181">
        <v>0</v>
      </c>
      <c r="BV16" s="182">
        <v>0</v>
      </c>
      <c r="BW16" s="182">
        <v>0</v>
      </c>
      <c r="BX16" s="183">
        <v>0</v>
      </c>
      <c r="BY16" s="184">
        <v>0</v>
      </c>
      <c r="BZ16" s="184">
        <v>0</v>
      </c>
      <c r="CA16" s="184">
        <v>0</v>
      </c>
      <c r="CB16" s="182">
        <v>2</v>
      </c>
      <c r="CC16" s="185">
        <v>2</v>
      </c>
      <c r="CD16" s="187">
        <v>2</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2</v>
      </c>
      <c r="CT16" s="184">
        <v>2</v>
      </c>
      <c r="CU16" s="184">
        <v>14</v>
      </c>
      <c r="CV16" s="182">
        <v>12</v>
      </c>
      <c r="CW16" s="185">
        <v>30</v>
      </c>
      <c r="CX16" s="186">
        <v>30</v>
      </c>
      <c r="CY16" s="181">
        <v>0</v>
      </c>
      <c r="CZ16" s="182">
        <v>0</v>
      </c>
      <c r="DA16" s="182">
        <v>0</v>
      </c>
      <c r="DB16" s="183">
        <v>0</v>
      </c>
      <c r="DC16" s="184">
        <v>2</v>
      </c>
      <c r="DD16" s="184">
        <v>2</v>
      </c>
      <c r="DE16" s="184">
        <v>14</v>
      </c>
      <c r="DF16" s="182">
        <v>12</v>
      </c>
      <c r="DG16" s="185">
        <v>30</v>
      </c>
      <c r="DH16" s="187">
        <v>30</v>
      </c>
      <c r="DI16" s="188">
        <v>0</v>
      </c>
      <c r="DJ16" s="182">
        <v>0</v>
      </c>
      <c r="DK16" s="182">
        <v>0</v>
      </c>
      <c r="DL16" s="183">
        <v>0</v>
      </c>
      <c r="DM16" s="184">
        <v>0</v>
      </c>
      <c r="DN16" s="184">
        <v>0</v>
      </c>
      <c r="DO16" s="184">
        <v>0</v>
      </c>
      <c r="DP16" s="182">
        <v>0</v>
      </c>
      <c r="DQ16" s="185">
        <v>0</v>
      </c>
      <c r="DR16" s="187">
        <v>0</v>
      </c>
      <c r="DS16" s="188">
        <v>0</v>
      </c>
      <c r="DT16" s="182">
        <v>0</v>
      </c>
      <c r="DU16" s="182">
        <v>0</v>
      </c>
      <c r="DV16" s="183">
        <v>35</v>
      </c>
      <c r="DW16" s="184">
        <v>110</v>
      </c>
      <c r="DX16" s="184">
        <v>350</v>
      </c>
      <c r="DY16" s="184">
        <v>496</v>
      </c>
      <c r="DZ16" s="182">
        <v>329</v>
      </c>
      <c r="EA16" s="185">
        <v>1320</v>
      </c>
      <c r="EB16" s="187">
        <v>1320</v>
      </c>
      <c r="EC16" s="32"/>
    </row>
    <row r="17" spans="2:133" ht="21" customHeight="1" x14ac:dyDescent="0.2">
      <c r="B17" s="472" t="s">
        <v>13</v>
      </c>
      <c r="C17" s="181">
        <v>0</v>
      </c>
      <c r="D17" s="182">
        <v>0</v>
      </c>
      <c r="E17" s="182">
        <v>0</v>
      </c>
      <c r="F17" s="183">
        <v>2</v>
      </c>
      <c r="G17" s="184">
        <v>3</v>
      </c>
      <c r="H17" s="184">
        <v>64</v>
      </c>
      <c r="I17" s="184">
        <v>151</v>
      </c>
      <c r="J17" s="182">
        <v>118</v>
      </c>
      <c r="K17" s="185">
        <v>338</v>
      </c>
      <c r="L17" s="186">
        <v>338</v>
      </c>
      <c r="M17" s="181">
        <v>0</v>
      </c>
      <c r="N17" s="182">
        <v>0</v>
      </c>
      <c r="O17" s="185">
        <v>0</v>
      </c>
      <c r="P17" s="183">
        <v>2</v>
      </c>
      <c r="Q17" s="184">
        <v>3</v>
      </c>
      <c r="R17" s="184">
        <v>64</v>
      </c>
      <c r="S17" s="184">
        <v>151</v>
      </c>
      <c r="T17" s="182">
        <v>117</v>
      </c>
      <c r="U17" s="185">
        <v>337</v>
      </c>
      <c r="V17" s="187">
        <v>337</v>
      </c>
      <c r="W17" s="188">
        <v>0</v>
      </c>
      <c r="X17" s="182">
        <v>0</v>
      </c>
      <c r="Y17" s="185">
        <v>0</v>
      </c>
      <c r="Z17" s="188">
        <v>0</v>
      </c>
      <c r="AA17" s="184">
        <v>0</v>
      </c>
      <c r="AB17" s="184">
        <v>0</v>
      </c>
      <c r="AC17" s="184">
        <v>0</v>
      </c>
      <c r="AD17" s="182">
        <v>1</v>
      </c>
      <c r="AE17" s="185">
        <v>1</v>
      </c>
      <c r="AF17" s="189">
        <v>1</v>
      </c>
      <c r="AG17" s="188">
        <v>0</v>
      </c>
      <c r="AH17" s="182">
        <v>0</v>
      </c>
      <c r="AI17" s="185">
        <v>0</v>
      </c>
      <c r="AJ17" s="188">
        <v>11</v>
      </c>
      <c r="AK17" s="184">
        <v>31</v>
      </c>
      <c r="AL17" s="184">
        <v>37</v>
      </c>
      <c r="AM17" s="184">
        <v>33</v>
      </c>
      <c r="AN17" s="182">
        <v>25</v>
      </c>
      <c r="AO17" s="185">
        <v>137</v>
      </c>
      <c r="AP17" s="189">
        <v>137</v>
      </c>
      <c r="AQ17" s="188">
        <v>0</v>
      </c>
      <c r="AR17" s="182">
        <v>0</v>
      </c>
      <c r="AS17" s="185">
        <v>0</v>
      </c>
      <c r="AT17" s="183">
        <v>11</v>
      </c>
      <c r="AU17" s="184">
        <v>30</v>
      </c>
      <c r="AV17" s="184">
        <v>37</v>
      </c>
      <c r="AW17" s="184">
        <v>32</v>
      </c>
      <c r="AX17" s="182">
        <v>24</v>
      </c>
      <c r="AY17" s="185">
        <v>134</v>
      </c>
      <c r="AZ17" s="186">
        <v>134</v>
      </c>
      <c r="BA17" s="181">
        <v>0</v>
      </c>
      <c r="BB17" s="182">
        <v>0</v>
      </c>
      <c r="BC17" s="182">
        <v>0</v>
      </c>
      <c r="BD17" s="183">
        <v>0</v>
      </c>
      <c r="BE17" s="184">
        <v>1</v>
      </c>
      <c r="BF17" s="184">
        <v>0</v>
      </c>
      <c r="BG17" s="184">
        <v>1</v>
      </c>
      <c r="BH17" s="182">
        <v>1</v>
      </c>
      <c r="BI17" s="185">
        <v>3</v>
      </c>
      <c r="BJ17" s="187">
        <v>3</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0</v>
      </c>
      <c r="CU17" s="184">
        <v>0</v>
      </c>
      <c r="CV17" s="182">
        <v>1</v>
      </c>
      <c r="CW17" s="185">
        <v>1</v>
      </c>
      <c r="CX17" s="186">
        <v>1</v>
      </c>
      <c r="CY17" s="181">
        <v>0</v>
      </c>
      <c r="CZ17" s="182">
        <v>0</v>
      </c>
      <c r="DA17" s="182">
        <v>0</v>
      </c>
      <c r="DB17" s="183">
        <v>0</v>
      </c>
      <c r="DC17" s="184">
        <v>0</v>
      </c>
      <c r="DD17" s="184">
        <v>0</v>
      </c>
      <c r="DE17" s="184">
        <v>0</v>
      </c>
      <c r="DF17" s="182">
        <v>1</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13</v>
      </c>
      <c r="DW17" s="184">
        <v>34</v>
      </c>
      <c r="DX17" s="184">
        <v>101</v>
      </c>
      <c r="DY17" s="184">
        <v>184</v>
      </c>
      <c r="DZ17" s="182">
        <v>144</v>
      </c>
      <c r="EA17" s="185">
        <v>476</v>
      </c>
      <c r="EB17" s="187">
        <v>476</v>
      </c>
      <c r="EC17" s="32"/>
    </row>
    <row r="18" spans="2:133" ht="21" customHeight="1" x14ac:dyDescent="0.2">
      <c r="B18" s="472" t="s">
        <v>15</v>
      </c>
      <c r="C18" s="181">
        <v>0</v>
      </c>
      <c r="D18" s="182">
        <v>0</v>
      </c>
      <c r="E18" s="182">
        <v>0</v>
      </c>
      <c r="F18" s="183">
        <v>1</v>
      </c>
      <c r="G18" s="184">
        <v>1</v>
      </c>
      <c r="H18" s="184">
        <v>83</v>
      </c>
      <c r="I18" s="184">
        <v>147</v>
      </c>
      <c r="J18" s="182">
        <v>86</v>
      </c>
      <c r="K18" s="185">
        <v>318</v>
      </c>
      <c r="L18" s="186">
        <v>318</v>
      </c>
      <c r="M18" s="181">
        <v>0</v>
      </c>
      <c r="N18" s="182">
        <v>0</v>
      </c>
      <c r="O18" s="185">
        <v>0</v>
      </c>
      <c r="P18" s="183">
        <v>1</v>
      </c>
      <c r="Q18" s="184">
        <v>1</v>
      </c>
      <c r="R18" s="184">
        <v>83</v>
      </c>
      <c r="S18" s="184">
        <v>145</v>
      </c>
      <c r="T18" s="182">
        <v>84</v>
      </c>
      <c r="U18" s="185">
        <v>314</v>
      </c>
      <c r="V18" s="187">
        <v>314</v>
      </c>
      <c r="W18" s="188">
        <v>0</v>
      </c>
      <c r="X18" s="182">
        <v>0</v>
      </c>
      <c r="Y18" s="185">
        <v>0</v>
      </c>
      <c r="Z18" s="188">
        <v>0</v>
      </c>
      <c r="AA18" s="184">
        <v>0</v>
      </c>
      <c r="AB18" s="184">
        <v>0</v>
      </c>
      <c r="AC18" s="184">
        <v>2</v>
      </c>
      <c r="AD18" s="182">
        <v>2</v>
      </c>
      <c r="AE18" s="185">
        <v>4</v>
      </c>
      <c r="AF18" s="189">
        <v>4</v>
      </c>
      <c r="AG18" s="188">
        <v>0</v>
      </c>
      <c r="AH18" s="182">
        <v>0</v>
      </c>
      <c r="AI18" s="185">
        <v>0</v>
      </c>
      <c r="AJ18" s="188">
        <v>19</v>
      </c>
      <c r="AK18" s="184">
        <v>36</v>
      </c>
      <c r="AL18" s="184">
        <v>49</v>
      </c>
      <c r="AM18" s="184">
        <v>53</v>
      </c>
      <c r="AN18" s="182">
        <v>25</v>
      </c>
      <c r="AO18" s="185">
        <v>182</v>
      </c>
      <c r="AP18" s="189">
        <v>182</v>
      </c>
      <c r="AQ18" s="188">
        <v>0</v>
      </c>
      <c r="AR18" s="182">
        <v>0</v>
      </c>
      <c r="AS18" s="185">
        <v>0</v>
      </c>
      <c r="AT18" s="183">
        <v>18</v>
      </c>
      <c r="AU18" s="184">
        <v>36</v>
      </c>
      <c r="AV18" s="184">
        <v>49</v>
      </c>
      <c r="AW18" s="184">
        <v>52</v>
      </c>
      <c r="AX18" s="182">
        <v>24</v>
      </c>
      <c r="AY18" s="185">
        <v>179</v>
      </c>
      <c r="AZ18" s="186">
        <v>179</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20</v>
      </c>
      <c r="DW18" s="184">
        <v>37</v>
      </c>
      <c r="DX18" s="184">
        <v>132</v>
      </c>
      <c r="DY18" s="184">
        <v>200</v>
      </c>
      <c r="DZ18" s="182">
        <v>111</v>
      </c>
      <c r="EA18" s="185">
        <v>500</v>
      </c>
      <c r="EB18" s="187">
        <v>500</v>
      </c>
      <c r="EC18" s="32"/>
    </row>
    <row r="19" spans="2:133" ht="21" customHeight="1" x14ac:dyDescent="0.2">
      <c r="B19" s="472" t="s">
        <v>16</v>
      </c>
      <c r="C19" s="181">
        <v>0</v>
      </c>
      <c r="D19" s="182">
        <v>0</v>
      </c>
      <c r="E19" s="182">
        <v>0</v>
      </c>
      <c r="F19" s="183">
        <v>6</v>
      </c>
      <c r="G19" s="184">
        <v>18</v>
      </c>
      <c r="H19" s="184">
        <v>194</v>
      </c>
      <c r="I19" s="184">
        <v>311</v>
      </c>
      <c r="J19" s="182">
        <v>204</v>
      </c>
      <c r="K19" s="185">
        <v>733</v>
      </c>
      <c r="L19" s="186">
        <v>733</v>
      </c>
      <c r="M19" s="181">
        <v>0</v>
      </c>
      <c r="N19" s="182">
        <v>0</v>
      </c>
      <c r="O19" s="185">
        <v>0</v>
      </c>
      <c r="P19" s="183">
        <v>6</v>
      </c>
      <c r="Q19" s="184">
        <v>17</v>
      </c>
      <c r="R19" s="184">
        <v>194</v>
      </c>
      <c r="S19" s="184">
        <v>310</v>
      </c>
      <c r="T19" s="182">
        <v>200</v>
      </c>
      <c r="U19" s="185">
        <v>727</v>
      </c>
      <c r="V19" s="187">
        <v>727</v>
      </c>
      <c r="W19" s="188">
        <v>0</v>
      </c>
      <c r="X19" s="182">
        <v>0</v>
      </c>
      <c r="Y19" s="185">
        <v>0</v>
      </c>
      <c r="Z19" s="188">
        <v>0</v>
      </c>
      <c r="AA19" s="184">
        <v>1</v>
      </c>
      <c r="AB19" s="184">
        <v>0</v>
      </c>
      <c r="AC19" s="184">
        <v>1</v>
      </c>
      <c r="AD19" s="182">
        <v>4</v>
      </c>
      <c r="AE19" s="185">
        <v>6</v>
      </c>
      <c r="AF19" s="189">
        <v>6</v>
      </c>
      <c r="AG19" s="188">
        <v>0</v>
      </c>
      <c r="AH19" s="182">
        <v>0</v>
      </c>
      <c r="AI19" s="185">
        <v>0</v>
      </c>
      <c r="AJ19" s="188">
        <v>48</v>
      </c>
      <c r="AK19" s="184">
        <v>94</v>
      </c>
      <c r="AL19" s="184">
        <v>145</v>
      </c>
      <c r="AM19" s="184">
        <v>132</v>
      </c>
      <c r="AN19" s="182">
        <v>68</v>
      </c>
      <c r="AO19" s="185">
        <v>487</v>
      </c>
      <c r="AP19" s="189">
        <v>487</v>
      </c>
      <c r="AQ19" s="188">
        <v>0</v>
      </c>
      <c r="AR19" s="182">
        <v>0</v>
      </c>
      <c r="AS19" s="185">
        <v>0</v>
      </c>
      <c r="AT19" s="183">
        <v>48</v>
      </c>
      <c r="AU19" s="184">
        <v>94</v>
      </c>
      <c r="AV19" s="184">
        <v>143</v>
      </c>
      <c r="AW19" s="184">
        <v>132</v>
      </c>
      <c r="AX19" s="182">
        <v>66</v>
      </c>
      <c r="AY19" s="185">
        <v>483</v>
      </c>
      <c r="AZ19" s="186">
        <v>483</v>
      </c>
      <c r="BA19" s="181">
        <v>0</v>
      </c>
      <c r="BB19" s="182">
        <v>0</v>
      </c>
      <c r="BC19" s="182">
        <v>0</v>
      </c>
      <c r="BD19" s="183">
        <v>0</v>
      </c>
      <c r="BE19" s="184">
        <v>0</v>
      </c>
      <c r="BF19" s="184">
        <v>2</v>
      </c>
      <c r="BG19" s="184">
        <v>0</v>
      </c>
      <c r="BH19" s="182">
        <v>2</v>
      </c>
      <c r="BI19" s="185">
        <v>4</v>
      </c>
      <c r="BJ19" s="187">
        <v>4</v>
      </c>
      <c r="BK19" s="188">
        <v>0</v>
      </c>
      <c r="BL19" s="182">
        <v>0</v>
      </c>
      <c r="BM19" s="182">
        <v>0</v>
      </c>
      <c r="BN19" s="183">
        <v>0</v>
      </c>
      <c r="BO19" s="184">
        <v>0</v>
      </c>
      <c r="BP19" s="184">
        <v>0</v>
      </c>
      <c r="BQ19" s="184">
        <v>0</v>
      </c>
      <c r="BR19" s="182">
        <v>1</v>
      </c>
      <c r="BS19" s="185">
        <v>1</v>
      </c>
      <c r="BT19" s="186">
        <v>1</v>
      </c>
      <c r="BU19" s="181">
        <v>0</v>
      </c>
      <c r="BV19" s="182">
        <v>0</v>
      </c>
      <c r="BW19" s="182">
        <v>0</v>
      </c>
      <c r="BX19" s="183">
        <v>0</v>
      </c>
      <c r="BY19" s="184">
        <v>0</v>
      </c>
      <c r="BZ19" s="184">
        <v>0</v>
      </c>
      <c r="CA19" s="184">
        <v>0</v>
      </c>
      <c r="CB19" s="182">
        <v>1</v>
      </c>
      <c r="CC19" s="185">
        <v>1</v>
      </c>
      <c r="CD19" s="187">
        <v>1</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2</v>
      </c>
      <c r="CU19" s="184">
        <v>9</v>
      </c>
      <c r="CV19" s="182">
        <v>21</v>
      </c>
      <c r="CW19" s="185">
        <v>32</v>
      </c>
      <c r="CX19" s="186">
        <v>32</v>
      </c>
      <c r="CY19" s="181">
        <v>0</v>
      </c>
      <c r="CZ19" s="182">
        <v>0</v>
      </c>
      <c r="DA19" s="182">
        <v>0</v>
      </c>
      <c r="DB19" s="183">
        <v>0</v>
      </c>
      <c r="DC19" s="184">
        <v>0</v>
      </c>
      <c r="DD19" s="184">
        <v>2</v>
      </c>
      <c r="DE19" s="184">
        <v>9</v>
      </c>
      <c r="DF19" s="182">
        <v>21</v>
      </c>
      <c r="DG19" s="185">
        <v>32</v>
      </c>
      <c r="DH19" s="187">
        <v>32</v>
      </c>
      <c r="DI19" s="188">
        <v>0</v>
      </c>
      <c r="DJ19" s="182">
        <v>0</v>
      </c>
      <c r="DK19" s="182">
        <v>0</v>
      </c>
      <c r="DL19" s="183">
        <v>0</v>
      </c>
      <c r="DM19" s="184">
        <v>0</v>
      </c>
      <c r="DN19" s="184">
        <v>0</v>
      </c>
      <c r="DO19" s="184">
        <v>0</v>
      </c>
      <c r="DP19" s="182">
        <v>0</v>
      </c>
      <c r="DQ19" s="185">
        <v>0</v>
      </c>
      <c r="DR19" s="187">
        <v>0</v>
      </c>
      <c r="DS19" s="188">
        <v>0</v>
      </c>
      <c r="DT19" s="182">
        <v>0</v>
      </c>
      <c r="DU19" s="182">
        <v>0</v>
      </c>
      <c r="DV19" s="183">
        <v>54</v>
      </c>
      <c r="DW19" s="184">
        <v>112</v>
      </c>
      <c r="DX19" s="184">
        <v>340</v>
      </c>
      <c r="DY19" s="184">
        <v>449</v>
      </c>
      <c r="DZ19" s="182">
        <v>292</v>
      </c>
      <c r="EA19" s="185">
        <v>1247</v>
      </c>
      <c r="EB19" s="187">
        <v>1247</v>
      </c>
      <c r="EC19" s="32"/>
    </row>
    <row r="20" spans="2:133" ht="21" customHeight="1" x14ac:dyDescent="0.2">
      <c r="B20" s="472" t="s">
        <v>17</v>
      </c>
      <c r="C20" s="181">
        <v>0</v>
      </c>
      <c r="D20" s="182">
        <v>0</v>
      </c>
      <c r="E20" s="182">
        <v>0</v>
      </c>
      <c r="F20" s="183">
        <v>3</v>
      </c>
      <c r="G20" s="184">
        <v>17</v>
      </c>
      <c r="H20" s="184">
        <v>207</v>
      </c>
      <c r="I20" s="184">
        <v>298</v>
      </c>
      <c r="J20" s="182">
        <v>228</v>
      </c>
      <c r="K20" s="185">
        <v>753</v>
      </c>
      <c r="L20" s="186">
        <v>753</v>
      </c>
      <c r="M20" s="181">
        <v>0</v>
      </c>
      <c r="N20" s="182">
        <v>0</v>
      </c>
      <c r="O20" s="185">
        <v>0</v>
      </c>
      <c r="P20" s="183">
        <v>3</v>
      </c>
      <c r="Q20" s="184">
        <v>17</v>
      </c>
      <c r="R20" s="184">
        <v>207</v>
      </c>
      <c r="S20" s="184">
        <v>296</v>
      </c>
      <c r="T20" s="182">
        <v>225</v>
      </c>
      <c r="U20" s="185">
        <v>748</v>
      </c>
      <c r="V20" s="187">
        <v>748</v>
      </c>
      <c r="W20" s="188">
        <v>0</v>
      </c>
      <c r="X20" s="182">
        <v>0</v>
      </c>
      <c r="Y20" s="185">
        <v>0</v>
      </c>
      <c r="Z20" s="188">
        <v>0</v>
      </c>
      <c r="AA20" s="184">
        <v>0</v>
      </c>
      <c r="AB20" s="184">
        <v>0</v>
      </c>
      <c r="AC20" s="184">
        <v>2</v>
      </c>
      <c r="AD20" s="182">
        <v>3</v>
      </c>
      <c r="AE20" s="185">
        <v>5</v>
      </c>
      <c r="AF20" s="189">
        <v>5</v>
      </c>
      <c r="AG20" s="188">
        <v>0</v>
      </c>
      <c r="AH20" s="182">
        <v>0</v>
      </c>
      <c r="AI20" s="185">
        <v>0</v>
      </c>
      <c r="AJ20" s="188">
        <v>40</v>
      </c>
      <c r="AK20" s="184">
        <v>110</v>
      </c>
      <c r="AL20" s="184">
        <v>147</v>
      </c>
      <c r="AM20" s="184">
        <v>130</v>
      </c>
      <c r="AN20" s="182">
        <v>84</v>
      </c>
      <c r="AO20" s="185">
        <v>511</v>
      </c>
      <c r="AP20" s="189">
        <v>511</v>
      </c>
      <c r="AQ20" s="188">
        <v>0</v>
      </c>
      <c r="AR20" s="182">
        <v>0</v>
      </c>
      <c r="AS20" s="185">
        <v>0</v>
      </c>
      <c r="AT20" s="183">
        <v>38</v>
      </c>
      <c r="AU20" s="184">
        <v>108</v>
      </c>
      <c r="AV20" s="184">
        <v>143</v>
      </c>
      <c r="AW20" s="184">
        <v>128</v>
      </c>
      <c r="AX20" s="182">
        <v>84</v>
      </c>
      <c r="AY20" s="185">
        <v>501</v>
      </c>
      <c r="AZ20" s="186">
        <v>501</v>
      </c>
      <c r="BA20" s="181">
        <v>0</v>
      </c>
      <c r="BB20" s="182">
        <v>0</v>
      </c>
      <c r="BC20" s="182">
        <v>0</v>
      </c>
      <c r="BD20" s="183">
        <v>2</v>
      </c>
      <c r="BE20" s="184">
        <v>2</v>
      </c>
      <c r="BF20" s="184">
        <v>4</v>
      </c>
      <c r="BG20" s="184">
        <v>2</v>
      </c>
      <c r="BH20" s="182">
        <v>0</v>
      </c>
      <c r="BI20" s="185">
        <v>10</v>
      </c>
      <c r="BJ20" s="187">
        <v>10</v>
      </c>
      <c r="BK20" s="188">
        <v>0</v>
      </c>
      <c r="BL20" s="182">
        <v>0</v>
      </c>
      <c r="BM20" s="182">
        <v>0</v>
      </c>
      <c r="BN20" s="183">
        <v>0</v>
      </c>
      <c r="BO20" s="184">
        <v>0</v>
      </c>
      <c r="BP20" s="184">
        <v>0</v>
      </c>
      <c r="BQ20" s="184">
        <v>0</v>
      </c>
      <c r="BR20" s="182">
        <v>4</v>
      </c>
      <c r="BS20" s="185">
        <v>4</v>
      </c>
      <c r="BT20" s="186">
        <v>4</v>
      </c>
      <c r="BU20" s="181">
        <v>0</v>
      </c>
      <c r="BV20" s="182">
        <v>0</v>
      </c>
      <c r="BW20" s="182">
        <v>0</v>
      </c>
      <c r="BX20" s="183">
        <v>0</v>
      </c>
      <c r="BY20" s="184">
        <v>0</v>
      </c>
      <c r="BZ20" s="184">
        <v>0</v>
      </c>
      <c r="CA20" s="184">
        <v>0</v>
      </c>
      <c r="CB20" s="182">
        <v>4</v>
      </c>
      <c r="CC20" s="185">
        <v>4</v>
      </c>
      <c r="CD20" s="187">
        <v>4</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1</v>
      </c>
      <c r="CW20" s="185">
        <v>15</v>
      </c>
      <c r="CX20" s="186">
        <v>15</v>
      </c>
      <c r="CY20" s="181">
        <v>0</v>
      </c>
      <c r="CZ20" s="182">
        <v>0</v>
      </c>
      <c r="DA20" s="182">
        <v>0</v>
      </c>
      <c r="DB20" s="183">
        <v>0</v>
      </c>
      <c r="DC20" s="184">
        <v>0</v>
      </c>
      <c r="DD20" s="184">
        <v>1</v>
      </c>
      <c r="DE20" s="184">
        <v>3</v>
      </c>
      <c r="DF20" s="182">
        <v>10</v>
      </c>
      <c r="DG20" s="185">
        <v>14</v>
      </c>
      <c r="DH20" s="187">
        <v>14</v>
      </c>
      <c r="DI20" s="188">
        <v>0</v>
      </c>
      <c r="DJ20" s="182">
        <v>0</v>
      </c>
      <c r="DK20" s="182">
        <v>0</v>
      </c>
      <c r="DL20" s="183">
        <v>0</v>
      </c>
      <c r="DM20" s="184">
        <v>0</v>
      </c>
      <c r="DN20" s="184">
        <v>0</v>
      </c>
      <c r="DO20" s="184">
        <v>0</v>
      </c>
      <c r="DP20" s="182">
        <v>1</v>
      </c>
      <c r="DQ20" s="185">
        <v>1</v>
      </c>
      <c r="DR20" s="187">
        <v>1</v>
      </c>
      <c r="DS20" s="188">
        <v>0</v>
      </c>
      <c r="DT20" s="182">
        <v>0</v>
      </c>
      <c r="DU20" s="182">
        <v>0</v>
      </c>
      <c r="DV20" s="183">
        <v>43</v>
      </c>
      <c r="DW20" s="184">
        <v>127</v>
      </c>
      <c r="DX20" s="184">
        <v>355</v>
      </c>
      <c r="DY20" s="184">
        <v>431</v>
      </c>
      <c r="DZ20" s="182">
        <v>327</v>
      </c>
      <c r="EA20" s="185">
        <v>1283</v>
      </c>
      <c r="EB20" s="187">
        <v>1283</v>
      </c>
      <c r="EC20" s="32"/>
    </row>
    <row r="21" spans="2:133" ht="21" customHeight="1" x14ac:dyDescent="0.2">
      <c r="B21" s="472" t="s">
        <v>18</v>
      </c>
      <c r="C21" s="181">
        <v>0</v>
      </c>
      <c r="D21" s="182">
        <v>0</v>
      </c>
      <c r="E21" s="182">
        <v>0</v>
      </c>
      <c r="F21" s="183">
        <v>5</v>
      </c>
      <c r="G21" s="184">
        <v>11</v>
      </c>
      <c r="H21" s="184">
        <v>174</v>
      </c>
      <c r="I21" s="184">
        <v>421</v>
      </c>
      <c r="J21" s="182">
        <v>251</v>
      </c>
      <c r="K21" s="185">
        <v>862</v>
      </c>
      <c r="L21" s="186">
        <v>862</v>
      </c>
      <c r="M21" s="181">
        <v>0</v>
      </c>
      <c r="N21" s="182">
        <v>0</v>
      </c>
      <c r="O21" s="185">
        <v>0</v>
      </c>
      <c r="P21" s="183">
        <v>5</v>
      </c>
      <c r="Q21" s="184">
        <v>11</v>
      </c>
      <c r="R21" s="184">
        <v>170</v>
      </c>
      <c r="S21" s="184">
        <v>416</v>
      </c>
      <c r="T21" s="182">
        <v>248</v>
      </c>
      <c r="U21" s="185">
        <v>850</v>
      </c>
      <c r="V21" s="187">
        <v>850</v>
      </c>
      <c r="W21" s="188">
        <v>0</v>
      </c>
      <c r="X21" s="182">
        <v>0</v>
      </c>
      <c r="Y21" s="185">
        <v>0</v>
      </c>
      <c r="Z21" s="188">
        <v>0</v>
      </c>
      <c r="AA21" s="184">
        <v>0</v>
      </c>
      <c r="AB21" s="184">
        <v>4</v>
      </c>
      <c r="AC21" s="184">
        <v>5</v>
      </c>
      <c r="AD21" s="182">
        <v>3</v>
      </c>
      <c r="AE21" s="185">
        <v>12</v>
      </c>
      <c r="AF21" s="189">
        <v>12</v>
      </c>
      <c r="AG21" s="188">
        <v>0</v>
      </c>
      <c r="AH21" s="182">
        <v>0</v>
      </c>
      <c r="AI21" s="185">
        <v>0</v>
      </c>
      <c r="AJ21" s="188">
        <v>30</v>
      </c>
      <c r="AK21" s="184">
        <v>76</v>
      </c>
      <c r="AL21" s="184">
        <v>118</v>
      </c>
      <c r="AM21" s="184">
        <v>127</v>
      </c>
      <c r="AN21" s="182">
        <v>66</v>
      </c>
      <c r="AO21" s="185">
        <v>417</v>
      </c>
      <c r="AP21" s="189">
        <v>417</v>
      </c>
      <c r="AQ21" s="188">
        <v>0</v>
      </c>
      <c r="AR21" s="182">
        <v>0</v>
      </c>
      <c r="AS21" s="185">
        <v>0</v>
      </c>
      <c r="AT21" s="183">
        <v>30</v>
      </c>
      <c r="AU21" s="184">
        <v>73</v>
      </c>
      <c r="AV21" s="184">
        <v>115</v>
      </c>
      <c r="AW21" s="184">
        <v>126</v>
      </c>
      <c r="AX21" s="182">
        <v>63</v>
      </c>
      <c r="AY21" s="185">
        <v>407</v>
      </c>
      <c r="AZ21" s="186">
        <v>407</v>
      </c>
      <c r="BA21" s="181">
        <v>0</v>
      </c>
      <c r="BB21" s="182">
        <v>0</v>
      </c>
      <c r="BC21" s="182">
        <v>0</v>
      </c>
      <c r="BD21" s="183">
        <v>0</v>
      </c>
      <c r="BE21" s="184">
        <v>3</v>
      </c>
      <c r="BF21" s="184">
        <v>3</v>
      </c>
      <c r="BG21" s="184">
        <v>1</v>
      </c>
      <c r="BH21" s="182">
        <v>3</v>
      </c>
      <c r="BI21" s="185">
        <v>10</v>
      </c>
      <c r="BJ21" s="187">
        <v>10</v>
      </c>
      <c r="BK21" s="188">
        <v>0</v>
      </c>
      <c r="BL21" s="182">
        <v>0</v>
      </c>
      <c r="BM21" s="182">
        <v>0</v>
      </c>
      <c r="BN21" s="183">
        <v>0</v>
      </c>
      <c r="BO21" s="184">
        <v>0</v>
      </c>
      <c r="BP21" s="184">
        <v>0</v>
      </c>
      <c r="BQ21" s="184">
        <v>1</v>
      </c>
      <c r="BR21" s="182">
        <v>4</v>
      </c>
      <c r="BS21" s="185">
        <v>5</v>
      </c>
      <c r="BT21" s="186">
        <v>5</v>
      </c>
      <c r="BU21" s="181">
        <v>0</v>
      </c>
      <c r="BV21" s="182">
        <v>0</v>
      </c>
      <c r="BW21" s="182">
        <v>0</v>
      </c>
      <c r="BX21" s="183">
        <v>0</v>
      </c>
      <c r="BY21" s="184">
        <v>0</v>
      </c>
      <c r="BZ21" s="184">
        <v>0</v>
      </c>
      <c r="CA21" s="184">
        <v>1</v>
      </c>
      <c r="CB21" s="182">
        <v>4</v>
      </c>
      <c r="CC21" s="185">
        <v>5</v>
      </c>
      <c r="CD21" s="187">
        <v>5</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1</v>
      </c>
      <c r="CU21" s="184">
        <v>12</v>
      </c>
      <c r="CV21" s="182">
        <v>18</v>
      </c>
      <c r="CW21" s="185">
        <v>31</v>
      </c>
      <c r="CX21" s="186">
        <v>31</v>
      </c>
      <c r="CY21" s="181">
        <v>0</v>
      </c>
      <c r="CZ21" s="182">
        <v>0</v>
      </c>
      <c r="DA21" s="182">
        <v>0</v>
      </c>
      <c r="DB21" s="183">
        <v>0</v>
      </c>
      <c r="DC21" s="184">
        <v>0</v>
      </c>
      <c r="DD21" s="184">
        <v>1</v>
      </c>
      <c r="DE21" s="184">
        <v>11</v>
      </c>
      <c r="DF21" s="182">
        <v>18</v>
      </c>
      <c r="DG21" s="185">
        <v>30</v>
      </c>
      <c r="DH21" s="187">
        <v>30</v>
      </c>
      <c r="DI21" s="188">
        <v>0</v>
      </c>
      <c r="DJ21" s="182">
        <v>0</v>
      </c>
      <c r="DK21" s="182">
        <v>0</v>
      </c>
      <c r="DL21" s="183">
        <v>0</v>
      </c>
      <c r="DM21" s="184">
        <v>0</v>
      </c>
      <c r="DN21" s="184">
        <v>0</v>
      </c>
      <c r="DO21" s="184">
        <v>1</v>
      </c>
      <c r="DP21" s="182">
        <v>0</v>
      </c>
      <c r="DQ21" s="185">
        <v>1</v>
      </c>
      <c r="DR21" s="187">
        <v>1</v>
      </c>
      <c r="DS21" s="188">
        <v>0</v>
      </c>
      <c r="DT21" s="182">
        <v>0</v>
      </c>
      <c r="DU21" s="182">
        <v>0</v>
      </c>
      <c r="DV21" s="183">
        <v>35</v>
      </c>
      <c r="DW21" s="184">
        <v>87</v>
      </c>
      <c r="DX21" s="184">
        <v>292</v>
      </c>
      <c r="DY21" s="184">
        <v>556</v>
      </c>
      <c r="DZ21" s="182">
        <v>339</v>
      </c>
      <c r="EA21" s="185">
        <v>1309</v>
      </c>
      <c r="EB21" s="187">
        <v>1309</v>
      </c>
      <c r="EC21" s="32"/>
    </row>
    <row r="22" spans="2:133" ht="21" customHeight="1" x14ac:dyDescent="0.2">
      <c r="B22" s="472" t="s">
        <v>19</v>
      </c>
      <c r="C22" s="181">
        <v>0</v>
      </c>
      <c r="D22" s="182">
        <v>0</v>
      </c>
      <c r="E22" s="182">
        <v>0</v>
      </c>
      <c r="F22" s="183">
        <v>0</v>
      </c>
      <c r="G22" s="184">
        <v>6</v>
      </c>
      <c r="H22" s="184">
        <v>121</v>
      </c>
      <c r="I22" s="184">
        <v>127</v>
      </c>
      <c r="J22" s="182">
        <v>109</v>
      </c>
      <c r="K22" s="185">
        <v>363</v>
      </c>
      <c r="L22" s="186">
        <v>363</v>
      </c>
      <c r="M22" s="181">
        <v>0</v>
      </c>
      <c r="N22" s="182">
        <v>0</v>
      </c>
      <c r="O22" s="185">
        <v>0</v>
      </c>
      <c r="P22" s="183">
        <v>0</v>
      </c>
      <c r="Q22" s="184">
        <v>6</v>
      </c>
      <c r="R22" s="184">
        <v>120</v>
      </c>
      <c r="S22" s="184">
        <v>127</v>
      </c>
      <c r="T22" s="182">
        <v>109</v>
      </c>
      <c r="U22" s="185">
        <v>362</v>
      </c>
      <c r="V22" s="187">
        <v>362</v>
      </c>
      <c r="W22" s="188">
        <v>0</v>
      </c>
      <c r="X22" s="182">
        <v>0</v>
      </c>
      <c r="Y22" s="185">
        <v>0</v>
      </c>
      <c r="Z22" s="188">
        <v>0</v>
      </c>
      <c r="AA22" s="184">
        <v>0</v>
      </c>
      <c r="AB22" s="184">
        <v>1</v>
      </c>
      <c r="AC22" s="184">
        <v>0</v>
      </c>
      <c r="AD22" s="182">
        <v>0</v>
      </c>
      <c r="AE22" s="185">
        <v>1</v>
      </c>
      <c r="AF22" s="189">
        <v>1</v>
      </c>
      <c r="AG22" s="188">
        <v>0</v>
      </c>
      <c r="AH22" s="182">
        <v>0</v>
      </c>
      <c r="AI22" s="185">
        <v>0</v>
      </c>
      <c r="AJ22" s="188">
        <v>22</v>
      </c>
      <c r="AK22" s="184">
        <v>45</v>
      </c>
      <c r="AL22" s="184">
        <v>78</v>
      </c>
      <c r="AM22" s="184">
        <v>62</v>
      </c>
      <c r="AN22" s="182">
        <v>31</v>
      </c>
      <c r="AO22" s="185">
        <v>238</v>
      </c>
      <c r="AP22" s="189">
        <v>238</v>
      </c>
      <c r="AQ22" s="188">
        <v>0</v>
      </c>
      <c r="AR22" s="182">
        <v>0</v>
      </c>
      <c r="AS22" s="185">
        <v>0</v>
      </c>
      <c r="AT22" s="183">
        <v>22</v>
      </c>
      <c r="AU22" s="184">
        <v>45</v>
      </c>
      <c r="AV22" s="184">
        <v>75</v>
      </c>
      <c r="AW22" s="184">
        <v>59</v>
      </c>
      <c r="AX22" s="182">
        <v>31</v>
      </c>
      <c r="AY22" s="185">
        <v>232</v>
      </c>
      <c r="AZ22" s="186">
        <v>232</v>
      </c>
      <c r="BA22" s="181">
        <v>0</v>
      </c>
      <c r="BB22" s="182">
        <v>0</v>
      </c>
      <c r="BC22" s="182">
        <v>0</v>
      </c>
      <c r="BD22" s="183">
        <v>0</v>
      </c>
      <c r="BE22" s="184">
        <v>0</v>
      </c>
      <c r="BF22" s="184">
        <v>3</v>
      </c>
      <c r="BG22" s="184">
        <v>3</v>
      </c>
      <c r="BH22" s="182">
        <v>0</v>
      </c>
      <c r="BI22" s="185">
        <v>6</v>
      </c>
      <c r="BJ22" s="187">
        <v>6</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0</v>
      </c>
      <c r="CT22" s="184">
        <v>0</v>
      </c>
      <c r="CU22" s="184">
        <v>3</v>
      </c>
      <c r="CV22" s="182">
        <v>6</v>
      </c>
      <c r="CW22" s="185">
        <v>9</v>
      </c>
      <c r="CX22" s="186">
        <v>9</v>
      </c>
      <c r="CY22" s="181">
        <v>0</v>
      </c>
      <c r="CZ22" s="182">
        <v>0</v>
      </c>
      <c r="DA22" s="182">
        <v>0</v>
      </c>
      <c r="DB22" s="183">
        <v>0</v>
      </c>
      <c r="DC22" s="184">
        <v>0</v>
      </c>
      <c r="DD22" s="184">
        <v>0</v>
      </c>
      <c r="DE22" s="184">
        <v>3</v>
      </c>
      <c r="DF22" s="182">
        <v>5</v>
      </c>
      <c r="DG22" s="185">
        <v>8</v>
      </c>
      <c r="DH22" s="187">
        <v>8</v>
      </c>
      <c r="DI22" s="188">
        <v>0</v>
      </c>
      <c r="DJ22" s="182">
        <v>0</v>
      </c>
      <c r="DK22" s="182">
        <v>0</v>
      </c>
      <c r="DL22" s="183">
        <v>0</v>
      </c>
      <c r="DM22" s="184">
        <v>0</v>
      </c>
      <c r="DN22" s="184">
        <v>0</v>
      </c>
      <c r="DO22" s="184">
        <v>0</v>
      </c>
      <c r="DP22" s="182">
        <v>1</v>
      </c>
      <c r="DQ22" s="185">
        <v>1</v>
      </c>
      <c r="DR22" s="187">
        <v>1</v>
      </c>
      <c r="DS22" s="188">
        <v>0</v>
      </c>
      <c r="DT22" s="182">
        <v>0</v>
      </c>
      <c r="DU22" s="182">
        <v>0</v>
      </c>
      <c r="DV22" s="183">
        <v>22</v>
      </c>
      <c r="DW22" s="184">
        <v>51</v>
      </c>
      <c r="DX22" s="184">
        <v>198</v>
      </c>
      <c r="DY22" s="184">
        <v>190</v>
      </c>
      <c r="DZ22" s="182">
        <v>145</v>
      </c>
      <c r="EA22" s="185">
        <v>606</v>
      </c>
      <c r="EB22" s="187">
        <v>606</v>
      </c>
      <c r="EC22" s="32"/>
    </row>
    <row r="23" spans="2:133" ht="21" customHeight="1" x14ac:dyDescent="0.2">
      <c r="B23" s="472" t="s">
        <v>20</v>
      </c>
      <c r="C23" s="181">
        <v>0</v>
      </c>
      <c r="D23" s="182">
        <v>0</v>
      </c>
      <c r="E23" s="182">
        <v>0</v>
      </c>
      <c r="F23" s="183">
        <v>4</v>
      </c>
      <c r="G23" s="184">
        <v>28</v>
      </c>
      <c r="H23" s="184">
        <v>130</v>
      </c>
      <c r="I23" s="184">
        <v>208</v>
      </c>
      <c r="J23" s="182">
        <v>100</v>
      </c>
      <c r="K23" s="185">
        <v>470</v>
      </c>
      <c r="L23" s="186">
        <v>470</v>
      </c>
      <c r="M23" s="181">
        <v>0</v>
      </c>
      <c r="N23" s="182">
        <v>0</v>
      </c>
      <c r="O23" s="185">
        <v>0</v>
      </c>
      <c r="P23" s="183">
        <v>4</v>
      </c>
      <c r="Q23" s="184">
        <v>28</v>
      </c>
      <c r="R23" s="184">
        <v>129</v>
      </c>
      <c r="S23" s="184">
        <v>206</v>
      </c>
      <c r="T23" s="182">
        <v>99</v>
      </c>
      <c r="U23" s="185">
        <v>466</v>
      </c>
      <c r="V23" s="187">
        <v>466</v>
      </c>
      <c r="W23" s="188">
        <v>0</v>
      </c>
      <c r="X23" s="182">
        <v>0</v>
      </c>
      <c r="Y23" s="185">
        <v>0</v>
      </c>
      <c r="Z23" s="188">
        <v>0</v>
      </c>
      <c r="AA23" s="184">
        <v>0</v>
      </c>
      <c r="AB23" s="184">
        <v>1</v>
      </c>
      <c r="AC23" s="184">
        <v>2</v>
      </c>
      <c r="AD23" s="182">
        <v>1</v>
      </c>
      <c r="AE23" s="185">
        <v>4</v>
      </c>
      <c r="AF23" s="189">
        <v>4</v>
      </c>
      <c r="AG23" s="188">
        <v>0</v>
      </c>
      <c r="AH23" s="182">
        <v>0</v>
      </c>
      <c r="AI23" s="185">
        <v>0</v>
      </c>
      <c r="AJ23" s="188">
        <v>17</v>
      </c>
      <c r="AK23" s="184">
        <v>41</v>
      </c>
      <c r="AL23" s="184">
        <v>39</v>
      </c>
      <c r="AM23" s="184">
        <v>55</v>
      </c>
      <c r="AN23" s="182">
        <v>24</v>
      </c>
      <c r="AO23" s="185">
        <v>176</v>
      </c>
      <c r="AP23" s="189">
        <v>176</v>
      </c>
      <c r="AQ23" s="188">
        <v>0</v>
      </c>
      <c r="AR23" s="182">
        <v>0</v>
      </c>
      <c r="AS23" s="185">
        <v>0</v>
      </c>
      <c r="AT23" s="183">
        <v>16</v>
      </c>
      <c r="AU23" s="184">
        <v>41</v>
      </c>
      <c r="AV23" s="184">
        <v>39</v>
      </c>
      <c r="AW23" s="184">
        <v>54</v>
      </c>
      <c r="AX23" s="182">
        <v>24</v>
      </c>
      <c r="AY23" s="185">
        <v>174</v>
      </c>
      <c r="AZ23" s="186">
        <v>174</v>
      </c>
      <c r="BA23" s="181">
        <v>0</v>
      </c>
      <c r="BB23" s="182">
        <v>0</v>
      </c>
      <c r="BC23" s="182">
        <v>0</v>
      </c>
      <c r="BD23" s="183">
        <v>1</v>
      </c>
      <c r="BE23" s="184">
        <v>0</v>
      </c>
      <c r="BF23" s="184">
        <v>0</v>
      </c>
      <c r="BG23" s="184">
        <v>1</v>
      </c>
      <c r="BH23" s="182">
        <v>0</v>
      </c>
      <c r="BI23" s="185">
        <v>2</v>
      </c>
      <c r="BJ23" s="187">
        <v>2</v>
      </c>
      <c r="BK23" s="188">
        <v>0</v>
      </c>
      <c r="BL23" s="182">
        <v>0</v>
      </c>
      <c r="BM23" s="182">
        <v>0</v>
      </c>
      <c r="BN23" s="183">
        <v>0</v>
      </c>
      <c r="BO23" s="184">
        <v>0</v>
      </c>
      <c r="BP23" s="184">
        <v>0</v>
      </c>
      <c r="BQ23" s="184">
        <v>1</v>
      </c>
      <c r="BR23" s="182">
        <v>0</v>
      </c>
      <c r="BS23" s="185">
        <v>1</v>
      </c>
      <c r="BT23" s="186">
        <v>1</v>
      </c>
      <c r="BU23" s="181">
        <v>0</v>
      </c>
      <c r="BV23" s="182">
        <v>0</v>
      </c>
      <c r="BW23" s="182">
        <v>0</v>
      </c>
      <c r="BX23" s="183">
        <v>0</v>
      </c>
      <c r="BY23" s="184">
        <v>0</v>
      </c>
      <c r="BZ23" s="184">
        <v>0</v>
      </c>
      <c r="CA23" s="184">
        <v>1</v>
      </c>
      <c r="CB23" s="182">
        <v>0</v>
      </c>
      <c r="CC23" s="185">
        <v>1</v>
      </c>
      <c r="CD23" s="187">
        <v>1</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3</v>
      </c>
      <c r="CV23" s="182">
        <v>3</v>
      </c>
      <c r="CW23" s="185">
        <v>6</v>
      </c>
      <c r="CX23" s="186">
        <v>6</v>
      </c>
      <c r="CY23" s="181">
        <v>0</v>
      </c>
      <c r="CZ23" s="182">
        <v>0</v>
      </c>
      <c r="DA23" s="182">
        <v>0</v>
      </c>
      <c r="DB23" s="183">
        <v>0</v>
      </c>
      <c r="DC23" s="184">
        <v>0</v>
      </c>
      <c r="DD23" s="184">
        <v>0</v>
      </c>
      <c r="DE23" s="184">
        <v>3</v>
      </c>
      <c r="DF23" s="182">
        <v>3</v>
      </c>
      <c r="DG23" s="185">
        <v>6</v>
      </c>
      <c r="DH23" s="187">
        <v>6</v>
      </c>
      <c r="DI23" s="188">
        <v>0</v>
      </c>
      <c r="DJ23" s="182">
        <v>0</v>
      </c>
      <c r="DK23" s="182">
        <v>0</v>
      </c>
      <c r="DL23" s="183">
        <v>0</v>
      </c>
      <c r="DM23" s="184">
        <v>0</v>
      </c>
      <c r="DN23" s="184">
        <v>0</v>
      </c>
      <c r="DO23" s="184">
        <v>0</v>
      </c>
      <c r="DP23" s="182">
        <v>0</v>
      </c>
      <c r="DQ23" s="185">
        <v>0</v>
      </c>
      <c r="DR23" s="187">
        <v>0</v>
      </c>
      <c r="DS23" s="188">
        <v>0</v>
      </c>
      <c r="DT23" s="182">
        <v>0</v>
      </c>
      <c r="DU23" s="182">
        <v>0</v>
      </c>
      <c r="DV23" s="183">
        <v>21</v>
      </c>
      <c r="DW23" s="184">
        <v>69</v>
      </c>
      <c r="DX23" s="184">
        <v>169</v>
      </c>
      <c r="DY23" s="184">
        <v>267</v>
      </c>
      <c r="DZ23" s="182">
        <v>127</v>
      </c>
      <c r="EA23" s="185">
        <v>653</v>
      </c>
      <c r="EB23" s="187">
        <v>653</v>
      </c>
      <c r="EC23" s="32"/>
    </row>
    <row r="24" spans="2:133" ht="21" customHeight="1" x14ac:dyDescent="0.2">
      <c r="B24" s="472" t="s">
        <v>21</v>
      </c>
      <c r="C24" s="181">
        <v>0</v>
      </c>
      <c r="D24" s="182">
        <v>0</v>
      </c>
      <c r="E24" s="182">
        <v>0</v>
      </c>
      <c r="F24" s="183">
        <v>5</v>
      </c>
      <c r="G24" s="184">
        <v>16</v>
      </c>
      <c r="H24" s="184">
        <v>170</v>
      </c>
      <c r="I24" s="184">
        <v>197</v>
      </c>
      <c r="J24" s="182">
        <v>144</v>
      </c>
      <c r="K24" s="185">
        <v>532</v>
      </c>
      <c r="L24" s="186">
        <v>532</v>
      </c>
      <c r="M24" s="181">
        <v>0</v>
      </c>
      <c r="N24" s="182">
        <v>0</v>
      </c>
      <c r="O24" s="185">
        <v>0</v>
      </c>
      <c r="P24" s="183">
        <v>4</v>
      </c>
      <c r="Q24" s="184">
        <v>16</v>
      </c>
      <c r="R24" s="184">
        <v>169</v>
      </c>
      <c r="S24" s="184">
        <v>197</v>
      </c>
      <c r="T24" s="182">
        <v>142</v>
      </c>
      <c r="U24" s="185">
        <v>528</v>
      </c>
      <c r="V24" s="187">
        <v>528</v>
      </c>
      <c r="W24" s="188">
        <v>0</v>
      </c>
      <c r="X24" s="182">
        <v>0</v>
      </c>
      <c r="Y24" s="185">
        <v>0</v>
      </c>
      <c r="Z24" s="188">
        <v>1</v>
      </c>
      <c r="AA24" s="184">
        <v>0</v>
      </c>
      <c r="AB24" s="184">
        <v>1</v>
      </c>
      <c r="AC24" s="184">
        <v>0</v>
      </c>
      <c r="AD24" s="182">
        <v>2</v>
      </c>
      <c r="AE24" s="185">
        <v>4</v>
      </c>
      <c r="AF24" s="189">
        <v>4</v>
      </c>
      <c r="AG24" s="188">
        <v>0</v>
      </c>
      <c r="AH24" s="182">
        <v>0</v>
      </c>
      <c r="AI24" s="185">
        <v>0</v>
      </c>
      <c r="AJ24" s="188">
        <v>16</v>
      </c>
      <c r="AK24" s="184">
        <v>27</v>
      </c>
      <c r="AL24" s="184">
        <v>37</v>
      </c>
      <c r="AM24" s="184">
        <v>54</v>
      </c>
      <c r="AN24" s="182">
        <v>21</v>
      </c>
      <c r="AO24" s="185">
        <v>155</v>
      </c>
      <c r="AP24" s="189">
        <v>155</v>
      </c>
      <c r="AQ24" s="188">
        <v>0</v>
      </c>
      <c r="AR24" s="182">
        <v>0</v>
      </c>
      <c r="AS24" s="185">
        <v>0</v>
      </c>
      <c r="AT24" s="183">
        <v>16</v>
      </c>
      <c r="AU24" s="184">
        <v>27</v>
      </c>
      <c r="AV24" s="184">
        <v>36</v>
      </c>
      <c r="AW24" s="184">
        <v>49</v>
      </c>
      <c r="AX24" s="182">
        <v>20</v>
      </c>
      <c r="AY24" s="185">
        <v>148</v>
      </c>
      <c r="AZ24" s="186">
        <v>148</v>
      </c>
      <c r="BA24" s="181">
        <v>0</v>
      </c>
      <c r="BB24" s="182">
        <v>0</v>
      </c>
      <c r="BC24" s="182">
        <v>0</v>
      </c>
      <c r="BD24" s="183">
        <v>0</v>
      </c>
      <c r="BE24" s="184">
        <v>0</v>
      </c>
      <c r="BF24" s="184">
        <v>1</v>
      </c>
      <c r="BG24" s="184">
        <v>5</v>
      </c>
      <c r="BH24" s="182">
        <v>1</v>
      </c>
      <c r="BI24" s="185">
        <v>7</v>
      </c>
      <c r="BJ24" s="187">
        <v>7</v>
      </c>
      <c r="BK24" s="188">
        <v>0</v>
      </c>
      <c r="BL24" s="182">
        <v>0</v>
      </c>
      <c r="BM24" s="182">
        <v>0</v>
      </c>
      <c r="BN24" s="183">
        <v>0</v>
      </c>
      <c r="BO24" s="184">
        <v>0</v>
      </c>
      <c r="BP24" s="184">
        <v>1</v>
      </c>
      <c r="BQ24" s="184">
        <v>1</v>
      </c>
      <c r="BR24" s="182">
        <v>2</v>
      </c>
      <c r="BS24" s="185">
        <v>4</v>
      </c>
      <c r="BT24" s="186">
        <v>4</v>
      </c>
      <c r="BU24" s="181">
        <v>0</v>
      </c>
      <c r="BV24" s="182">
        <v>0</v>
      </c>
      <c r="BW24" s="182">
        <v>0</v>
      </c>
      <c r="BX24" s="183">
        <v>0</v>
      </c>
      <c r="BY24" s="184">
        <v>0</v>
      </c>
      <c r="BZ24" s="184">
        <v>1</v>
      </c>
      <c r="CA24" s="184">
        <v>1</v>
      </c>
      <c r="CB24" s="182">
        <v>2</v>
      </c>
      <c r="CC24" s="185">
        <v>4</v>
      </c>
      <c r="CD24" s="187">
        <v>4</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10</v>
      </c>
      <c r="CV24" s="182">
        <v>19</v>
      </c>
      <c r="CW24" s="185">
        <v>30</v>
      </c>
      <c r="CX24" s="186">
        <v>30</v>
      </c>
      <c r="CY24" s="181">
        <v>0</v>
      </c>
      <c r="CZ24" s="182">
        <v>0</v>
      </c>
      <c r="DA24" s="182">
        <v>0</v>
      </c>
      <c r="DB24" s="183">
        <v>0</v>
      </c>
      <c r="DC24" s="184">
        <v>0</v>
      </c>
      <c r="DD24" s="184">
        <v>1</v>
      </c>
      <c r="DE24" s="184">
        <v>10</v>
      </c>
      <c r="DF24" s="182">
        <v>18</v>
      </c>
      <c r="DG24" s="185">
        <v>29</v>
      </c>
      <c r="DH24" s="187">
        <v>29</v>
      </c>
      <c r="DI24" s="188">
        <v>0</v>
      </c>
      <c r="DJ24" s="182">
        <v>0</v>
      </c>
      <c r="DK24" s="182">
        <v>0</v>
      </c>
      <c r="DL24" s="183">
        <v>0</v>
      </c>
      <c r="DM24" s="184">
        <v>0</v>
      </c>
      <c r="DN24" s="184">
        <v>0</v>
      </c>
      <c r="DO24" s="184">
        <v>0</v>
      </c>
      <c r="DP24" s="182">
        <v>1</v>
      </c>
      <c r="DQ24" s="185">
        <v>1</v>
      </c>
      <c r="DR24" s="187">
        <v>1</v>
      </c>
      <c r="DS24" s="188">
        <v>0</v>
      </c>
      <c r="DT24" s="182">
        <v>0</v>
      </c>
      <c r="DU24" s="182">
        <v>0</v>
      </c>
      <c r="DV24" s="183">
        <v>21</v>
      </c>
      <c r="DW24" s="184">
        <v>43</v>
      </c>
      <c r="DX24" s="184">
        <v>209</v>
      </c>
      <c r="DY24" s="184">
        <v>262</v>
      </c>
      <c r="DZ24" s="182">
        <v>186</v>
      </c>
      <c r="EA24" s="185">
        <v>721</v>
      </c>
      <c r="EB24" s="187">
        <v>721</v>
      </c>
      <c r="EC24" s="32"/>
    </row>
    <row r="25" spans="2:133" ht="21" customHeight="1" x14ac:dyDescent="0.2">
      <c r="B25" s="472" t="s">
        <v>22</v>
      </c>
      <c r="C25" s="181">
        <v>0</v>
      </c>
      <c r="D25" s="182">
        <v>0</v>
      </c>
      <c r="E25" s="182">
        <v>0</v>
      </c>
      <c r="F25" s="183">
        <v>2</v>
      </c>
      <c r="G25" s="184">
        <v>3</v>
      </c>
      <c r="H25" s="184">
        <v>59</v>
      </c>
      <c r="I25" s="184">
        <v>60</v>
      </c>
      <c r="J25" s="182">
        <v>37</v>
      </c>
      <c r="K25" s="185">
        <v>161</v>
      </c>
      <c r="L25" s="186">
        <v>161</v>
      </c>
      <c r="M25" s="181">
        <v>0</v>
      </c>
      <c r="N25" s="182">
        <v>0</v>
      </c>
      <c r="O25" s="185">
        <v>0</v>
      </c>
      <c r="P25" s="183">
        <v>2</v>
      </c>
      <c r="Q25" s="184">
        <v>3</v>
      </c>
      <c r="R25" s="184">
        <v>59</v>
      </c>
      <c r="S25" s="184">
        <v>60</v>
      </c>
      <c r="T25" s="182">
        <v>36</v>
      </c>
      <c r="U25" s="185">
        <v>160</v>
      </c>
      <c r="V25" s="187">
        <v>160</v>
      </c>
      <c r="W25" s="188">
        <v>0</v>
      </c>
      <c r="X25" s="182">
        <v>0</v>
      </c>
      <c r="Y25" s="185">
        <v>0</v>
      </c>
      <c r="Z25" s="188">
        <v>0</v>
      </c>
      <c r="AA25" s="184">
        <v>0</v>
      </c>
      <c r="AB25" s="184">
        <v>0</v>
      </c>
      <c r="AC25" s="184">
        <v>0</v>
      </c>
      <c r="AD25" s="182">
        <v>1</v>
      </c>
      <c r="AE25" s="185">
        <v>1</v>
      </c>
      <c r="AF25" s="189">
        <v>1</v>
      </c>
      <c r="AG25" s="188">
        <v>0</v>
      </c>
      <c r="AH25" s="182">
        <v>0</v>
      </c>
      <c r="AI25" s="185">
        <v>0</v>
      </c>
      <c r="AJ25" s="188">
        <v>11</v>
      </c>
      <c r="AK25" s="184">
        <v>22</v>
      </c>
      <c r="AL25" s="184">
        <v>29</v>
      </c>
      <c r="AM25" s="184">
        <v>39</v>
      </c>
      <c r="AN25" s="182">
        <v>14</v>
      </c>
      <c r="AO25" s="185">
        <v>115</v>
      </c>
      <c r="AP25" s="189">
        <v>115</v>
      </c>
      <c r="AQ25" s="188">
        <v>0</v>
      </c>
      <c r="AR25" s="182">
        <v>0</v>
      </c>
      <c r="AS25" s="185">
        <v>0</v>
      </c>
      <c r="AT25" s="183">
        <v>11</v>
      </c>
      <c r="AU25" s="184">
        <v>22</v>
      </c>
      <c r="AV25" s="184">
        <v>29</v>
      </c>
      <c r="AW25" s="184">
        <v>38</v>
      </c>
      <c r="AX25" s="182">
        <v>14</v>
      </c>
      <c r="AY25" s="185">
        <v>114</v>
      </c>
      <c r="AZ25" s="186">
        <v>114</v>
      </c>
      <c r="BA25" s="181">
        <v>0</v>
      </c>
      <c r="BB25" s="182">
        <v>0</v>
      </c>
      <c r="BC25" s="182">
        <v>0</v>
      </c>
      <c r="BD25" s="183">
        <v>0</v>
      </c>
      <c r="BE25" s="184">
        <v>0</v>
      </c>
      <c r="BF25" s="184">
        <v>0</v>
      </c>
      <c r="BG25" s="184">
        <v>1</v>
      </c>
      <c r="BH25" s="182">
        <v>0</v>
      </c>
      <c r="BI25" s="185">
        <v>1</v>
      </c>
      <c r="BJ25" s="187">
        <v>1</v>
      </c>
      <c r="BK25" s="188">
        <v>0</v>
      </c>
      <c r="BL25" s="182">
        <v>0</v>
      </c>
      <c r="BM25" s="182">
        <v>0</v>
      </c>
      <c r="BN25" s="183">
        <v>0</v>
      </c>
      <c r="BO25" s="184">
        <v>0</v>
      </c>
      <c r="BP25" s="184">
        <v>0</v>
      </c>
      <c r="BQ25" s="184">
        <v>0</v>
      </c>
      <c r="BR25" s="182">
        <v>1</v>
      </c>
      <c r="BS25" s="185">
        <v>1</v>
      </c>
      <c r="BT25" s="186">
        <v>1</v>
      </c>
      <c r="BU25" s="181">
        <v>0</v>
      </c>
      <c r="BV25" s="182">
        <v>0</v>
      </c>
      <c r="BW25" s="182">
        <v>0</v>
      </c>
      <c r="BX25" s="183">
        <v>0</v>
      </c>
      <c r="BY25" s="184">
        <v>0</v>
      </c>
      <c r="BZ25" s="184">
        <v>0</v>
      </c>
      <c r="CA25" s="184">
        <v>0</v>
      </c>
      <c r="CB25" s="182">
        <v>1</v>
      </c>
      <c r="CC25" s="185">
        <v>1</v>
      </c>
      <c r="CD25" s="187">
        <v>1</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6</v>
      </c>
      <c r="CV25" s="182">
        <v>3</v>
      </c>
      <c r="CW25" s="185">
        <v>9</v>
      </c>
      <c r="CX25" s="186">
        <v>9</v>
      </c>
      <c r="CY25" s="181">
        <v>0</v>
      </c>
      <c r="CZ25" s="182">
        <v>0</v>
      </c>
      <c r="DA25" s="182">
        <v>0</v>
      </c>
      <c r="DB25" s="183">
        <v>0</v>
      </c>
      <c r="DC25" s="184">
        <v>0</v>
      </c>
      <c r="DD25" s="184">
        <v>0</v>
      </c>
      <c r="DE25" s="184">
        <v>5</v>
      </c>
      <c r="DF25" s="182">
        <v>2</v>
      </c>
      <c r="DG25" s="185">
        <v>7</v>
      </c>
      <c r="DH25" s="187">
        <v>7</v>
      </c>
      <c r="DI25" s="188">
        <v>0</v>
      </c>
      <c r="DJ25" s="182">
        <v>0</v>
      </c>
      <c r="DK25" s="182">
        <v>0</v>
      </c>
      <c r="DL25" s="183">
        <v>0</v>
      </c>
      <c r="DM25" s="184">
        <v>0</v>
      </c>
      <c r="DN25" s="184">
        <v>0</v>
      </c>
      <c r="DO25" s="184">
        <v>1</v>
      </c>
      <c r="DP25" s="182">
        <v>1</v>
      </c>
      <c r="DQ25" s="185">
        <v>2</v>
      </c>
      <c r="DR25" s="187">
        <v>2</v>
      </c>
      <c r="DS25" s="188">
        <v>0</v>
      </c>
      <c r="DT25" s="182">
        <v>0</v>
      </c>
      <c r="DU25" s="182">
        <v>0</v>
      </c>
      <c r="DV25" s="183">
        <v>13</v>
      </c>
      <c r="DW25" s="184">
        <v>25</v>
      </c>
      <c r="DX25" s="184">
        <v>88</v>
      </c>
      <c r="DY25" s="184">
        <v>105</v>
      </c>
      <c r="DZ25" s="182">
        <v>55</v>
      </c>
      <c r="EA25" s="185">
        <v>286</v>
      </c>
      <c r="EB25" s="187">
        <v>286</v>
      </c>
      <c r="EC25" s="32"/>
    </row>
    <row r="26" spans="2:133" ht="21" customHeight="1" x14ac:dyDescent="0.2">
      <c r="B26" s="472" t="s">
        <v>23</v>
      </c>
      <c r="C26" s="181">
        <v>0</v>
      </c>
      <c r="D26" s="182">
        <v>0</v>
      </c>
      <c r="E26" s="182">
        <v>0</v>
      </c>
      <c r="F26" s="183">
        <v>2</v>
      </c>
      <c r="G26" s="184">
        <v>8</v>
      </c>
      <c r="H26" s="184">
        <v>89</v>
      </c>
      <c r="I26" s="184">
        <v>131</v>
      </c>
      <c r="J26" s="182">
        <v>94</v>
      </c>
      <c r="K26" s="185">
        <v>324</v>
      </c>
      <c r="L26" s="186">
        <v>324</v>
      </c>
      <c r="M26" s="181">
        <v>0</v>
      </c>
      <c r="N26" s="182">
        <v>0</v>
      </c>
      <c r="O26" s="185">
        <v>0</v>
      </c>
      <c r="P26" s="183">
        <v>2</v>
      </c>
      <c r="Q26" s="184">
        <v>8</v>
      </c>
      <c r="R26" s="184">
        <v>89</v>
      </c>
      <c r="S26" s="184">
        <v>129</v>
      </c>
      <c r="T26" s="182">
        <v>94</v>
      </c>
      <c r="U26" s="185">
        <v>322</v>
      </c>
      <c r="V26" s="187">
        <v>322</v>
      </c>
      <c r="W26" s="188">
        <v>0</v>
      </c>
      <c r="X26" s="182">
        <v>0</v>
      </c>
      <c r="Y26" s="185">
        <v>0</v>
      </c>
      <c r="Z26" s="188">
        <v>0</v>
      </c>
      <c r="AA26" s="184">
        <v>0</v>
      </c>
      <c r="AB26" s="184">
        <v>0</v>
      </c>
      <c r="AC26" s="184">
        <v>2</v>
      </c>
      <c r="AD26" s="182">
        <v>0</v>
      </c>
      <c r="AE26" s="185">
        <v>2</v>
      </c>
      <c r="AF26" s="189">
        <v>2</v>
      </c>
      <c r="AG26" s="188">
        <v>0</v>
      </c>
      <c r="AH26" s="182">
        <v>0</v>
      </c>
      <c r="AI26" s="185">
        <v>0</v>
      </c>
      <c r="AJ26" s="188">
        <v>12</v>
      </c>
      <c r="AK26" s="184">
        <v>31</v>
      </c>
      <c r="AL26" s="184">
        <v>38</v>
      </c>
      <c r="AM26" s="184">
        <v>61</v>
      </c>
      <c r="AN26" s="182">
        <v>37</v>
      </c>
      <c r="AO26" s="185">
        <v>179</v>
      </c>
      <c r="AP26" s="189">
        <v>179</v>
      </c>
      <c r="AQ26" s="188">
        <v>0</v>
      </c>
      <c r="AR26" s="182">
        <v>0</v>
      </c>
      <c r="AS26" s="185">
        <v>0</v>
      </c>
      <c r="AT26" s="183">
        <v>12</v>
      </c>
      <c r="AU26" s="184">
        <v>31</v>
      </c>
      <c r="AV26" s="184">
        <v>38</v>
      </c>
      <c r="AW26" s="184">
        <v>60</v>
      </c>
      <c r="AX26" s="182">
        <v>35</v>
      </c>
      <c r="AY26" s="185">
        <v>176</v>
      </c>
      <c r="AZ26" s="186">
        <v>176</v>
      </c>
      <c r="BA26" s="181">
        <v>0</v>
      </c>
      <c r="BB26" s="182">
        <v>0</v>
      </c>
      <c r="BC26" s="182">
        <v>0</v>
      </c>
      <c r="BD26" s="183">
        <v>0</v>
      </c>
      <c r="BE26" s="184">
        <v>0</v>
      </c>
      <c r="BF26" s="184">
        <v>0</v>
      </c>
      <c r="BG26" s="184">
        <v>1</v>
      </c>
      <c r="BH26" s="182">
        <v>2</v>
      </c>
      <c r="BI26" s="185">
        <v>3</v>
      </c>
      <c r="BJ26" s="187">
        <v>3</v>
      </c>
      <c r="BK26" s="188">
        <v>0</v>
      </c>
      <c r="BL26" s="182">
        <v>0</v>
      </c>
      <c r="BM26" s="182">
        <v>0</v>
      </c>
      <c r="BN26" s="183">
        <v>0</v>
      </c>
      <c r="BO26" s="184">
        <v>0</v>
      </c>
      <c r="BP26" s="184">
        <v>0</v>
      </c>
      <c r="BQ26" s="184">
        <v>2</v>
      </c>
      <c r="BR26" s="182">
        <v>2</v>
      </c>
      <c r="BS26" s="185">
        <v>4</v>
      </c>
      <c r="BT26" s="186">
        <v>4</v>
      </c>
      <c r="BU26" s="181">
        <v>0</v>
      </c>
      <c r="BV26" s="182">
        <v>0</v>
      </c>
      <c r="BW26" s="182">
        <v>0</v>
      </c>
      <c r="BX26" s="183">
        <v>0</v>
      </c>
      <c r="BY26" s="184">
        <v>0</v>
      </c>
      <c r="BZ26" s="184">
        <v>0</v>
      </c>
      <c r="CA26" s="184">
        <v>2</v>
      </c>
      <c r="CB26" s="182">
        <v>2</v>
      </c>
      <c r="CC26" s="185">
        <v>4</v>
      </c>
      <c r="CD26" s="187">
        <v>4</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9</v>
      </c>
      <c r="CW26" s="185">
        <v>12</v>
      </c>
      <c r="CX26" s="186">
        <v>12</v>
      </c>
      <c r="CY26" s="181">
        <v>0</v>
      </c>
      <c r="CZ26" s="182">
        <v>0</v>
      </c>
      <c r="DA26" s="182">
        <v>0</v>
      </c>
      <c r="DB26" s="183">
        <v>0</v>
      </c>
      <c r="DC26" s="184">
        <v>0</v>
      </c>
      <c r="DD26" s="184">
        <v>0</v>
      </c>
      <c r="DE26" s="184">
        <v>3</v>
      </c>
      <c r="DF26" s="182">
        <v>9</v>
      </c>
      <c r="DG26" s="185">
        <v>12</v>
      </c>
      <c r="DH26" s="187">
        <v>12</v>
      </c>
      <c r="DI26" s="188">
        <v>0</v>
      </c>
      <c r="DJ26" s="182">
        <v>0</v>
      </c>
      <c r="DK26" s="182">
        <v>0</v>
      </c>
      <c r="DL26" s="183">
        <v>0</v>
      </c>
      <c r="DM26" s="184">
        <v>0</v>
      </c>
      <c r="DN26" s="184">
        <v>0</v>
      </c>
      <c r="DO26" s="184">
        <v>0</v>
      </c>
      <c r="DP26" s="182">
        <v>0</v>
      </c>
      <c r="DQ26" s="185">
        <v>0</v>
      </c>
      <c r="DR26" s="187">
        <v>0</v>
      </c>
      <c r="DS26" s="188">
        <v>0</v>
      </c>
      <c r="DT26" s="182">
        <v>0</v>
      </c>
      <c r="DU26" s="182">
        <v>0</v>
      </c>
      <c r="DV26" s="183">
        <v>14</v>
      </c>
      <c r="DW26" s="184">
        <v>39</v>
      </c>
      <c r="DX26" s="184">
        <v>127</v>
      </c>
      <c r="DY26" s="184">
        <v>195</v>
      </c>
      <c r="DZ26" s="182">
        <v>141</v>
      </c>
      <c r="EA26" s="185">
        <v>516</v>
      </c>
      <c r="EB26" s="187">
        <v>516</v>
      </c>
      <c r="EC26" s="32"/>
    </row>
    <row r="27" spans="2:133" ht="21" customHeight="1" x14ac:dyDescent="0.2">
      <c r="B27" s="472" t="s">
        <v>24</v>
      </c>
      <c r="C27" s="181">
        <v>0</v>
      </c>
      <c r="D27" s="182">
        <v>0</v>
      </c>
      <c r="E27" s="182">
        <v>0</v>
      </c>
      <c r="F27" s="183">
        <v>0</v>
      </c>
      <c r="G27" s="184">
        <v>0</v>
      </c>
      <c r="H27" s="184">
        <v>29</v>
      </c>
      <c r="I27" s="184">
        <v>79</v>
      </c>
      <c r="J27" s="182">
        <v>61</v>
      </c>
      <c r="K27" s="185">
        <v>169</v>
      </c>
      <c r="L27" s="186">
        <v>169</v>
      </c>
      <c r="M27" s="181">
        <v>0</v>
      </c>
      <c r="N27" s="182">
        <v>0</v>
      </c>
      <c r="O27" s="185">
        <v>0</v>
      </c>
      <c r="P27" s="183">
        <v>0</v>
      </c>
      <c r="Q27" s="184">
        <v>0</v>
      </c>
      <c r="R27" s="184">
        <v>29</v>
      </c>
      <c r="S27" s="184">
        <v>79</v>
      </c>
      <c r="T27" s="182">
        <v>61</v>
      </c>
      <c r="U27" s="185">
        <v>169</v>
      </c>
      <c r="V27" s="187">
        <v>169</v>
      </c>
      <c r="W27" s="188">
        <v>0</v>
      </c>
      <c r="X27" s="182">
        <v>0</v>
      </c>
      <c r="Y27" s="185">
        <v>0</v>
      </c>
      <c r="Z27" s="188">
        <v>0</v>
      </c>
      <c r="AA27" s="184">
        <v>0</v>
      </c>
      <c r="AB27" s="184">
        <v>0</v>
      </c>
      <c r="AC27" s="184">
        <v>0</v>
      </c>
      <c r="AD27" s="182">
        <v>0</v>
      </c>
      <c r="AE27" s="185">
        <v>0</v>
      </c>
      <c r="AF27" s="189">
        <v>0</v>
      </c>
      <c r="AG27" s="188">
        <v>0</v>
      </c>
      <c r="AH27" s="182">
        <v>0</v>
      </c>
      <c r="AI27" s="185">
        <v>0</v>
      </c>
      <c r="AJ27" s="188">
        <v>11</v>
      </c>
      <c r="AK27" s="184">
        <v>8</v>
      </c>
      <c r="AL27" s="184">
        <v>28</v>
      </c>
      <c r="AM27" s="184">
        <v>32</v>
      </c>
      <c r="AN27" s="182">
        <v>16</v>
      </c>
      <c r="AO27" s="185">
        <v>95</v>
      </c>
      <c r="AP27" s="189">
        <v>95</v>
      </c>
      <c r="AQ27" s="188">
        <v>0</v>
      </c>
      <c r="AR27" s="182">
        <v>0</v>
      </c>
      <c r="AS27" s="185">
        <v>0</v>
      </c>
      <c r="AT27" s="183">
        <v>11</v>
      </c>
      <c r="AU27" s="184">
        <v>8</v>
      </c>
      <c r="AV27" s="184">
        <v>28</v>
      </c>
      <c r="AW27" s="184">
        <v>30</v>
      </c>
      <c r="AX27" s="182">
        <v>16</v>
      </c>
      <c r="AY27" s="185">
        <v>93</v>
      </c>
      <c r="AZ27" s="186">
        <v>93</v>
      </c>
      <c r="BA27" s="181">
        <v>0</v>
      </c>
      <c r="BB27" s="182">
        <v>0</v>
      </c>
      <c r="BC27" s="182">
        <v>0</v>
      </c>
      <c r="BD27" s="183">
        <v>0</v>
      </c>
      <c r="BE27" s="184">
        <v>0</v>
      </c>
      <c r="BF27" s="184">
        <v>0</v>
      </c>
      <c r="BG27" s="184">
        <v>2</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11</v>
      </c>
      <c r="DW27" s="184">
        <v>8</v>
      </c>
      <c r="DX27" s="184">
        <v>57</v>
      </c>
      <c r="DY27" s="184">
        <v>109</v>
      </c>
      <c r="DZ27" s="182">
        <v>77</v>
      </c>
      <c r="EA27" s="185">
        <v>262</v>
      </c>
      <c r="EB27" s="187">
        <v>262</v>
      </c>
      <c r="EC27" s="32"/>
    </row>
    <row r="28" spans="2:133" ht="21" customHeight="1" x14ac:dyDescent="0.2">
      <c r="B28" s="472" t="s">
        <v>25</v>
      </c>
      <c r="C28" s="181">
        <v>0</v>
      </c>
      <c r="D28" s="182">
        <v>0</v>
      </c>
      <c r="E28" s="182">
        <v>0</v>
      </c>
      <c r="F28" s="183">
        <v>1</v>
      </c>
      <c r="G28" s="184">
        <v>6</v>
      </c>
      <c r="H28" s="184">
        <v>62</v>
      </c>
      <c r="I28" s="184">
        <v>74</v>
      </c>
      <c r="J28" s="182">
        <v>55</v>
      </c>
      <c r="K28" s="185">
        <v>198</v>
      </c>
      <c r="L28" s="186">
        <v>198</v>
      </c>
      <c r="M28" s="181">
        <v>0</v>
      </c>
      <c r="N28" s="182">
        <v>0</v>
      </c>
      <c r="O28" s="185">
        <v>0</v>
      </c>
      <c r="P28" s="183">
        <v>1</v>
      </c>
      <c r="Q28" s="184">
        <v>6</v>
      </c>
      <c r="R28" s="184">
        <v>62</v>
      </c>
      <c r="S28" s="184">
        <v>73</v>
      </c>
      <c r="T28" s="182">
        <v>50</v>
      </c>
      <c r="U28" s="185">
        <v>192</v>
      </c>
      <c r="V28" s="187">
        <v>192</v>
      </c>
      <c r="W28" s="188">
        <v>0</v>
      </c>
      <c r="X28" s="182">
        <v>0</v>
      </c>
      <c r="Y28" s="185">
        <v>0</v>
      </c>
      <c r="Z28" s="188">
        <v>0</v>
      </c>
      <c r="AA28" s="184">
        <v>0</v>
      </c>
      <c r="AB28" s="184">
        <v>0</v>
      </c>
      <c r="AC28" s="184">
        <v>1</v>
      </c>
      <c r="AD28" s="182">
        <v>5</v>
      </c>
      <c r="AE28" s="185">
        <v>6</v>
      </c>
      <c r="AF28" s="189">
        <v>6</v>
      </c>
      <c r="AG28" s="188">
        <v>0</v>
      </c>
      <c r="AH28" s="182">
        <v>0</v>
      </c>
      <c r="AI28" s="185">
        <v>0</v>
      </c>
      <c r="AJ28" s="188">
        <v>11</v>
      </c>
      <c r="AK28" s="184">
        <v>14</v>
      </c>
      <c r="AL28" s="184">
        <v>19</v>
      </c>
      <c r="AM28" s="184">
        <v>52</v>
      </c>
      <c r="AN28" s="182">
        <v>18</v>
      </c>
      <c r="AO28" s="185">
        <v>114</v>
      </c>
      <c r="AP28" s="189">
        <v>114</v>
      </c>
      <c r="AQ28" s="188">
        <v>0</v>
      </c>
      <c r="AR28" s="182">
        <v>0</v>
      </c>
      <c r="AS28" s="185">
        <v>0</v>
      </c>
      <c r="AT28" s="183">
        <v>11</v>
      </c>
      <c r="AU28" s="184">
        <v>14</v>
      </c>
      <c r="AV28" s="184">
        <v>19</v>
      </c>
      <c r="AW28" s="184">
        <v>51</v>
      </c>
      <c r="AX28" s="182">
        <v>18</v>
      </c>
      <c r="AY28" s="185">
        <v>113</v>
      </c>
      <c r="AZ28" s="186">
        <v>113</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1</v>
      </c>
      <c r="CU28" s="184">
        <v>2</v>
      </c>
      <c r="CV28" s="182">
        <v>2</v>
      </c>
      <c r="CW28" s="185">
        <v>5</v>
      </c>
      <c r="CX28" s="186">
        <v>5</v>
      </c>
      <c r="CY28" s="181">
        <v>0</v>
      </c>
      <c r="CZ28" s="182">
        <v>0</v>
      </c>
      <c r="DA28" s="182">
        <v>0</v>
      </c>
      <c r="DB28" s="183">
        <v>0</v>
      </c>
      <c r="DC28" s="184">
        <v>0</v>
      </c>
      <c r="DD28" s="184">
        <v>1</v>
      </c>
      <c r="DE28" s="184">
        <v>2</v>
      </c>
      <c r="DF28" s="182">
        <v>2</v>
      </c>
      <c r="DG28" s="185">
        <v>5</v>
      </c>
      <c r="DH28" s="187">
        <v>5</v>
      </c>
      <c r="DI28" s="188">
        <v>0</v>
      </c>
      <c r="DJ28" s="182">
        <v>0</v>
      </c>
      <c r="DK28" s="182">
        <v>0</v>
      </c>
      <c r="DL28" s="183">
        <v>0</v>
      </c>
      <c r="DM28" s="184">
        <v>0</v>
      </c>
      <c r="DN28" s="184">
        <v>0</v>
      </c>
      <c r="DO28" s="184">
        <v>0</v>
      </c>
      <c r="DP28" s="182">
        <v>0</v>
      </c>
      <c r="DQ28" s="185">
        <v>0</v>
      </c>
      <c r="DR28" s="187">
        <v>0</v>
      </c>
      <c r="DS28" s="188">
        <v>0</v>
      </c>
      <c r="DT28" s="182">
        <v>0</v>
      </c>
      <c r="DU28" s="182">
        <v>0</v>
      </c>
      <c r="DV28" s="183">
        <v>12</v>
      </c>
      <c r="DW28" s="184">
        <v>20</v>
      </c>
      <c r="DX28" s="184">
        <v>82</v>
      </c>
      <c r="DY28" s="184">
        <v>128</v>
      </c>
      <c r="DZ28" s="182">
        <v>75</v>
      </c>
      <c r="EA28" s="185">
        <v>317</v>
      </c>
      <c r="EB28" s="187">
        <v>317</v>
      </c>
      <c r="EC28" s="32"/>
    </row>
    <row r="29" spans="2:133" ht="21" customHeight="1" x14ac:dyDescent="0.2">
      <c r="B29" s="472" t="s">
        <v>26</v>
      </c>
      <c r="C29" s="181">
        <v>0</v>
      </c>
      <c r="D29" s="182">
        <v>0</v>
      </c>
      <c r="E29" s="182">
        <v>0</v>
      </c>
      <c r="F29" s="183">
        <v>1</v>
      </c>
      <c r="G29" s="184">
        <v>11</v>
      </c>
      <c r="H29" s="184">
        <v>39</v>
      </c>
      <c r="I29" s="184">
        <v>75</v>
      </c>
      <c r="J29" s="182">
        <v>51</v>
      </c>
      <c r="K29" s="185">
        <v>177</v>
      </c>
      <c r="L29" s="186">
        <v>177</v>
      </c>
      <c r="M29" s="181">
        <v>0</v>
      </c>
      <c r="N29" s="182">
        <v>0</v>
      </c>
      <c r="O29" s="185">
        <v>0</v>
      </c>
      <c r="P29" s="183">
        <v>1</v>
      </c>
      <c r="Q29" s="184">
        <v>11</v>
      </c>
      <c r="R29" s="184">
        <v>38</v>
      </c>
      <c r="S29" s="184">
        <v>74</v>
      </c>
      <c r="T29" s="182">
        <v>50</v>
      </c>
      <c r="U29" s="185">
        <v>174</v>
      </c>
      <c r="V29" s="187">
        <v>174</v>
      </c>
      <c r="W29" s="188">
        <v>0</v>
      </c>
      <c r="X29" s="182">
        <v>0</v>
      </c>
      <c r="Y29" s="185">
        <v>0</v>
      </c>
      <c r="Z29" s="188">
        <v>0</v>
      </c>
      <c r="AA29" s="184">
        <v>0</v>
      </c>
      <c r="AB29" s="184">
        <v>1</v>
      </c>
      <c r="AC29" s="184">
        <v>1</v>
      </c>
      <c r="AD29" s="182">
        <v>1</v>
      </c>
      <c r="AE29" s="185">
        <v>3</v>
      </c>
      <c r="AF29" s="189">
        <v>3</v>
      </c>
      <c r="AG29" s="188">
        <v>0</v>
      </c>
      <c r="AH29" s="182">
        <v>0</v>
      </c>
      <c r="AI29" s="185">
        <v>0</v>
      </c>
      <c r="AJ29" s="188">
        <v>8</v>
      </c>
      <c r="AK29" s="184">
        <v>25</v>
      </c>
      <c r="AL29" s="184">
        <v>20</v>
      </c>
      <c r="AM29" s="184">
        <v>17</v>
      </c>
      <c r="AN29" s="182">
        <v>14</v>
      </c>
      <c r="AO29" s="185">
        <v>84</v>
      </c>
      <c r="AP29" s="189">
        <v>84</v>
      </c>
      <c r="AQ29" s="188">
        <v>0</v>
      </c>
      <c r="AR29" s="182">
        <v>0</v>
      </c>
      <c r="AS29" s="185">
        <v>0</v>
      </c>
      <c r="AT29" s="183">
        <v>8</v>
      </c>
      <c r="AU29" s="184">
        <v>25</v>
      </c>
      <c r="AV29" s="184">
        <v>20</v>
      </c>
      <c r="AW29" s="184">
        <v>16</v>
      </c>
      <c r="AX29" s="182">
        <v>14</v>
      </c>
      <c r="AY29" s="185">
        <v>83</v>
      </c>
      <c r="AZ29" s="186">
        <v>83</v>
      </c>
      <c r="BA29" s="181">
        <v>0</v>
      </c>
      <c r="BB29" s="182">
        <v>0</v>
      </c>
      <c r="BC29" s="182">
        <v>0</v>
      </c>
      <c r="BD29" s="183">
        <v>0</v>
      </c>
      <c r="BE29" s="184">
        <v>0</v>
      </c>
      <c r="BF29" s="184">
        <v>0</v>
      </c>
      <c r="BG29" s="184">
        <v>1</v>
      </c>
      <c r="BH29" s="182">
        <v>0</v>
      </c>
      <c r="BI29" s="185">
        <v>1</v>
      </c>
      <c r="BJ29" s="187">
        <v>1</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0</v>
      </c>
      <c r="CV29" s="182">
        <v>2</v>
      </c>
      <c r="CW29" s="185">
        <v>3</v>
      </c>
      <c r="CX29" s="186">
        <v>3</v>
      </c>
      <c r="CY29" s="181">
        <v>0</v>
      </c>
      <c r="CZ29" s="182">
        <v>0</v>
      </c>
      <c r="DA29" s="182">
        <v>0</v>
      </c>
      <c r="DB29" s="183">
        <v>0</v>
      </c>
      <c r="DC29" s="184">
        <v>0</v>
      </c>
      <c r="DD29" s="184">
        <v>1</v>
      </c>
      <c r="DE29" s="184">
        <v>0</v>
      </c>
      <c r="DF29" s="182">
        <v>2</v>
      </c>
      <c r="DG29" s="185">
        <v>3</v>
      </c>
      <c r="DH29" s="187">
        <v>3</v>
      </c>
      <c r="DI29" s="188">
        <v>0</v>
      </c>
      <c r="DJ29" s="182">
        <v>0</v>
      </c>
      <c r="DK29" s="182">
        <v>0</v>
      </c>
      <c r="DL29" s="183">
        <v>0</v>
      </c>
      <c r="DM29" s="184">
        <v>0</v>
      </c>
      <c r="DN29" s="184">
        <v>0</v>
      </c>
      <c r="DO29" s="184">
        <v>0</v>
      </c>
      <c r="DP29" s="182">
        <v>0</v>
      </c>
      <c r="DQ29" s="185">
        <v>0</v>
      </c>
      <c r="DR29" s="187">
        <v>0</v>
      </c>
      <c r="DS29" s="188">
        <v>0</v>
      </c>
      <c r="DT29" s="182">
        <v>0</v>
      </c>
      <c r="DU29" s="182">
        <v>0</v>
      </c>
      <c r="DV29" s="183">
        <v>9</v>
      </c>
      <c r="DW29" s="184">
        <v>36</v>
      </c>
      <c r="DX29" s="184">
        <v>60</v>
      </c>
      <c r="DY29" s="184">
        <v>92</v>
      </c>
      <c r="DZ29" s="182">
        <v>67</v>
      </c>
      <c r="EA29" s="185">
        <v>264</v>
      </c>
      <c r="EB29" s="187">
        <v>264</v>
      </c>
      <c r="EC29" s="32"/>
    </row>
    <row r="30" spans="2:133" ht="21" customHeight="1" x14ac:dyDescent="0.2">
      <c r="B30" s="472" t="s">
        <v>27</v>
      </c>
      <c r="C30" s="181">
        <v>0</v>
      </c>
      <c r="D30" s="182">
        <v>0</v>
      </c>
      <c r="E30" s="182">
        <v>0</v>
      </c>
      <c r="F30" s="183">
        <v>3</v>
      </c>
      <c r="G30" s="184">
        <v>2</v>
      </c>
      <c r="H30" s="184">
        <v>32</v>
      </c>
      <c r="I30" s="184">
        <v>67</v>
      </c>
      <c r="J30" s="182">
        <v>38</v>
      </c>
      <c r="K30" s="185">
        <v>142</v>
      </c>
      <c r="L30" s="186">
        <v>142</v>
      </c>
      <c r="M30" s="181">
        <v>0</v>
      </c>
      <c r="N30" s="182">
        <v>0</v>
      </c>
      <c r="O30" s="185">
        <v>0</v>
      </c>
      <c r="P30" s="183">
        <v>3</v>
      </c>
      <c r="Q30" s="184">
        <v>2</v>
      </c>
      <c r="R30" s="184">
        <v>30</v>
      </c>
      <c r="S30" s="184">
        <v>67</v>
      </c>
      <c r="T30" s="182">
        <v>38</v>
      </c>
      <c r="U30" s="185">
        <v>140</v>
      </c>
      <c r="V30" s="187">
        <v>140</v>
      </c>
      <c r="W30" s="188">
        <v>0</v>
      </c>
      <c r="X30" s="182">
        <v>0</v>
      </c>
      <c r="Y30" s="185">
        <v>0</v>
      </c>
      <c r="Z30" s="188">
        <v>0</v>
      </c>
      <c r="AA30" s="184">
        <v>0</v>
      </c>
      <c r="AB30" s="184">
        <v>2</v>
      </c>
      <c r="AC30" s="184">
        <v>0</v>
      </c>
      <c r="AD30" s="182">
        <v>0</v>
      </c>
      <c r="AE30" s="185">
        <v>2</v>
      </c>
      <c r="AF30" s="189">
        <v>2</v>
      </c>
      <c r="AG30" s="188">
        <v>0</v>
      </c>
      <c r="AH30" s="182">
        <v>0</v>
      </c>
      <c r="AI30" s="185">
        <v>0</v>
      </c>
      <c r="AJ30" s="188">
        <v>9</v>
      </c>
      <c r="AK30" s="184">
        <v>18</v>
      </c>
      <c r="AL30" s="184">
        <v>18</v>
      </c>
      <c r="AM30" s="184">
        <v>18</v>
      </c>
      <c r="AN30" s="182">
        <v>14</v>
      </c>
      <c r="AO30" s="185">
        <v>77</v>
      </c>
      <c r="AP30" s="189">
        <v>77</v>
      </c>
      <c r="AQ30" s="188">
        <v>0</v>
      </c>
      <c r="AR30" s="182">
        <v>0</v>
      </c>
      <c r="AS30" s="185">
        <v>0</v>
      </c>
      <c r="AT30" s="183">
        <v>9</v>
      </c>
      <c r="AU30" s="184">
        <v>16</v>
      </c>
      <c r="AV30" s="184">
        <v>16</v>
      </c>
      <c r="AW30" s="184">
        <v>17</v>
      </c>
      <c r="AX30" s="182">
        <v>14</v>
      </c>
      <c r="AY30" s="185">
        <v>72</v>
      </c>
      <c r="AZ30" s="186">
        <v>72</v>
      </c>
      <c r="BA30" s="181">
        <v>0</v>
      </c>
      <c r="BB30" s="182">
        <v>0</v>
      </c>
      <c r="BC30" s="182">
        <v>0</v>
      </c>
      <c r="BD30" s="183">
        <v>0</v>
      </c>
      <c r="BE30" s="184">
        <v>2</v>
      </c>
      <c r="BF30" s="184">
        <v>2</v>
      </c>
      <c r="BG30" s="184">
        <v>1</v>
      </c>
      <c r="BH30" s="182">
        <v>0</v>
      </c>
      <c r="BI30" s="185">
        <v>5</v>
      </c>
      <c r="BJ30" s="187">
        <v>5</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3</v>
      </c>
      <c r="CV30" s="182">
        <v>2</v>
      </c>
      <c r="CW30" s="185">
        <v>5</v>
      </c>
      <c r="CX30" s="186">
        <v>5</v>
      </c>
      <c r="CY30" s="181">
        <v>0</v>
      </c>
      <c r="CZ30" s="182">
        <v>0</v>
      </c>
      <c r="DA30" s="182">
        <v>0</v>
      </c>
      <c r="DB30" s="183">
        <v>0</v>
      </c>
      <c r="DC30" s="184">
        <v>0</v>
      </c>
      <c r="DD30" s="184">
        <v>0</v>
      </c>
      <c r="DE30" s="184">
        <v>3</v>
      </c>
      <c r="DF30" s="182">
        <v>0</v>
      </c>
      <c r="DG30" s="185">
        <v>3</v>
      </c>
      <c r="DH30" s="187">
        <v>3</v>
      </c>
      <c r="DI30" s="188">
        <v>0</v>
      </c>
      <c r="DJ30" s="182">
        <v>0</v>
      </c>
      <c r="DK30" s="182">
        <v>0</v>
      </c>
      <c r="DL30" s="183">
        <v>0</v>
      </c>
      <c r="DM30" s="184">
        <v>0</v>
      </c>
      <c r="DN30" s="184">
        <v>0</v>
      </c>
      <c r="DO30" s="184">
        <v>0</v>
      </c>
      <c r="DP30" s="182">
        <v>2</v>
      </c>
      <c r="DQ30" s="185">
        <v>2</v>
      </c>
      <c r="DR30" s="187">
        <v>2</v>
      </c>
      <c r="DS30" s="188">
        <v>0</v>
      </c>
      <c r="DT30" s="182">
        <v>0</v>
      </c>
      <c r="DU30" s="182">
        <v>0</v>
      </c>
      <c r="DV30" s="183">
        <v>12</v>
      </c>
      <c r="DW30" s="184">
        <v>20</v>
      </c>
      <c r="DX30" s="184">
        <v>50</v>
      </c>
      <c r="DY30" s="184">
        <v>88</v>
      </c>
      <c r="DZ30" s="182">
        <v>54</v>
      </c>
      <c r="EA30" s="185">
        <v>224</v>
      </c>
      <c r="EB30" s="187">
        <v>224</v>
      </c>
      <c r="EC30" s="32"/>
    </row>
    <row r="31" spans="2:133" ht="21" customHeight="1" x14ac:dyDescent="0.2">
      <c r="B31" s="472" t="s">
        <v>28</v>
      </c>
      <c r="C31" s="181">
        <v>0</v>
      </c>
      <c r="D31" s="182">
        <v>0</v>
      </c>
      <c r="E31" s="182">
        <v>0</v>
      </c>
      <c r="F31" s="183">
        <v>0</v>
      </c>
      <c r="G31" s="184">
        <v>2</v>
      </c>
      <c r="H31" s="184">
        <v>16</v>
      </c>
      <c r="I31" s="184">
        <v>15</v>
      </c>
      <c r="J31" s="182">
        <v>15</v>
      </c>
      <c r="K31" s="185">
        <v>48</v>
      </c>
      <c r="L31" s="186">
        <v>48</v>
      </c>
      <c r="M31" s="181">
        <v>0</v>
      </c>
      <c r="N31" s="182">
        <v>0</v>
      </c>
      <c r="O31" s="185">
        <v>0</v>
      </c>
      <c r="P31" s="183">
        <v>0</v>
      </c>
      <c r="Q31" s="184">
        <v>2</v>
      </c>
      <c r="R31" s="184">
        <v>16</v>
      </c>
      <c r="S31" s="184">
        <v>15</v>
      </c>
      <c r="T31" s="182">
        <v>14</v>
      </c>
      <c r="U31" s="185">
        <v>47</v>
      </c>
      <c r="V31" s="187">
        <v>47</v>
      </c>
      <c r="W31" s="188">
        <v>0</v>
      </c>
      <c r="X31" s="182">
        <v>0</v>
      </c>
      <c r="Y31" s="185">
        <v>0</v>
      </c>
      <c r="Z31" s="188">
        <v>0</v>
      </c>
      <c r="AA31" s="184">
        <v>0</v>
      </c>
      <c r="AB31" s="184">
        <v>0</v>
      </c>
      <c r="AC31" s="184">
        <v>0</v>
      </c>
      <c r="AD31" s="182">
        <v>1</v>
      </c>
      <c r="AE31" s="185">
        <v>1</v>
      </c>
      <c r="AF31" s="189">
        <v>1</v>
      </c>
      <c r="AG31" s="188">
        <v>0</v>
      </c>
      <c r="AH31" s="182">
        <v>0</v>
      </c>
      <c r="AI31" s="185">
        <v>0</v>
      </c>
      <c r="AJ31" s="188">
        <v>3</v>
      </c>
      <c r="AK31" s="184">
        <v>9</v>
      </c>
      <c r="AL31" s="184">
        <v>7</v>
      </c>
      <c r="AM31" s="184">
        <v>8</v>
      </c>
      <c r="AN31" s="182">
        <v>6</v>
      </c>
      <c r="AO31" s="185">
        <v>33</v>
      </c>
      <c r="AP31" s="189">
        <v>33</v>
      </c>
      <c r="AQ31" s="188">
        <v>0</v>
      </c>
      <c r="AR31" s="182">
        <v>0</v>
      </c>
      <c r="AS31" s="185">
        <v>0</v>
      </c>
      <c r="AT31" s="183">
        <v>3</v>
      </c>
      <c r="AU31" s="184">
        <v>9</v>
      </c>
      <c r="AV31" s="184">
        <v>7</v>
      </c>
      <c r="AW31" s="184">
        <v>8</v>
      </c>
      <c r="AX31" s="182">
        <v>6</v>
      </c>
      <c r="AY31" s="185">
        <v>33</v>
      </c>
      <c r="AZ31" s="186">
        <v>33</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3</v>
      </c>
      <c r="DW31" s="184">
        <v>11</v>
      </c>
      <c r="DX31" s="184">
        <v>23</v>
      </c>
      <c r="DY31" s="184">
        <v>23</v>
      </c>
      <c r="DZ31" s="182">
        <v>21</v>
      </c>
      <c r="EA31" s="185">
        <v>81</v>
      </c>
      <c r="EB31" s="187">
        <v>81</v>
      </c>
      <c r="EC31" s="32"/>
    </row>
    <row r="32" spans="2:133" ht="21" customHeight="1" x14ac:dyDescent="0.2">
      <c r="B32" s="472" t="s">
        <v>29</v>
      </c>
      <c r="C32" s="181">
        <v>0</v>
      </c>
      <c r="D32" s="182">
        <v>0</v>
      </c>
      <c r="E32" s="182">
        <v>0</v>
      </c>
      <c r="F32" s="183">
        <v>0</v>
      </c>
      <c r="G32" s="184">
        <v>2</v>
      </c>
      <c r="H32" s="184">
        <v>12</v>
      </c>
      <c r="I32" s="184">
        <v>30</v>
      </c>
      <c r="J32" s="182">
        <v>19</v>
      </c>
      <c r="K32" s="185">
        <v>63</v>
      </c>
      <c r="L32" s="186">
        <v>63</v>
      </c>
      <c r="M32" s="181">
        <v>0</v>
      </c>
      <c r="N32" s="182">
        <v>0</v>
      </c>
      <c r="O32" s="185">
        <v>0</v>
      </c>
      <c r="P32" s="183">
        <v>0</v>
      </c>
      <c r="Q32" s="184">
        <v>2</v>
      </c>
      <c r="R32" s="184">
        <v>12</v>
      </c>
      <c r="S32" s="184">
        <v>30</v>
      </c>
      <c r="T32" s="182">
        <v>19</v>
      </c>
      <c r="U32" s="185">
        <v>63</v>
      </c>
      <c r="V32" s="187">
        <v>63</v>
      </c>
      <c r="W32" s="188">
        <v>0</v>
      </c>
      <c r="X32" s="182">
        <v>0</v>
      </c>
      <c r="Y32" s="185">
        <v>0</v>
      </c>
      <c r="Z32" s="188">
        <v>0</v>
      </c>
      <c r="AA32" s="184">
        <v>0</v>
      </c>
      <c r="AB32" s="184">
        <v>0</v>
      </c>
      <c r="AC32" s="184">
        <v>0</v>
      </c>
      <c r="AD32" s="182">
        <v>0</v>
      </c>
      <c r="AE32" s="185">
        <v>0</v>
      </c>
      <c r="AF32" s="189">
        <v>0</v>
      </c>
      <c r="AG32" s="188">
        <v>0</v>
      </c>
      <c r="AH32" s="182">
        <v>0</v>
      </c>
      <c r="AI32" s="185">
        <v>0</v>
      </c>
      <c r="AJ32" s="188">
        <v>3</v>
      </c>
      <c r="AK32" s="184">
        <v>7</v>
      </c>
      <c r="AL32" s="184">
        <v>13</v>
      </c>
      <c r="AM32" s="184">
        <v>15</v>
      </c>
      <c r="AN32" s="182">
        <v>6</v>
      </c>
      <c r="AO32" s="185">
        <v>44</v>
      </c>
      <c r="AP32" s="189">
        <v>44</v>
      </c>
      <c r="AQ32" s="188">
        <v>0</v>
      </c>
      <c r="AR32" s="182">
        <v>0</v>
      </c>
      <c r="AS32" s="185">
        <v>0</v>
      </c>
      <c r="AT32" s="183">
        <v>3</v>
      </c>
      <c r="AU32" s="184">
        <v>7</v>
      </c>
      <c r="AV32" s="184">
        <v>13</v>
      </c>
      <c r="AW32" s="184">
        <v>15</v>
      </c>
      <c r="AX32" s="182">
        <v>6</v>
      </c>
      <c r="AY32" s="185">
        <v>44</v>
      </c>
      <c r="AZ32" s="186">
        <v>44</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3</v>
      </c>
      <c r="DW32" s="184">
        <v>9</v>
      </c>
      <c r="DX32" s="184">
        <v>25</v>
      </c>
      <c r="DY32" s="184">
        <v>45</v>
      </c>
      <c r="DZ32" s="182">
        <v>25</v>
      </c>
      <c r="EA32" s="185">
        <v>107</v>
      </c>
      <c r="EB32" s="187">
        <v>107</v>
      </c>
      <c r="EC32" s="32"/>
    </row>
    <row r="33" spans="2:133" ht="21" customHeight="1" x14ac:dyDescent="0.2">
      <c r="B33" s="472" t="s">
        <v>30</v>
      </c>
      <c r="C33" s="181">
        <v>0</v>
      </c>
      <c r="D33" s="182">
        <v>0</v>
      </c>
      <c r="E33" s="182">
        <v>0</v>
      </c>
      <c r="F33" s="183">
        <v>0</v>
      </c>
      <c r="G33" s="184">
        <v>1</v>
      </c>
      <c r="H33" s="184">
        <v>28</v>
      </c>
      <c r="I33" s="184">
        <v>30</v>
      </c>
      <c r="J33" s="182">
        <v>14</v>
      </c>
      <c r="K33" s="185">
        <v>73</v>
      </c>
      <c r="L33" s="186">
        <v>73</v>
      </c>
      <c r="M33" s="181">
        <v>0</v>
      </c>
      <c r="N33" s="182">
        <v>0</v>
      </c>
      <c r="O33" s="185">
        <v>0</v>
      </c>
      <c r="P33" s="183">
        <v>0</v>
      </c>
      <c r="Q33" s="184">
        <v>1</v>
      </c>
      <c r="R33" s="184">
        <v>28</v>
      </c>
      <c r="S33" s="184">
        <v>30</v>
      </c>
      <c r="T33" s="182">
        <v>14</v>
      </c>
      <c r="U33" s="185">
        <v>73</v>
      </c>
      <c r="V33" s="187">
        <v>73</v>
      </c>
      <c r="W33" s="188">
        <v>0</v>
      </c>
      <c r="X33" s="182">
        <v>0</v>
      </c>
      <c r="Y33" s="185">
        <v>0</v>
      </c>
      <c r="Z33" s="188">
        <v>0</v>
      </c>
      <c r="AA33" s="184">
        <v>0</v>
      </c>
      <c r="AB33" s="184">
        <v>0</v>
      </c>
      <c r="AC33" s="184">
        <v>0</v>
      </c>
      <c r="AD33" s="182">
        <v>0</v>
      </c>
      <c r="AE33" s="185">
        <v>0</v>
      </c>
      <c r="AF33" s="189">
        <v>0</v>
      </c>
      <c r="AG33" s="188">
        <v>0</v>
      </c>
      <c r="AH33" s="182">
        <v>0</v>
      </c>
      <c r="AI33" s="185">
        <v>0</v>
      </c>
      <c r="AJ33" s="188">
        <v>11</v>
      </c>
      <c r="AK33" s="184">
        <v>1</v>
      </c>
      <c r="AL33" s="184">
        <v>11</v>
      </c>
      <c r="AM33" s="184">
        <v>16</v>
      </c>
      <c r="AN33" s="182">
        <v>6</v>
      </c>
      <c r="AO33" s="185">
        <v>45</v>
      </c>
      <c r="AP33" s="189">
        <v>45</v>
      </c>
      <c r="AQ33" s="188">
        <v>0</v>
      </c>
      <c r="AR33" s="182">
        <v>0</v>
      </c>
      <c r="AS33" s="185">
        <v>0</v>
      </c>
      <c r="AT33" s="183">
        <v>11</v>
      </c>
      <c r="AU33" s="184">
        <v>1</v>
      </c>
      <c r="AV33" s="184">
        <v>10</v>
      </c>
      <c r="AW33" s="184">
        <v>16</v>
      </c>
      <c r="AX33" s="182">
        <v>6</v>
      </c>
      <c r="AY33" s="185">
        <v>44</v>
      </c>
      <c r="AZ33" s="186">
        <v>44</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2</v>
      </c>
      <c r="CU33" s="184">
        <v>1</v>
      </c>
      <c r="CV33" s="182">
        <v>1</v>
      </c>
      <c r="CW33" s="185">
        <v>4</v>
      </c>
      <c r="CX33" s="186">
        <v>4</v>
      </c>
      <c r="CY33" s="181">
        <v>0</v>
      </c>
      <c r="CZ33" s="182">
        <v>0</v>
      </c>
      <c r="DA33" s="182">
        <v>0</v>
      </c>
      <c r="DB33" s="183">
        <v>0</v>
      </c>
      <c r="DC33" s="184">
        <v>0</v>
      </c>
      <c r="DD33" s="184">
        <v>2</v>
      </c>
      <c r="DE33" s="184">
        <v>1</v>
      </c>
      <c r="DF33" s="182">
        <v>0</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1</v>
      </c>
      <c r="DW33" s="184">
        <v>2</v>
      </c>
      <c r="DX33" s="184">
        <v>41</v>
      </c>
      <c r="DY33" s="184">
        <v>47</v>
      </c>
      <c r="DZ33" s="182">
        <v>21</v>
      </c>
      <c r="EA33" s="185">
        <v>122</v>
      </c>
      <c r="EB33" s="187">
        <v>122</v>
      </c>
      <c r="EC33" s="32"/>
    </row>
    <row r="34" spans="2:133" ht="21" customHeight="1" x14ac:dyDescent="0.2">
      <c r="B34" s="472" t="s">
        <v>31</v>
      </c>
      <c r="C34" s="181">
        <v>0</v>
      </c>
      <c r="D34" s="182">
        <v>0</v>
      </c>
      <c r="E34" s="182">
        <v>0</v>
      </c>
      <c r="F34" s="183">
        <v>0</v>
      </c>
      <c r="G34" s="184">
        <v>2</v>
      </c>
      <c r="H34" s="184">
        <v>30</v>
      </c>
      <c r="I34" s="184">
        <v>31</v>
      </c>
      <c r="J34" s="182">
        <v>21</v>
      </c>
      <c r="K34" s="185">
        <v>84</v>
      </c>
      <c r="L34" s="186">
        <v>84</v>
      </c>
      <c r="M34" s="181">
        <v>0</v>
      </c>
      <c r="N34" s="182">
        <v>0</v>
      </c>
      <c r="O34" s="185">
        <v>0</v>
      </c>
      <c r="P34" s="183">
        <v>0</v>
      </c>
      <c r="Q34" s="184">
        <v>2</v>
      </c>
      <c r="R34" s="184">
        <v>30</v>
      </c>
      <c r="S34" s="184">
        <v>31</v>
      </c>
      <c r="T34" s="182">
        <v>21</v>
      </c>
      <c r="U34" s="185">
        <v>84</v>
      </c>
      <c r="V34" s="187">
        <v>84</v>
      </c>
      <c r="W34" s="188">
        <v>0</v>
      </c>
      <c r="X34" s="182">
        <v>0</v>
      </c>
      <c r="Y34" s="185">
        <v>0</v>
      </c>
      <c r="Z34" s="188">
        <v>0</v>
      </c>
      <c r="AA34" s="184">
        <v>0</v>
      </c>
      <c r="AB34" s="184">
        <v>0</v>
      </c>
      <c r="AC34" s="184">
        <v>0</v>
      </c>
      <c r="AD34" s="182">
        <v>0</v>
      </c>
      <c r="AE34" s="185">
        <v>0</v>
      </c>
      <c r="AF34" s="189">
        <v>0</v>
      </c>
      <c r="AG34" s="188">
        <v>0</v>
      </c>
      <c r="AH34" s="182">
        <v>0</v>
      </c>
      <c r="AI34" s="185">
        <v>0</v>
      </c>
      <c r="AJ34" s="188">
        <v>2</v>
      </c>
      <c r="AK34" s="184">
        <v>11</v>
      </c>
      <c r="AL34" s="184">
        <v>7</v>
      </c>
      <c r="AM34" s="184">
        <v>13</v>
      </c>
      <c r="AN34" s="182">
        <v>5</v>
      </c>
      <c r="AO34" s="185">
        <v>38</v>
      </c>
      <c r="AP34" s="189">
        <v>38</v>
      </c>
      <c r="AQ34" s="188">
        <v>0</v>
      </c>
      <c r="AR34" s="182">
        <v>0</v>
      </c>
      <c r="AS34" s="185">
        <v>0</v>
      </c>
      <c r="AT34" s="183">
        <v>2</v>
      </c>
      <c r="AU34" s="184">
        <v>11</v>
      </c>
      <c r="AV34" s="184">
        <v>7</v>
      </c>
      <c r="AW34" s="184">
        <v>13</v>
      </c>
      <c r="AX34" s="182">
        <v>5</v>
      </c>
      <c r="AY34" s="185">
        <v>38</v>
      </c>
      <c r="AZ34" s="186">
        <v>38</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1</v>
      </c>
      <c r="CS34" s="184">
        <v>1</v>
      </c>
      <c r="CT34" s="184">
        <v>0</v>
      </c>
      <c r="CU34" s="184">
        <v>3</v>
      </c>
      <c r="CV34" s="182">
        <v>0</v>
      </c>
      <c r="CW34" s="185">
        <v>5</v>
      </c>
      <c r="CX34" s="186">
        <v>5</v>
      </c>
      <c r="CY34" s="181">
        <v>0</v>
      </c>
      <c r="CZ34" s="182">
        <v>0</v>
      </c>
      <c r="DA34" s="182">
        <v>0</v>
      </c>
      <c r="DB34" s="183">
        <v>1</v>
      </c>
      <c r="DC34" s="184">
        <v>1</v>
      </c>
      <c r="DD34" s="184">
        <v>0</v>
      </c>
      <c r="DE34" s="184">
        <v>3</v>
      </c>
      <c r="DF34" s="182">
        <v>0</v>
      </c>
      <c r="DG34" s="185">
        <v>5</v>
      </c>
      <c r="DH34" s="187">
        <v>5</v>
      </c>
      <c r="DI34" s="188">
        <v>0</v>
      </c>
      <c r="DJ34" s="182">
        <v>0</v>
      </c>
      <c r="DK34" s="182">
        <v>0</v>
      </c>
      <c r="DL34" s="183">
        <v>0</v>
      </c>
      <c r="DM34" s="184">
        <v>0</v>
      </c>
      <c r="DN34" s="184">
        <v>0</v>
      </c>
      <c r="DO34" s="184">
        <v>0</v>
      </c>
      <c r="DP34" s="182">
        <v>0</v>
      </c>
      <c r="DQ34" s="185">
        <v>0</v>
      </c>
      <c r="DR34" s="187">
        <v>0</v>
      </c>
      <c r="DS34" s="188">
        <v>0</v>
      </c>
      <c r="DT34" s="182">
        <v>0</v>
      </c>
      <c r="DU34" s="182">
        <v>0</v>
      </c>
      <c r="DV34" s="183">
        <v>3</v>
      </c>
      <c r="DW34" s="184">
        <v>14</v>
      </c>
      <c r="DX34" s="184">
        <v>37</v>
      </c>
      <c r="DY34" s="184">
        <v>47</v>
      </c>
      <c r="DZ34" s="182">
        <v>26</v>
      </c>
      <c r="EA34" s="185">
        <v>127</v>
      </c>
      <c r="EB34" s="187">
        <v>127</v>
      </c>
      <c r="EC34" s="32"/>
    </row>
    <row r="35" spans="2:133" ht="21" customHeight="1" x14ac:dyDescent="0.2">
      <c r="B35" s="472" t="s">
        <v>32</v>
      </c>
      <c r="C35" s="181">
        <v>0</v>
      </c>
      <c r="D35" s="182">
        <v>0</v>
      </c>
      <c r="E35" s="182">
        <v>0</v>
      </c>
      <c r="F35" s="183">
        <v>2</v>
      </c>
      <c r="G35" s="184">
        <v>0</v>
      </c>
      <c r="H35" s="184">
        <v>13</v>
      </c>
      <c r="I35" s="184">
        <v>25</v>
      </c>
      <c r="J35" s="182">
        <v>18</v>
      </c>
      <c r="K35" s="185">
        <v>58</v>
      </c>
      <c r="L35" s="186">
        <v>58</v>
      </c>
      <c r="M35" s="181">
        <v>0</v>
      </c>
      <c r="N35" s="182">
        <v>0</v>
      </c>
      <c r="O35" s="185">
        <v>0</v>
      </c>
      <c r="P35" s="183">
        <v>2</v>
      </c>
      <c r="Q35" s="184">
        <v>0</v>
      </c>
      <c r="R35" s="184">
        <v>13</v>
      </c>
      <c r="S35" s="184">
        <v>25</v>
      </c>
      <c r="T35" s="182">
        <v>17</v>
      </c>
      <c r="U35" s="185">
        <v>57</v>
      </c>
      <c r="V35" s="187">
        <v>57</v>
      </c>
      <c r="W35" s="188">
        <v>0</v>
      </c>
      <c r="X35" s="182">
        <v>0</v>
      </c>
      <c r="Y35" s="185">
        <v>0</v>
      </c>
      <c r="Z35" s="188">
        <v>0</v>
      </c>
      <c r="AA35" s="184">
        <v>0</v>
      </c>
      <c r="AB35" s="184">
        <v>0</v>
      </c>
      <c r="AC35" s="184">
        <v>0</v>
      </c>
      <c r="AD35" s="182">
        <v>1</v>
      </c>
      <c r="AE35" s="185">
        <v>1</v>
      </c>
      <c r="AF35" s="189">
        <v>1</v>
      </c>
      <c r="AG35" s="188">
        <v>0</v>
      </c>
      <c r="AH35" s="182">
        <v>0</v>
      </c>
      <c r="AI35" s="185">
        <v>0</v>
      </c>
      <c r="AJ35" s="188">
        <v>2</v>
      </c>
      <c r="AK35" s="184">
        <v>7</v>
      </c>
      <c r="AL35" s="184">
        <v>15</v>
      </c>
      <c r="AM35" s="184">
        <v>19</v>
      </c>
      <c r="AN35" s="182">
        <v>5</v>
      </c>
      <c r="AO35" s="185">
        <v>48</v>
      </c>
      <c r="AP35" s="189">
        <v>48</v>
      </c>
      <c r="AQ35" s="188">
        <v>0</v>
      </c>
      <c r="AR35" s="182">
        <v>0</v>
      </c>
      <c r="AS35" s="185">
        <v>0</v>
      </c>
      <c r="AT35" s="183">
        <v>2</v>
      </c>
      <c r="AU35" s="184">
        <v>7</v>
      </c>
      <c r="AV35" s="184">
        <v>15</v>
      </c>
      <c r="AW35" s="184">
        <v>19</v>
      </c>
      <c r="AX35" s="182">
        <v>5</v>
      </c>
      <c r="AY35" s="185">
        <v>48</v>
      </c>
      <c r="AZ35" s="186">
        <v>48</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0</v>
      </c>
      <c r="CT35" s="184">
        <v>2</v>
      </c>
      <c r="CU35" s="184">
        <v>0</v>
      </c>
      <c r="CV35" s="182">
        <v>1</v>
      </c>
      <c r="CW35" s="185">
        <v>3</v>
      </c>
      <c r="CX35" s="186">
        <v>3</v>
      </c>
      <c r="CY35" s="181">
        <v>0</v>
      </c>
      <c r="CZ35" s="182">
        <v>0</v>
      </c>
      <c r="DA35" s="182">
        <v>0</v>
      </c>
      <c r="DB35" s="183">
        <v>0</v>
      </c>
      <c r="DC35" s="184">
        <v>0</v>
      </c>
      <c r="DD35" s="184">
        <v>2</v>
      </c>
      <c r="DE35" s="184">
        <v>0</v>
      </c>
      <c r="DF35" s="182">
        <v>1</v>
      </c>
      <c r="DG35" s="185">
        <v>3</v>
      </c>
      <c r="DH35" s="187">
        <v>3</v>
      </c>
      <c r="DI35" s="188">
        <v>0</v>
      </c>
      <c r="DJ35" s="182">
        <v>0</v>
      </c>
      <c r="DK35" s="182">
        <v>0</v>
      </c>
      <c r="DL35" s="183">
        <v>0</v>
      </c>
      <c r="DM35" s="184">
        <v>0</v>
      </c>
      <c r="DN35" s="184">
        <v>0</v>
      </c>
      <c r="DO35" s="184">
        <v>0</v>
      </c>
      <c r="DP35" s="182">
        <v>0</v>
      </c>
      <c r="DQ35" s="185">
        <v>0</v>
      </c>
      <c r="DR35" s="187">
        <v>0</v>
      </c>
      <c r="DS35" s="188">
        <v>0</v>
      </c>
      <c r="DT35" s="182">
        <v>0</v>
      </c>
      <c r="DU35" s="182">
        <v>0</v>
      </c>
      <c r="DV35" s="183">
        <v>4</v>
      </c>
      <c r="DW35" s="184">
        <v>7</v>
      </c>
      <c r="DX35" s="184">
        <v>30</v>
      </c>
      <c r="DY35" s="184">
        <v>44</v>
      </c>
      <c r="DZ35" s="182">
        <v>23</v>
      </c>
      <c r="EA35" s="185">
        <v>108</v>
      </c>
      <c r="EB35" s="187">
        <v>108</v>
      </c>
      <c r="EC35" s="32"/>
    </row>
    <row r="36" spans="2:133" ht="21" customHeight="1" x14ac:dyDescent="0.2">
      <c r="B36" s="472" t="s">
        <v>33</v>
      </c>
      <c r="C36" s="181">
        <v>0</v>
      </c>
      <c r="D36" s="182">
        <v>0</v>
      </c>
      <c r="E36" s="182">
        <v>0</v>
      </c>
      <c r="F36" s="183">
        <v>0</v>
      </c>
      <c r="G36" s="184">
        <v>6</v>
      </c>
      <c r="H36" s="184">
        <v>23</v>
      </c>
      <c r="I36" s="184">
        <v>33</v>
      </c>
      <c r="J36" s="182">
        <v>22</v>
      </c>
      <c r="K36" s="185">
        <v>84</v>
      </c>
      <c r="L36" s="186">
        <v>84</v>
      </c>
      <c r="M36" s="181">
        <v>0</v>
      </c>
      <c r="N36" s="182">
        <v>0</v>
      </c>
      <c r="O36" s="185">
        <v>0</v>
      </c>
      <c r="P36" s="183">
        <v>0</v>
      </c>
      <c r="Q36" s="184">
        <v>6</v>
      </c>
      <c r="R36" s="184">
        <v>23</v>
      </c>
      <c r="S36" s="184">
        <v>33</v>
      </c>
      <c r="T36" s="182">
        <v>22</v>
      </c>
      <c r="U36" s="185">
        <v>84</v>
      </c>
      <c r="V36" s="187">
        <v>84</v>
      </c>
      <c r="W36" s="188">
        <v>0</v>
      </c>
      <c r="X36" s="182">
        <v>0</v>
      </c>
      <c r="Y36" s="185">
        <v>0</v>
      </c>
      <c r="Z36" s="188">
        <v>0</v>
      </c>
      <c r="AA36" s="184">
        <v>0</v>
      </c>
      <c r="AB36" s="184">
        <v>0</v>
      </c>
      <c r="AC36" s="184">
        <v>0</v>
      </c>
      <c r="AD36" s="182">
        <v>0</v>
      </c>
      <c r="AE36" s="185">
        <v>0</v>
      </c>
      <c r="AF36" s="189">
        <v>0</v>
      </c>
      <c r="AG36" s="188">
        <v>0</v>
      </c>
      <c r="AH36" s="182">
        <v>0</v>
      </c>
      <c r="AI36" s="185">
        <v>0</v>
      </c>
      <c r="AJ36" s="188">
        <v>5</v>
      </c>
      <c r="AK36" s="184">
        <v>9</v>
      </c>
      <c r="AL36" s="184">
        <v>11</v>
      </c>
      <c r="AM36" s="184">
        <v>18</v>
      </c>
      <c r="AN36" s="182">
        <v>4</v>
      </c>
      <c r="AO36" s="185">
        <v>47</v>
      </c>
      <c r="AP36" s="189">
        <v>47</v>
      </c>
      <c r="AQ36" s="188">
        <v>0</v>
      </c>
      <c r="AR36" s="182">
        <v>0</v>
      </c>
      <c r="AS36" s="185">
        <v>0</v>
      </c>
      <c r="AT36" s="183">
        <v>5</v>
      </c>
      <c r="AU36" s="184">
        <v>9</v>
      </c>
      <c r="AV36" s="184">
        <v>11</v>
      </c>
      <c r="AW36" s="184">
        <v>18</v>
      </c>
      <c r="AX36" s="182">
        <v>4</v>
      </c>
      <c r="AY36" s="185">
        <v>47</v>
      </c>
      <c r="AZ36" s="186">
        <v>47</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7</v>
      </c>
      <c r="CT36" s="184">
        <v>5</v>
      </c>
      <c r="CU36" s="184">
        <v>8</v>
      </c>
      <c r="CV36" s="182">
        <v>13</v>
      </c>
      <c r="CW36" s="185">
        <v>36</v>
      </c>
      <c r="CX36" s="186">
        <v>36</v>
      </c>
      <c r="CY36" s="181">
        <v>0</v>
      </c>
      <c r="CZ36" s="182">
        <v>0</v>
      </c>
      <c r="DA36" s="182">
        <v>0</v>
      </c>
      <c r="DB36" s="183">
        <v>3</v>
      </c>
      <c r="DC36" s="184">
        <v>7</v>
      </c>
      <c r="DD36" s="184">
        <v>5</v>
      </c>
      <c r="DE36" s="184">
        <v>8</v>
      </c>
      <c r="DF36" s="182">
        <v>13</v>
      </c>
      <c r="DG36" s="185">
        <v>36</v>
      </c>
      <c r="DH36" s="187">
        <v>36</v>
      </c>
      <c r="DI36" s="188">
        <v>0</v>
      </c>
      <c r="DJ36" s="182">
        <v>0</v>
      </c>
      <c r="DK36" s="182">
        <v>0</v>
      </c>
      <c r="DL36" s="183">
        <v>0</v>
      </c>
      <c r="DM36" s="184">
        <v>0</v>
      </c>
      <c r="DN36" s="184">
        <v>0</v>
      </c>
      <c r="DO36" s="184">
        <v>0</v>
      </c>
      <c r="DP36" s="182">
        <v>0</v>
      </c>
      <c r="DQ36" s="185">
        <v>0</v>
      </c>
      <c r="DR36" s="187">
        <v>0</v>
      </c>
      <c r="DS36" s="188">
        <v>0</v>
      </c>
      <c r="DT36" s="182">
        <v>0</v>
      </c>
      <c r="DU36" s="182">
        <v>0</v>
      </c>
      <c r="DV36" s="183">
        <v>8</v>
      </c>
      <c r="DW36" s="184">
        <v>22</v>
      </c>
      <c r="DX36" s="184">
        <v>39</v>
      </c>
      <c r="DY36" s="184">
        <v>59</v>
      </c>
      <c r="DZ36" s="182">
        <v>39</v>
      </c>
      <c r="EA36" s="185">
        <v>167</v>
      </c>
      <c r="EB36" s="187">
        <v>167</v>
      </c>
      <c r="EC36" s="32"/>
    </row>
    <row r="37" spans="2:133" ht="21" customHeight="1" x14ac:dyDescent="0.2">
      <c r="B37" s="472" t="s">
        <v>34</v>
      </c>
      <c r="C37" s="181">
        <v>0</v>
      </c>
      <c r="D37" s="182">
        <v>0</v>
      </c>
      <c r="E37" s="182">
        <v>0</v>
      </c>
      <c r="F37" s="183">
        <v>0</v>
      </c>
      <c r="G37" s="184">
        <v>0</v>
      </c>
      <c r="H37" s="184">
        <v>6</v>
      </c>
      <c r="I37" s="184">
        <v>11</v>
      </c>
      <c r="J37" s="182">
        <v>9</v>
      </c>
      <c r="K37" s="185">
        <v>26</v>
      </c>
      <c r="L37" s="186">
        <v>26</v>
      </c>
      <c r="M37" s="181">
        <v>0</v>
      </c>
      <c r="N37" s="182">
        <v>0</v>
      </c>
      <c r="O37" s="185">
        <v>0</v>
      </c>
      <c r="P37" s="183">
        <v>0</v>
      </c>
      <c r="Q37" s="184">
        <v>0</v>
      </c>
      <c r="R37" s="184">
        <v>6</v>
      </c>
      <c r="S37" s="184">
        <v>11</v>
      </c>
      <c r="T37" s="182">
        <v>9</v>
      </c>
      <c r="U37" s="185">
        <v>26</v>
      </c>
      <c r="V37" s="187">
        <v>26</v>
      </c>
      <c r="W37" s="188">
        <v>0</v>
      </c>
      <c r="X37" s="182">
        <v>0</v>
      </c>
      <c r="Y37" s="185">
        <v>0</v>
      </c>
      <c r="Z37" s="188">
        <v>0</v>
      </c>
      <c r="AA37" s="184">
        <v>0</v>
      </c>
      <c r="AB37" s="184">
        <v>0</v>
      </c>
      <c r="AC37" s="184">
        <v>0</v>
      </c>
      <c r="AD37" s="182">
        <v>0</v>
      </c>
      <c r="AE37" s="185">
        <v>0</v>
      </c>
      <c r="AF37" s="189">
        <v>0</v>
      </c>
      <c r="AG37" s="188">
        <v>0</v>
      </c>
      <c r="AH37" s="182">
        <v>0</v>
      </c>
      <c r="AI37" s="185">
        <v>0</v>
      </c>
      <c r="AJ37" s="188">
        <v>3</v>
      </c>
      <c r="AK37" s="184">
        <v>13</v>
      </c>
      <c r="AL37" s="184">
        <v>7</v>
      </c>
      <c r="AM37" s="184">
        <v>10</v>
      </c>
      <c r="AN37" s="182">
        <v>6</v>
      </c>
      <c r="AO37" s="185">
        <v>39</v>
      </c>
      <c r="AP37" s="189">
        <v>39</v>
      </c>
      <c r="AQ37" s="188">
        <v>0</v>
      </c>
      <c r="AR37" s="182">
        <v>0</v>
      </c>
      <c r="AS37" s="185">
        <v>0</v>
      </c>
      <c r="AT37" s="183">
        <v>3</v>
      </c>
      <c r="AU37" s="184">
        <v>12</v>
      </c>
      <c r="AV37" s="184">
        <v>7</v>
      </c>
      <c r="AW37" s="184">
        <v>10</v>
      </c>
      <c r="AX37" s="182">
        <v>6</v>
      </c>
      <c r="AY37" s="185">
        <v>38</v>
      </c>
      <c r="AZ37" s="186">
        <v>38</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1</v>
      </c>
      <c r="CV37" s="182">
        <v>1</v>
      </c>
      <c r="CW37" s="185">
        <v>2</v>
      </c>
      <c r="CX37" s="186">
        <v>2</v>
      </c>
      <c r="CY37" s="181">
        <v>0</v>
      </c>
      <c r="CZ37" s="182">
        <v>0</v>
      </c>
      <c r="DA37" s="182">
        <v>0</v>
      </c>
      <c r="DB37" s="183">
        <v>0</v>
      </c>
      <c r="DC37" s="184">
        <v>0</v>
      </c>
      <c r="DD37" s="184">
        <v>0</v>
      </c>
      <c r="DE37" s="184">
        <v>1</v>
      </c>
      <c r="DF37" s="182">
        <v>1</v>
      </c>
      <c r="DG37" s="185">
        <v>2</v>
      </c>
      <c r="DH37" s="187">
        <v>2</v>
      </c>
      <c r="DI37" s="188">
        <v>0</v>
      </c>
      <c r="DJ37" s="182">
        <v>0</v>
      </c>
      <c r="DK37" s="182">
        <v>0</v>
      </c>
      <c r="DL37" s="183">
        <v>0</v>
      </c>
      <c r="DM37" s="184">
        <v>0</v>
      </c>
      <c r="DN37" s="184">
        <v>0</v>
      </c>
      <c r="DO37" s="184">
        <v>0</v>
      </c>
      <c r="DP37" s="182">
        <v>0</v>
      </c>
      <c r="DQ37" s="185">
        <v>0</v>
      </c>
      <c r="DR37" s="187">
        <v>0</v>
      </c>
      <c r="DS37" s="188">
        <v>0</v>
      </c>
      <c r="DT37" s="182">
        <v>0</v>
      </c>
      <c r="DU37" s="182">
        <v>0</v>
      </c>
      <c r="DV37" s="183">
        <v>3</v>
      </c>
      <c r="DW37" s="184">
        <v>13</v>
      </c>
      <c r="DX37" s="184">
        <v>13</v>
      </c>
      <c r="DY37" s="184">
        <v>22</v>
      </c>
      <c r="DZ37" s="182">
        <v>16</v>
      </c>
      <c r="EA37" s="185">
        <v>67</v>
      </c>
      <c r="EB37" s="187">
        <v>67</v>
      </c>
      <c r="EC37" s="32"/>
    </row>
    <row r="38" spans="2:133" ht="21" customHeight="1" x14ac:dyDescent="0.2">
      <c r="B38" s="472" t="s">
        <v>35</v>
      </c>
      <c r="C38" s="181">
        <v>0</v>
      </c>
      <c r="D38" s="182">
        <v>0</v>
      </c>
      <c r="E38" s="182">
        <v>0</v>
      </c>
      <c r="F38" s="183">
        <v>1</v>
      </c>
      <c r="G38" s="184">
        <v>2</v>
      </c>
      <c r="H38" s="184">
        <v>24</v>
      </c>
      <c r="I38" s="184">
        <v>48</v>
      </c>
      <c r="J38" s="182">
        <v>32</v>
      </c>
      <c r="K38" s="185">
        <v>107</v>
      </c>
      <c r="L38" s="186">
        <v>107</v>
      </c>
      <c r="M38" s="181">
        <v>0</v>
      </c>
      <c r="N38" s="182">
        <v>0</v>
      </c>
      <c r="O38" s="185">
        <v>0</v>
      </c>
      <c r="P38" s="183">
        <v>1</v>
      </c>
      <c r="Q38" s="184">
        <v>2</v>
      </c>
      <c r="R38" s="184">
        <v>24</v>
      </c>
      <c r="S38" s="184">
        <v>48</v>
      </c>
      <c r="T38" s="182">
        <v>32</v>
      </c>
      <c r="U38" s="185">
        <v>107</v>
      </c>
      <c r="V38" s="187">
        <v>107</v>
      </c>
      <c r="W38" s="188">
        <v>0</v>
      </c>
      <c r="X38" s="182">
        <v>0</v>
      </c>
      <c r="Y38" s="185">
        <v>0</v>
      </c>
      <c r="Z38" s="188">
        <v>0</v>
      </c>
      <c r="AA38" s="184">
        <v>0</v>
      </c>
      <c r="AB38" s="184">
        <v>0</v>
      </c>
      <c r="AC38" s="184">
        <v>0</v>
      </c>
      <c r="AD38" s="182">
        <v>0</v>
      </c>
      <c r="AE38" s="185">
        <v>0</v>
      </c>
      <c r="AF38" s="189">
        <v>0</v>
      </c>
      <c r="AG38" s="188">
        <v>0</v>
      </c>
      <c r="AH38" s="182">
        <v>0</v>
      </c>
      <c r="AI38" s="185">
        <v>0</v>
      </c>
      <c r="AJ38" s="188">
        <v>25</v>
      </c>
      <c r="AK38" s="184">
        <v>24</v>
      </c>
      <c r="AL38" s="184">
        <v>28</v>
      </c>
      <c r="AM38" s="184">
        <v>11</v>
      </c>
      <c r="AN38" s="182">
        <v>9</v>
      </c>
      <c r="AO38" s="185">
        <v>97</v>
      </c>
      <c r="AP38" s="189">
        <v>97</v>
      </c>
      <c r="AQ38" s="188">
        <v>0</v>
      </c>
      <c r="AR38" s="182">
        <v>0</v>
      </c>
      <c r="AS38" s="185">
        <v>0</v>
      </c>
      <c r="AT38" s="183">
        <v>25</v>
      </c>
      <c r="AU38" s="184">
        <v>24</v>
      </c>
      <c r="AV38" s="184">
        <v>28</v>
      </c>
      <c r="AW38" s="184">
        <v>11</v>
      </c>
      <c r="AX38" s="182">
        <v>9</v>
      </c>
      <c r="AY38" s="185">
        <v>97</v>
      </c>
      <c r="AZ38" s="186">
        <v>97</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3</v>
      </c>
      <c r="CS38" s="184">
        <v>1</v>
      </c>
      <c r="CT38" s="184">
        <v>4</v>
      </c>
      <c r="CU38" s="184">
        <v>8</v>
      </c>
      <c r="CV38" s="182">
        <v>7</v>
      </c>
      <c r="CW38" s="185">
        <v>23</v>
      </c>
      <c r="CX38" s="186">
        <v>23</v>
      </c>
      <c r="CY38" s="181">
        <v>0</v>
      </c>
      <c r="CZ38" s="182">
        <v>0</v>
      </c>
      <c r="DA38" s="182">
        <v>0</v>
      </c>
      <c r="DB38" s="183">
        <v>2</v>
      </c>
      <c r="DC38" s="184">
        <v>1</v>
      </c>
      <c r="DD38" s="184">
        <v>4</v>
      </c>
      <c r="DE38" s="184">
        <v>8</v>
      </c>
      <c r="DF38" s="182">
        <v>7</v>
      </c>
      <c r="DG38" s="185">
        <v>22</v>
      </c>
      <c r="DH38" s="187">
        <v>22</v>
      </c>
      <c r="DI38" s="188">
        <v>0</v>
      </c>
      <c r="DJ38" s="182">
        <v>0</v>
      </c>
      <c r="DK38" s="182">
        <v>0</v>
      </c>
      <c r="DL38" s="183">
        <v>1</v>
      </c>
      <c r="DM38" s="184">
        <v>0</v>
      </c>
      <c r="DN38" s="184">
        <v>0</v>
      </c>
      <c r="DO38" s="184">
        <v>0</v>
      </c>
      <c r="DP38" s="182">
        <v>0</v>
      </c>
      <c r="DQ38" s="185">
        <v>1</v>
      </c>
      <c r="DR38" s="187">
        <v>1</v>
      </c>
      <c r="DS38" s="188">
        <v>0</v>
      </c>
      <c r="DT38" s="182">
        <v>0</v>
      </c>
      <c r="DU38" s="182">
        <v>0</v>
      </c>
      <c r="DV38" s="183">
        <v>29</v>
      </c>
      <c r="DW38" s="184">
        <v>27</v>
      </c>
      <c r="DX38" s="184">
        <v>56</v>
      </c>
      <c r="DY38" s="184">
        <v>67</v>
      </c>
      <c r="DZ38" s="182">
        <v>48</v>
      </c>
      <c r="EA38" s="185">
        <v>227</v>
      </c>
      <c r="EB38" s="187">
        <v>227</v>
      </c>
      <c r="EC38" s="32"/>
    </row>
    <row r="39" spans="2:133" ht="21" customHeight="1" x14ac:dyDescent="0.2">
      <c r="B39" s="472" t="s">
        <v>36</v>
      </c>
      <c r="C39" s="181">
        <v>0</v>
      </c>
      <c r="D39" s="182">
        <v>0</v>
      </c>
      <c r="E39" s="182">
        <v>0</v>
      </c>
      <c r="F39" s="183">
        <v>0</v>
      </c>
      <c r="G39" s="184">
        <v>3</v>
      </c>
      <c r="H39" s="184">
        <v>57</v>
      </c>
      <c r="I39" s="184">
        <v>79</v>
      </c>
      <c r="J39" s="182">
        <v>74</v>
      </c>
      <c r="K39" s="185">
        <v>213</v>
      </c>
      <c r="L39" s="186">
        <v>213</v>
      </c>
      <c r="M39" s="181">
        <v>0</v>
      </c>
      <c r="N39" s="182">
        <v>0</v>
      </c>
      <c r="O39" s="185">
        <v>0</v>
      </c>
      <c r="P39" s="183">
        <v>0</v>
      </c>
      <c r="Q39" s="184">
        <v>3</v>
      </c>
      <c r="R39" s="184">
        <v>56</v>
      </c>
      <c r="S39" s="184">
        <v>75</v>
      </c>
      <c r="T39" s="182">
        <v>74</v>
      </c>
      <c r="U39" s="185">
        <v>208</v>
      </c>
      <c r="V39" s="187">
        <v>208</v>
      </c>
      <c r="W39" s="188">
        <v>0</v>
      </c>
      <c r="X39" s="182">
        <v>0</v>
      </c>
      <c r="Y39" s="185">
        <v>0</v>
      </c>
      <c r="Z39" s="188">
        <v>0</v>
      </c>
      <c r="AA39" s="184">
        <v>0</v>
      </c>
      <c r="AB39" s="184">
        <v>1</v>
      </c>
      <c r="AC39" s="184">
        <v>4</v>
      </c>
      <c r="AD39" s="182">
        <v>0</v>
      </c>
      <c r="AE39" s="185">
        <v>5</v>
      </c>
      <c r="AF39" s="189">
        <v>5</v>
      </c>
      <c r="AG39" s="188">
        <v>0</v>
      </c>
      <c r="AH39" s="182">
        <v>0</v>
      </c>
      <c r="AI39" s="185">
        <v>0</v>
      </c>
      <c r="AJ39" s="188">
        <v>14</v>
      </c>
      <c r="AK39" s="184">
        <v>21</v>
      </c>
      <c r="AL39" s="184">
        <v>43</v>
      </c>
      <c r="AM39" s="184">
        <v>49</v>
      </c>
      <c r="AN39" s="182">
        <v>24</v>
      </c>
      <c r="AO39" s="185">
        <v>151</v>
      </c>
      <c r="AP39" s="189">
        <v>151</v>
      </c>
      <c r="AQ39" s="188">
        <v>0</v>
      </c>
      <c r="AR39" s="182">
        <v>0</v>
      </c>
      <c r="AS39" s="185">
        <v>0</v>
      </c>
      <c r="AT39" s="183">
        <v>14</v>
      </c>
      <c r="AU39" s="184">
        <v>21</v>
      </c>
      <c r="AV39" s="184">
        <v>42</v>
      </c>
      <c r="AW39" s="184">
        <v>47</v>
      </c>
      <c r="AX39" s="182">
        <v>24</v>
      </c>
      <c r="AY39" s="185">
        <v>148</v>
      </c>
      <c r="AZ39" s="186">
        <v>148</v>
      </c>
      <c r="BA39" s="181">
        <v>0</v>
      </c>
      <c r="BB39" s="182">
        <v>0</v>
      </c>
      <c r="BC39" s="182">
        <v>0</v>
      </c>
      <c r="BD39" s="183">
        <v>0</v>
      </c>
      <c r="BE39" s="184">
        <v>0</v>
      </c>
      <c r="BF39" s="184">
        <v>1</v>
      </c>
      <c r="BG39" s="184">
        <v>2</v>
      </c>
      <c r="BH39" s="182">
        <v>0</v>
      </c>
      <c r="BI39" s="185">
        <v>3</v>
      </c>
      <c r="BJ39" s="187">
        <v>3</v>
      </c>
      <c r="BK39" s="188">
        <v>0</v>
      </c>
      <c r="BL39" s="182">
        <v>0</v>
      </c>
      <c r="BM39" s="182">
        <v>0</v>
      </c>
      <c r="BN39" s="183">
        <v>0</v>
      </c>
      <c r="BO39" s="184">
        <v>0</v>
      </c>
      <c r="BP39" s="184">
        <v>0</v>
      </c>
      <c r="BQ39" s="184">
        <v>2</v>
      </c>
      <c r="BR39" s="182">
        <v>1</v>
      </c>
      <c r="BS39" s="185">
        <v>3</v>
      </c>
      <c r="BT39" s="186">
        <v>3</v>
      </c>
      <c r="BU39" s="181">
        <v>0</v>
      </c>
      <c r="BV39" s="182">
        <v>0</v>
      </c>
      <c r="BW39" s="182">
        <v>0</v>
      </c>
      <c r="BX39" s="183">
        <v>0</v>
      </c>
      <c r="BY39" s="184">
        <v>0</v>
      </c>
      <c r="BZ39" s="184">
        <v>0</v>
      </c>
      <c r="CA39" s="184">
        <v>2</v>
      </c>
      <c r="CB39" s="182">
        <v>1</v>
      </c>
      <c r="CC39" s="185">
        <v>3</v>
      </c>
      <c r="CD39" s="187">
        <v>3</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5</v>
      </c>
      <c r="CV39" s="182">
        <v>1</v>
      </c>
      <c r="CW39" s="185">
        <v>6</v>
      </c>
      <c r="CX39" s="186">
        <v>6</v>
      </c>
      <c r="CY39" s="181">
        <v>0</v>
      </c>
      <c r="CZ39" s="182">
        <v>0</v>
      </c>
      <c r="DA39" s="182">
        <v>0</v>
      </c>
      <c r="DB39" s="183">
        <v>0</v>
      </c>
      <c r="DC39" s="184">
        <v>0</v>
      </c>
      <c r="DD39" s="184">
        <v>0</v>
      </c>
      <c r="DE39" s="184">
        <v>4</v>
      </c>
      <c r="DF39" s="182">
        <v>1</v>
      </c>
      <c r="DG39" s="185">
        <v>5</v>
      </c>
      <c r="DH39" s="187">
        <v>5</v>
      </c>
      <c r="DI39" s="188">
        <v>0</v>
      </c>
      <c r="DJ39" s="182">
        <v>0</v>
      </c>
      <c r="DK39" s="182">
        <v>0</v>
      </c>
      <c r="DL39" s="183">
        <v>0</v>
      </c>
      <c r="DM39" s="184">
        <v>0</v>
      </c>
      <c r="DN39" s="184">
        <v>0</v>
      </c>
      <c r="DO39" s="184">
        <v>1</v>
      </c>
      <c r="DP39" s="182">
        <v>0</v>
      </c>
      <c r="DQ39" s="185">
        <v>1</v>
      </c>
      <c r="DR39" s="187">
        <v>1</v>
      </c>
      <c r="DS39" s="188">
        <v>0</v>
      </c>
      <c r="DT39" s="182">
        <v>0</v>
      </c>
      <c r="DU39" s="182">
        <v>0</v>
      </c>
      <c r="DV39" s="183">
        <v>14</v>
      </c>
      <c r="DW39" s="184">
        <v>24</v>
      </c>
      <c r="DX39" s="184">
        <v>100</v>
      </c>
      <c r="DY39" s="184">
        <v>135</v>
      </c>
      <c r="DZ39" s="182">
        <v>100</v>
      </c>
      <c r="EA39" s="185">
        <v>373</v>
      </c>
      <c r="EB39" s="187">
        <v>373</v>
      </c>
      <c r="EC39" s="32"/>
    </row>
    <row r="40" spans="2:133" ht="21" customHeight="1" thickBot="1" x14ac:dyDescent="0.25">
      <c r="B40" s="473" t="s">
        <v>37</v>
      </c>
      <c r="C40" s="190">
        <v>0</v>
      </c>
      <c r="D40" s="191">
        <v>0</v>
      </c>
      <c r="E40" s="191">
        <v>0</v>
      </c>
      <c r="F40" s="192">
        <v>0</v>
      </c>
      <c r="G40" s="193">
        <v>0</v>
      </c>
      <c r="H40" s="193">
        <v>11</v>
      </c>
      <c r="I40" s="193">
        <v>7</v>
      </c>
      <c r="J40" s="191">
        <v>5</v>
      </c>
      <c r="K40" s="194">
        <v>23</v>
      </c>
      <c r="L40" s="195">
        <v>23</v>
      </c>
      <c r="M40" s="190">
        <v>0</v>
      </c>
      <c r="N40" s="191">
        <v>0</v>
      </c>
      <c r="O40" s="194">
        <v>0</v>
      </c>
      <c r="P40" s="192">
        <v>0</v>
      </c>
      <c r="Q40" s="193">
        <v>0</v>
      </c>
      <c r="R40" s="193">
        <v>11</v>
      </c>
      <c r="S40" s="193">
        <v>7</v>
      </c>
      <c r="T40" s="191">
        <v>5</v>
      </c>
      <c r="U40" s="194">
        <v>23</v>
      </c>
      <c r="V40" s="196">
        <v>23</v>
      </c>
      <c r="W40" s="197">
        <v>0</v>
      </c>
      <c r="X40" s="191">
        <v>0</v>
      </c>
      <c r="Y40" s="194">
        <v>0</v>
      </c>
      <c r="Z40" s="197">
        <v>0</v>
      </c>
      <c r="AA40" s="193">
        <v>0</v>
      </c>
      <c r="AB40" s="193">
        <v>0</v>
      </c>
      <c r="AC40" s="193">
        <v>0</v>
      </c>
      <c r="AD40" s="191">
        <v>0</v>
      </c>
      <c r="AE40" s="194">
        <v>0</v>
      </c>
      <c r="AF40" s="198">
        <v>0</v>
      </c>
      <c r="AG40" s="197">
        <v>0</v>
      </c>
      <c r="AH40" s="191">
        <v>0</v>
      </c>
      <c r="AI40" s="194">
        <v>0</v>
      </c>
      <c r="AJ40" s="197">
        <v>3</v>
      </c>
      <c r="AK40" s="193">
        <v>0</v>
      </c>
      <c r="AL40" s="193">
        <v>7</v>
      </c>
      <c r="AM40" s="193">
        <v>1</v>
      </c>
      <c r="AN40" s="191">
        <v>1</v>
      </c>
      <c r="AO40" s="194">
        <v>12</v>
      </c>
      <c r="AP40" s="198">
        <v>12</v>
      </c>
      <c r="AQ40" s="197">
        <v>0</v>
      </c>
      <c r="AR40" s="191">
        <v>0</v>
      </c>
      <c r="AS40" s="194">
        <v>0</v>
      </c>
      <c r="AT40" s="192">
        <v>3</v>
      </c>
      <c r="AU40" s="193">
        <v>0</v>
      </c>
      <c r="AV40" s="193">
        <v>7</v>
      </c>
      <c r="AW40" s="193">
        <v>1</v>
      </c>
      <c r="AX40" s="191">
        <v>1</v>
      </c>
      <c r="AY40" s="194">
        <v>12</v>
      </c>
      <c r="AZ40" s="195">
        <v>12</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3</v>
      </c>
      <c r="DW40" s="193">
        <v>0</v>
      </c>
      <c r="DX40" s="193">
        <v>18</v>
      </c>
      <c r="DY40" s="193">
        <v>8</v>
      </c>
      <c r="DZ40" s="191">
        <v>6</v>
      </c>
      <c r="EA40" s="194">
        <v>35</v>
      </c>
      <c r="EB40" s="196">
        <v>35</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1</v>
      </c>
      <c r="F1" s="499">
        <f>第１表!F2</f>
        <v>5</v>
      </c>
      <c r="G1" s="499"/>
      <c r="H1" s="235">
        <f>第１表!G2</f>
        <v>8</v>
      </c>
      <c r="I1" s="481">
        <f>H1</f>
        <v>8</v>
      </c>
      <c r="J1" s="481"/>
    </row>
    <row r="2" spans="2:299" ht="24" customHeight="1" thickBot="1" x14ac:dyDescent="0.25">
      <c r="B2" s="15" t="s">
        <v>129</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20125</v>
      </c>
      <c r="D7" s="68">
        <v>20648</v>
      </c>
      <c r="E7" s="69">
        <v>40773</v>
      </c>
      <c r="F7" s="227"/>
      <c r="G7" s="68">
        <v>30548</v>
      </c>
      <c r="H7" s="68">
        <v>30441</v>
      </c>
      <c r="I7" s="68">
        <v>20678</v>
      </c>
      <c r="J7" s="68">
        <v>17473</v>
      </c>
      <c r="K7" s="68">
        <v>10601</v>
      </c>
      <c r="L7" s="70">
        <v>109741</v>
      </c>
      <c r="M7" s="71">
        <v>150514</v>
      </c>
      <c r="N7" s="56">
        <v>832</v>
      </c>
      <c r="O7" s="57">
        <v>1017</v>
      </c>
      <c r="P7" s="58">
        <v>1849</v>
      </c>
      <c r="Q7" s="230"/>
      <c r="R7" s="57">
        <v>1323</v>
      </c>
      <c r="S7" s="57">
        <v>1539</v>
      </c>
      <c r="T7" s="57">
        <v>1005</v>
      </c>
      <c r="U7" s="57">
        <v>923</v>
      </c>
      <c r="V7" s="57">
        <v>747</v>
      </c>
      <c r="W7" s="58">
        <v>5537</v>
      </c>
      <c r="X7" s="59">
        <v>7386</v>
      </c>
      <c r="Y7" s="56">
        <v>1922</v>
      </c>
      <c r="Z7" s="57">
        <v>2333</v>
      </c>
      <c r="AA7" s="58">
        <v>4255</v>
      </c>
      <c r="AB7" s="230"/>
      <c r="AC7" s="57">
        <v>2837</v>
      </c>
      <c r="AD7" s="57">
        <v>3445</v>
      </c>
      <c r="AE7" s="57">
        <v>2274</v>
      </c>
      <c r="AF7" s="57">
        <v>1996</v>
      </c>
      <c r="AG7" s="57">
        <v>1477</v>
      </c>
      <c r="AH7" s="58">
        <v>12029</v>
      </c>
      <c r="AI7" s="59">
        <v>16284</v>
      </c>
      <c r="AJ7" s="56">
        <v>3120</v>
      </c>
      <c r="AK7" s="57">
        <v>3450</v>
      </c>
      <c r="AL7" s="58">
        <v>6570</v>
      </c>
      <c r="AM7" s="230"/>
      <c r="AN7" s="57">
        <v>4865</v>
      </c>
      <c r="AO7" s="57">
        <v>4991</v>
      </c>
      <c r="AP7" s="57">
        <v>3442</v>
      </c>
      <c r="AQ7" s="57">
        <v>2897</v>
      </c>
      <c r="AR7" s="57">
        <v>1920</v>
      </c>
      <c r="AS7" s="58">
        <v>18115</v>
      </c>
      <c r="AT7" s="59">
        <v>24685</v>
      </c>
      <c r="AU7" s="56">
        <v>5191</v>
      </c>
      <c r="AV7" s="57">
        <v>5068</v>
      </c>
      <c r="AW7" s="58">
        <v>10259</v>
      </c>
      <c r="AX7" s="230"/>
      <c r="AY7" s="57">
        <v>7791</v>
      </c>
      <c r="AZ7" s="57">
        <v>7272</v>
      </c>
      <c r="BA7" s="57">
        <v>4743</v>
      </c>
      <c r="BB7" s="57">
        <v>3952</v>
      </c>
      <c r="BC7" s="57">
        <v>2415</v>
      </c>
      <c r="BD7" s="58">
        <v>26173</v>
      </c>
      <c r="BE7" s="59">
        <v>36432</v>
      </c>
      <c r="BF7" s="56">
        <v>5779</v>
      </c>
      <c r="BG7" s="57">
        <v>5310</v>
      </c>
      <c r="BH7" s="58">
        <v>11089</v>
      </c>
      <c r="BI7" s="230"/>
      <c r="BJ7" s="57">
        <v>8222</v>
      </c>
      <c r="BK7" s="57">
        <v>7403</v>
      </c>
      <c r="BL7" s="57">
        <v>5088</v>
      </c>
      <c r="BM7" s="57">
        <v>4172</v>
      </c>
      <c r="BN7" s="57">
        <v>2286</v>
      </c>
      <c r="BO7" s="58">
        <v>27171</v>
      </c>
      <c r="BP7" s="59">
        <v>38260</v>
      </c>
      <c r="BQ7" s="56">
        <v>3281</v>
      </c>
      <c r="BR7" s="57">
        <v>3470</v>
      </c>
      <c r="BS7" s="58">
        <v>6751</v>
      </c>
      <c r="BT7" s="230"/>
      <c r="BU7" s="57">
        <v>5510</v>
      </c>
      <c r="BV7" s="57">
        <v>5791</v>
      </c>
      <c r="BW7" s="57">
        <v>4126</v>
      </c>
      <c r="BX7" s="57">
        <v>3533</v>
      </c>
      <c r="BY7" s="57">
        <v>1756</v>
      </c>
      <c r="BZ7" s="58">
        <v>20716</v>
      </c>
      <c r="CA7" s="59">
        <v>27467</v>
      </c>
      <c r="CB7" s="56">
        <v>521</v>
      </c>
      <c r="CC7" s="57">
        <v>789</v>
      </c>
      <c r="CD7" s="58">
        <v>1310</v>
      </c>
      <c r="CE7" s="230"/>
      <c r="CF7" s="57">
        <v>871</v>
      </c>
      <c r="CG7" s="57">
        <v>1353</v>
      </c>
      <c r="CH7" s="57">
        <v>843</v>
      </c>
      <c r="CI7" s="57">
        <v>818</v>
      </c>
      <c r="CJ7" s="57">
        <v>731</v>
      </c>
      <c r="CK7" s="58">
        <v>4616</v>
      </c>
      <c r="CL7" s="59">
        <v>5926</v>
      </c>
      <c r="CM7" s="56">
        <v>20646</v>
      </c>
      <c r="CN7" s="57">
        <v>21437</v>
      </c>
      <c r="CO7" s="58">
        <v>42083</v>
      </c>
      <c r="CP7" s="230"/>
      <c r="CQ7" s="57">
        <v>31419</v>
      </c>
      <c r="CR7" s="57">
        <v>31794</v>
      </c>
      <c r="CS7" s="57">
        <v>21521</v>
      </c>
      <c r="CT7" s="57">
        <v>18291</v>
      </c>
      <c r="CU7" s="57">
        <v>11332</v>
      </c>
      <c r="CV7" s="58">
        <v>114357</v>
      </c>
      <c r="CW7" s="59">
        <v>156440</v>
      </c>
      <c r="CX7" s="112">
        <v>38825</v>
      </c>
      <c r="CY7" s="68">
        <v>45051</v>
      </c>
      <c r="CZ7" s="69">
        <v>83876</v>
      </c>
      <c r="DA7" s="227"/>
      <c r="DB7" s="68">
        <v>55893</v>
      </c>
      <c r="DC7" s="68">
        <v>52834</v>
      </c>
      <c r="DD7" s="68">
        <v>39423</v>
      </c>
      <c r="DE7" s="68">
        <v>38744</v>
      </c>
      <c r="DF7" s="68">
        <v>25836</v>
      </c>
      <c r="DG7" s="70">
        <v>212730</v>
      </c>
      <c r="DH7" s="71">
        <v>296606</v>
      </c>
      <c r="DI7" s="56">
        <v>851</v>
      </c>
      <c r="DJ7" s="57">
        <v>1049</v>
      </c>
      <c r="DK7" s="58">
        <v>1900</v>
      </c>
      <c r="DL7" s="230"/>
      <c r="DM7" s="57">
        <v>984</v>
      </c>
      <c r="DN7" s="57">
        <v>1033</v>
      </c>
      <c r="DO7" s="57">
        <v>692</v>
      </c>
      <c r="DP7" s="57">
        <v>702</v>
      </c>
      <c r="DQ7" s="57">
        <v>599</v>
      </c>
      <c r="DR7" s="58">
        <v>4010</v>
      </c>
      <c r="DS7" s="59">
        <v>5910</v>
      </c>
      <c r="DT7" s="56">
        <v>2589</v>
      </c>
      <c r="DU7" s="57">
        <v>3068</v>
      </c>
      <c r="DV7" s="58">
        <v>5657</v>
      </c>
      <c r="DW7" s="230"/>
      <c r="DX7" s="57">
        <v>2919</v>
      </c>
      <c r="DY7" s="57">
        <v>2893</v>
      </c>
      <c r="DZ7" s="57">
        <v>1789</v>
      </c>
      <c r="EA7" s="57">
        <v>1790</v>
      </c>
      <c r="EB7" s="57">
        <v>1422</v>
      </c>
      <c r="EC7" s="58">
        <v>10813</v>
      </c>
      <c r="ED7" s="59">
        <v>16470</v>
      </c>
      <c r="EE7" s="56">
        <v>6103</v>
      </c>
      <c r="EF7" s="57">
        <v>6754</v>
      </c>
      <c r="EG7" s="58">
        <v>12857</v>
      </c>
      <c r="EH7" s="230"/>
      <c r="EI7" s="57">
        <v>6781</v>
      </c>
      <c r="EJ7" s="57">
        <v>5729</v>
      </c>
      <c r="EK7" s="57">
        <v>3754</v>
      </c>
      <c r="EL7" s="57">
        <v>3352</v>
      </c>
      <c r="EM7" s="57">
        <v>2753</v>
      </c>
      <c r="EN7" s="58">
        <v>22369</v>
      </c>
      <c r="EO7" s="59">
        <v>35226</v>
      </c>
      <c r="EP7" s="56">
        <v>11883</v>
      </c>
      <c r="EQ7" s="57">
        <v>12166</v>
      </c>
      <c r="ER7" s="58">
        <v>24049</v>
      </c>
      <c r="ES7" s="230"/>
      <c r="ET7" s="57">
        <v>13476</v>
      </c>
      <c r="EU7" s="57">
        <v>11118</v>
      </c>
      <c r="EV7" s="57">
        <v>7259</v>
      </c>
      <c r="EW7" s="57">
        <v>6602</v>
      </c>
      <c r="EX7" s="57">
        <v>4482</v>
      </c>
      <c r="EY7" s="58">
        <v>42937</v>
      </c>
      <c r="EZ7" s="59">
        <v>66986</v>
      </c>
      <c r="FA7" s="56">
        <v>11364</v>
      </c>
      <c r="FB7" s="57">
        <v>13291</v>
      </c>
      <c r="FC7" s="58">
        <v>24655</v>
      </c>
      <c r="FD7" s="230"/>
      <c r="FE7" s="57">
        <v>17115</v>
      </c>
      <c r="FF7" s="57">
        <v>15230</v>
      </c>
      <c r="FG7" s="57">
        <v>10896</v>
      </c>
      <c r="FH7" s="57">
        <v>9901</v>
      </c>
      <c r="FI7" s="57">
        <v>6632</v>
      </c>
      <c r="FJ7" s="58">
        <v>59774</v>
      </c>
      <c r="FK7" s="59">
        <v>84429</v>
      </c>
      <c r="FL7" s="56">
        <v>6035</v>
      </c>
      <c r="FM7" s="57">
        <v>8723</v>
      </c>
      <c r="FN7" s="58">
        <v>14758</v>
      </c>
      <c r="FO7" s="230"/>
      <c r="FP7" s="57">
        <v>14618</v>
      </c>
      <c r="FQ7" s="57">
        <v>16831</v>
      </c>
      <c r="FR7" s="57">
        <v>15033</v>
      </c>
      <c r="FS7" s="57">
        <v>16397</v>
      </c>
      <c r="FT7" s="57">
        <v>9948</v>
      </c>
      <c r="FU7" s="58">
        <v>72827</v>
      </c>
      <c r="FV7" s="59">
        <v>87585</v>
      </c>
      <c r="FW7" s="56">
        <v>367</v>
      </c>
      <c r="FX7" s="57">
        <v>689</v>
      </c>
      <c r="FY7" s="58">
        <v>1056</v>
      </c>
      <c r="FZ7" s="230"/>
      <c r="GA7" s="57">
        <v>701</v>
      </c>
      <c r="GB7" s="57">
        <v>1053</v>
      </c>
      <c r="GC7" s="57">
        <v>613</v>
      </c>
      <c r="GD7" s="57">
        <v>581</v>
      </c>
      <c r="GE7" s="57">
        <v>635</v>
      </c>
      <c r="GF7" s="58">
        <v>3583</v>
      </c>
      <c r="GG7" s="59">
        <v>4639</v>
      </c>
      <c r="GH7" s="56">
        <v>39192</v>
      </c>
      <c r="GI7" s="57">
        <v>45740</v>
      </c>
      <c r="GJ7" s="58">
        <v>84932</v>
      </c>
      <c r="GK7" s="230"/>
      <c r="GL7" s="57">
        <v>56594</v>
      </c>
      <c r="GM7" s="57">
        <v>53887</v>
      </c>
      <c r="GN7" s="57">
        <v>40036</v>
      </c>
      <c r="GO7" s="57">
        <v>39325</v>
      </c>
      <c r="GP7" s="57">
        <v>26471</v>
      </c>
      <c r="GQ7" s="58">
        <v>216313</v>
      </c>
      <c r="GR7" s="59">
        <v>301245</v>
      </c>
      <c r="GS7" s="112">
        <v>58950</v>
      </c>
      <c r="GT7" s="68">
        <v>65699</v>
      </c>
      <c r="GU7" s="69">
        <v>124649</v>
      </c>
      <c r="GV7" s="227"/>
      <c r="GW7" s="68">
        <v>86441</v>
      </c>
      <c r="GX7" s="68">
        <v>83275</v>
      </c>
      <c r="GY7" s="68">
        <v>60101</v>
      </c>
      <c r="GZ7" s="68">
        <v>56217</v>
      </c>
      <c r="HA7" s="68">
        <v>36437</v>
      </c>
      <c r="HB7" s="70">
        <v>322471</v>
      </c>
      <c r="HC7" s="71">
        <v>447120</v>
      </c>
      <c r="HD7" s="56">
        <v>1683</v>
      </c>
      <c r="HE7" s="57">
        <v>2066</v>
      </c>
      <c r="HF7" s="58">
        <v>3749</v>
      </c>
      <c r="HG7" s="230"/>
      <c r="HH7" s="57">
        <v>2307</v>
      </c>
      <c r="HI7" s="57">
        <v>2572</v>
      </c>
      <c r="HJ7" s="57">
        <v>1697</v>
      </c>
      <c r="HK7" s="57">
        <v>1625</v>
      </c>
      <c r="HL7" s="57">
        <v>1346</v>
      </c>
      <c r="HM7" s="58">
        <v>9547</v>
      </c>
      <c r="HN7" s="59">
        <v>13296</v>
      </c>
      <c r="HO7" s="56">
        <v>4511</v>
      </c>
      <c r="HP7" s="57">
        <v>5401</v>
      </c>
      <c r="HQ7" s="58">
        <v>9912</v>
      </c>
      <c r="HR7" s="230"/>
      <c r="HS7" s="57">
        <v>5756</v>
      </c>
      <c r="HT7" s="57">
        <v>6338</v>
      </c>
      <c r="HU7" s="57">
        <v>4063</v>
      </c>
      <c r="HV7" s="57">
        <v>3786</v>
      </c>
      <c r="HW7" s="57">
        <v>2899</v>
      </c>
      <c r="HX7" s="58">
        <v>22842</v>
      </c>
      <c r="HY7" s="59">
        <v>32754</v>
      </c>
      <c r="HZ7" s="56">
        <v>9223</v>
      </c>
      <c r="IA7" s="57">
        <v>10204</v>
      </c>
      <c r="IB7" s="58">
        <v>19427</v>
      </c>
      <c r="IC7" s="230"/>
      <c r="ID7" s="57">
        <v>11646</v>
      </c>
      <c r="IE7" s="57">
        <v>10720</v>
      </c>
      <c r="IF7" s="57">
        <v>7196</v>
      </c>
      <c r="IG7" s="57">
        <v>6249</v>
      </c>
      <c r="IH7" s="57">
        <v>4673</v>
      </c>
      <c r="II7" s="58">
        <v>40484</v>
      </c>
      <c r="IJ7" s="59">
        <v>59911</v>
      </c>
      <c r="IK7" s="56">
        <v>17074</v>
      </c>
      <c r="IL7" s="57">
        <v>17234</v>
      </c>
      <c r="IM7" s="58">
        <v>34308</v>
      </c>
      <c r="IN7" s="230"/>
      <c r="IO7" s="57">
        <v>21267</v>
      </c>
      <c r="IP7" s="57">
        <v>18390</v>
      </c>
      <c r="IQ7" s="57">
        <v>12002</v>
      </c>
      <c r="IR7" s="57">
        <v>10554</v>
      </c>
      <c r="IS7" s="57">
        <v>6897</v>
      </c>
      <c r="IT7" s="58">
        <v>69110</v>
      </c>
      <c r="IU7" s="59">
        <v>103418</v>
      </c>
      <c r="IV7" s="56">
        <v>17143</v>
      </c>
      <c r="IW7" s="57">
        <v>18601</v>
      </c>
      <c r="IX7" s="58">
        <v>35744</v>
      </c>
      <c r="IY7" s="230"/>
      <c r="IZ7" s="57">
        <v>25337</v>
      </c>
      <c r="JA7" s="57">
        <v>22633</v>
      </c>
      <c r="JB7" s="57">
        <v>15984</v>
      </c>
      <c r="JC7" s="57">
        <v>14073</v>
      </c>
      <c r="JD7" s="57">
        <v>8918</v>
      </c>
      <c r="JE7" s="58">
        <v>86945</v>
      </c>
      <c r="JF7" s="59">
        <v>122689</v>
      </c>
      <c r="JG7" s="56">
        <v>9316</v>
      </c>
      <c r="JH7" s="57">
        <v>12193</v>
      </c>
      <c r="JI7" s="58">
        <v>21509</v>
      </c>
      <c r="JJ7" s="230"/>
      <c r="JK7" s="57">
        <v>20128</v>
      </c>
      <c r="JL7" s="57">
        <v>22622</v>
      </c>
      <c r="JM7" s="57">
        <v>19159</v>
      </c>
      <c r="JN7" s="57">
        <v>19930</v>
      </c>
      <c r="JO7" s="57">
        <v>11704</v>
      </c>
      <c r="JP7" s="58">
        <v>93543</v>
      </c>
      <c r="JQ7" s="59">
        <v>115052</v>
      </c>
      <c r="JR7" s="56">
        <v>888</v>
      </c>
      <c r="JS7" s="57">
        <v>1478</v>
      </c>
      <c r="JT7" s="58">
        <v>2366</v>
      </c>
      <c r="JU7" s="230"/>
      <c r="JV7" s="57">
        <v>1572</v>
      </c>
      <c r="JW7" s="57">
        <v>2406</v>
      </c>
      <c r="JX7" s="57">
        <v>1456</v>
      </c>
      <c r="JY7" s="57">
        <v>1399</v>
      </c>
      <c r="JZ7" s="57">
        <v>1366</v>
      </c>
      <c r="KA7" s="58">
        <v>8199</v>
      </c>
      <c r="KB7" s="59">
        <v>10565</v>
      </c>
      <c r="KC7" s="56">
        <v>59838</v>
      </c>
      <c r="KD7" s="57">
        <v>67177</v>
      </c>
      <c r="KE7" s="58">
        <v>127015</v>
      </c>
      <c r="KF7" s="230"/>
      <c r="KG7" s="57">
        <v>88013</v>
      </c>
      <c r="KH7" s="57">
        <v>85681</v>
      </c>
      <c r="KI7" s="57">
        <v>61557</v>
      </c>
      <c r="KJ7" s="57">
        <v>57616</v>
      </c>
      <c r="KK7" s="57">
        <v>37803</v>
      </c>
      <c r="KL7" s="58">
        <v>330670</v>
      </c>
      <c r="KM7" s="59">
        <v>457685</v>
      </c>
    </row>
    <row r="8" spans="2:299" ht="21" customHeight="1" x14ac:dyDescent="0.2">
      <c r="B8" s="471" t="s">
        <v>5</v>
      </c>
      <c r="C8" s="293">
        <v>8090</v>
      </c>
      <c r="D8" s="72">
        <v>9708</v>
      </c>
      <c r="E8" s="73">
        <v>17798</v>
      </c>
      <c r="F8" s="228"/>
      <c r="G8" s="72">
        <v>10118</v>
      </c>
      <c r="H8" s="72">
        <v>13488</v>
      </c>
      <c r="I8" s="72">
        <v>8690</v>
      </c>
      <c r="J8" s="72">
        <v>7261</v>
      </c>
      <c r="K8" s="72">
        <v>4376</v>
      </c>
      <c r="L8" s="74">
        <v>43933</v>
      </c>
      <c r="M8" s="75">
        <v>61731</v>
      </c>
      <c r="N8" s="60">
        <v>314</v>
      </c>
      <c r="O8" s="61">
        <v>469</v>
      </c>
      <c r="P8" s="62">
        <v>783</v>
      </c>
      <c r="Q8" s="231"/>
      <c r="R8" s="61">
        <v>401</v>
      </c>
      <c r="S8" s="61">
        <v>688</v>
      </c>
      <c r="T8" s="61">
        <v>436</v>
      </c>
      <c r="U8" s="61">
        <v>383</v>
      </c>
      <c r="V8" s="61">
        <v>310</v>
      </c>
      <c r="W8" s="62">
        <v>2218</v>
      </c>
      <c r="X8" s="63">
        <v>3001</v>
      </c>
      <c r="Y8" s="60">
        <v>744</v>
      </c>
      <c r="Z8" s="61">
        <v>1048</v>
      </c>
      <c r="AA8" s="62">
        <v>1792</v>
      </c>
      <c r="AB8" s="231"/>
      <c r="AC8" s="61">
        <v>857</v>
      </c>
      <c r="AD8" s="61">
        <v>1526</v>
      </c>
      <c r="AE8" s="61">
        <v>967</v>
      </c>
      <c r="AF8" s="61">
        <v>828</v>
      </c>
      <c r="AG8" s="61">
        <v>612</v>
      </c>
      <c r="AH8" s="62">
        <v>4790</v>
      </c>
      <c r="AI8" s="63">
        <v>6582</v>
      </c>
      <c r="AJ8" s="60">
        <v>1206</v>
      </c>
      <c r="AK8" s="61">
        <v>1593</v>
      </c>
      <c r="AL8" s="62">
        <v>2799</v>
      </c>
      <c r="AM8" s="231"/>
      <c r="AN8" s="61">
        <v>1561</v>
      </c>
      <c r="AO8" s="61">
        <v>2185</v>
      </c>
      <c r="AP8" s="61">
        <v>1415</v>
      </c>
      <c r="AQ8" s="61">
        <v>1174</v>
      </c>
      <c r="AR8" s="61">
        <v>782</v>
      </c>
      <c r="AS8" s="62">
        <v>7117</v>
      </c>
      <c r="AT8" s="63">
        <v>9916</v>
      </c>
      <c r="AU8" s="60">
        <v>2041</v>
      </c>
      <c r="AV8" s="61">
        <v>2330</v>
      </c>
      <c r="AW8" s="62">
        <v>4371</v>
      </c>
      <c r="AX8" s="231"/>
      <c r="AY8" s="61">
        <v>2454</v>
      </c>
      <c r="AZ8" s="61">
        <v>3105</v>
      </c>
      <c r="BA8" s="61">
        <v>1902</v>
      </c>
      <c r="BB8" s="61">
        <v>1630</v>
      </c>
      <c r="BC8" s="61">
        <v>963</v>
      </c>
      <c r="BD8" s="62">
        <v>10054</v>
      </c>
      <c r="BE8" s="63">
        <v>14425</v>
      </c>
      <c r="BF8" s="60">
        <v>2434</v>
      </c>
      <c r="BG8" s="61">
        <v>2522</v>
      </c>
      <c r="BH8" s="62">
        <v>4956</v>
      </c>
      <c r="BI8" s="231"/>
      <c r="BJ8" s="61">
        <v>2907</v>
      </c>
      <c r="BK8" s="61">
        <v>3314</v>
      </c>
      <c r="BL8" s="61">
        <v>2135</v>
      </c>
      <c r="BM8" s="61">
        <v>1754</v>
      </c>
      <c r="BN8" s="61">
        <v>928</v>
      </c>
      <c r="BO8" s="62">
        <v>11038</v>
      </c>
      <c r="BP8" s="63">
        <v>15994</v>
      </c>
      <c r="BQ8" s="60">
        <v>1351</v>
      </c>
      <c r="BR8" s="61">
        <v>1746</v>
      </c>
      <c r="BS8" s="62">
        <v>3097</v>
      </c>
      <c r="BT8" s="231"/>
      <c r="BU8" s="61">
        <v>1938</v>
      </c>
      <c r="BV8" s="61">
        <v>2670</v>
      </c>
      <c r="BW8" s="61">
        <v>1835</v>
      </c>
      <c r="BX8" s="61">
        <v>1492</v>
      </c>
      <c r="BY8" s="61">
        <v>781</v>
      </c>
      <c r="BZ8" s="62">
        <v>8716</v>
      </c>
      <c r="CA8" s="63">
        <v>11813</v>
      </c>
      <c r="CB8" s="60">
        <v>186</v>
      </c>
      <c r="CC8" s="61">
        <v>351</v>
      </c>
      <c r="CD8" s="62">
        <v>537</v>
      </c>
      <c r="CE8" s="231"/>
      <c r="CF8" s="61">
        <v>237</v>
      </c>
      <c r="CG8" s="61">
        <v>608</v>
      </c>
      <c r="CH8" s="61">
        <v>382</v>
      </c>
      <c r="CI8" s="61">
        <v>335</v>
      </c>
      <c r="CJ8" s="61">
        <v>323</v>
      </c>
      <c r="CK8" s="62">
        <v>1885</v>
      </c>
      <c r="CL8" s="63">
        <v>2422</v>
      </c>
      <c r="CM8" s="60">
        <v>8276</v>
      </c>
      <c r="CN8" s="61">
        <v>10059</v>
      </c>
      <c r="CO8" s="62">
        <v>18335</v>
      </c>
      <c r="CP8" s="231"/>
      <c r="CQ8" s="61">
        <v>10355</v>
      </c>
      <c r="CR8" s="61">
        <v>14096</v>
      </c>
      <c r="CS8" s="61">
        <v>9072</v>
      </c>
      <c r="CT8" s="61">
        <v>7596</v>
      </c>
      <c r="CU8" s="61">
        <v>4699</v>
      </c>
      <c r="CV8" s="62">
        <v>45818</v>
      </c>
      <c r="CW8" s="63">
        <v>64153</v>
      </c>
      <c r="CX8" s="113">
        <v>15097</v>
      </c>
      <c r="CY8" s="72">
        <v>20195</v>
      </c>
      <c r="CZ8" s="73">
        <v>35292</v>
      </c>
      <c r="DA8" s="228"/>
      <c r="DB8" s="72">
        <v>19291</v>
      </c>
      <c r="DC8" s="72">
        <v>23991</v>
      </c>
      <c r="DD8" s="72">
        <v>16365</v>
      </c>
      <c r="DE8" s="72">
        <v>16010</v>
      </c>
      <c r="DF8" s="72">
        <v>10733</v>
      </c>
      <c r="DG8" s="74">
        <v>86390</v>
      </c>
      <c r="DH8" s="75">
        <v>121682</v>
      </c>
      <c r="DI8" s="60">
        <v>326</v>
      </c>
      <c r="DJ8" s="61">
        <v>449</v>
      </c>
      <c r="DK8" s="62">
        <v>775</v>
      </c>
      <c r="DL8" s="231"/>
      <c r="DM8" s="61">
        <v>285</v>
      </c>
      <c r="DN8" s="61">
        <v>480</v>
      </c>
      <c r="DO8" s="61">
        <v>266</v>
      </c>
      <c r="DP8" s="61">
        <v>293</v>
      </c>
      <c r="DQ8" s="61">
        <v>250</v>
      </c>
      <c r="DR8" s="62">
        <v>1574</v>
      </c>
      <c r="DS8" s="63">
        <v>2349</v>
      </c>
      <c r="DT8" s="60">
        <v>966</v>
      </c>
      <c r="DU8" s="61">
        <v>1344</v>
      </c>
      <c r="DV8" s="62">
        <v>2310</v>
      </c>
      <c r="DW8" s="231"/>
      <c r="DX8" s="61">
        <v>869</v>
      </c>
      <c r="DY8" s="61">
        <v>1268</v>
      </c>
      <c r="DZ8" s="61">
        <v>739</v>
      </c>
      <c r="EA8" s="61">
        <v>743</v>
      </c>
      <c r="EB8" s="61">
        <v>604</v>
      </c>
      <c r="EC8" s="62">
        <v>4223</v>
      </c>
      <c r="ED8" s="63">
        <v>6533</v>
      </c>
      <c r="EE8" s="60">
        <v>2324</v>
      </c>
      <c r="EF8" s="61">
        <v>3000</v>
      </c>
      <c r="EG8" s="62">
        <v>5324</v>
      </c>
      <c r="EH8" s="231"/>
      <c r="EI8" s="61">
        <v>2206</v>
      </c>
      <c r="EJ8" s="61">
        <v>2481</v>
      </c>
      <c r="EK8" s="61">
        <v>1513</v>
      </c>
      <c r="EL8" s="61">
        <v>1289</v>
      </c>
      <c r="EM8" s="61">
        <v>1122</v>
      </c>
      <c r="EN8" s="62">
        <v>8611</v>
      </c>
      <c r="EO8" s="63">
        <v>13935</v>
      </c>
      <c r="EP8" s="60">
        <v>4621</v>
      </c>
      <c r="EQ8" s="61">
        <v>5300</v>
      </c>
      <c r="ER8" s="62">
        <v>9921</v>
      </c>
      <c r="ES8" s="231"/>
      <c r="ET8" s="61">
        <v>4706</v>
      </c>
      <c r="EU8" s="61">
        <v>5003</v>
      </c>
      <c r="EV8" s="61">
        <v>2908</v>
      </c>
      <c r="EW8" s="61">
        <v>2679</v>
      </c>
      <c r="EX8" s="61">
        <v>1763</v>
      </c>
      <c r="EY8" s="62">
        <v>17059</v>
      </c>
      <c r="EZ8" s="63">
        <v>26980</v>
      </c>
      <c r="FA8" s="60">
        <v>4521</v>
      </c>
      <c r="FB8" s="61">
        <v>6126</v>
      </c>
      <c r="FC8" s="62">
        <v>10647</v>
      </c>
      <c r="FD8" s="231"/>
      <c r="FE8" s="61">
        <v>6173</v>
      </c>
      <c r="FF8" s="61">
        <v>7037</v>
      </c>
      <c r="FG8" s="61">
        <v>4598</v>
      </c>
      <c r="FH8" s="61">
        <v>4199</v>
      </c>
      <c r="FI8" s="61">
        <v>2792</v>
      </c>
      <c r="FJ8" s="62">
        <v>24799</v>
      </c>
      <c r="FK8" s="63">
        <v>35446</v>
      </c>
      <c r="FL8" s="60">
        <v>2339</v>
      </c>
      <c r="FM8" s="61">
        <v>3976</v>
      </c>
      <c r="FN8" s="62">
        <v>6315</v>
      </c>
      <c r="FO8" s="231"/>
      <c r="FP8" s="61">
        <v>5052</v>
      </c>
      <c r="FQ8" s="61">
        <v>7722</v>
      </c>
      <c r="FR8" s="61">
        <v>6341</v>
      </c>
      <c r="FS8" s="61">
        <v>6807</v>
      </c>
      <c r="FT8" s="61">
        <v>4202</v>
      </c>
      <c r="FU8" s="62">
        <v>30124</v>
      </c>
      <c r="FV8" s="63">
        <v>36439</v>
      </c>
      <c r="FW8" s="60">
        <v>145</v>
      </c>
      <c r="FX8" s="61">
        <v>294</v>
      </c>
      <c r="FY8" s="62">
        <v>439</v>
      </c>
      <c r="FZ8" s="231"/>
      <c r="GA8" s="61">
        <v>201</v>
      </c>
      <c r="GB8" s="61">
        <v>467</v>
      </c>
      <c r="GC8" s="61">
        <v>263</v>
      </c>
      <c r="GD8" s="61">
        <v>235</v>
      </c>
      <c r="GE8" s="61">
        <v>262</v>
      </c>
      <c r="GF8" s="62">
        <v>1428</v>
      </c>
      <c r="GG8" s="63">
        <v>1867</v>
      </c>
      <c r="GH8" s="60">
        <v>15242</v>
      </c>
      <c r="GI8" s="61">
        <v>20489</v>
      </c>
      <c r="GJ8" s="62">
        <v>35731</v>
      </c>
      <c r="GK8" s="231"/>
      <c r="GL8" s="61">
        <v>19492</v>
      </c>
      <c r="GM8" s="61">
        <v>24458</v>
      </c>
      <c r="GN8" s="61">
        <v>16628</v>
      </c>
      <c r="GO8" s="61">
        <v>16245</v>
      </c>
      <c r="GP8" s="61">
        <v>10995</v>
      </c>
      <c r="GQ8" s="62">
        <v>87818</v>
      </c>
      <c r="GR8" s="63">
        <v>123549</v>
      </c>
      <c r="GS8" s="113">
        <v>23187</v>
      </c>
      <c r="GT8" s="72">
        <v>29903</v>
      </c>
      <c r="GU8" s="73">
        <v>53090</v>
      </c>
      <c r="GV8" s="228"/>
      <c r="GW8" s="72">
        <v>29409</v>
      </c>
      <c r="GX8" s="72">
        <v>37479</v>
      </c>
      <c r="GY8" s="72">
        <v>25055</v>
      </c>
      <c r="GZ8" s="72">
        <v>23271</v>
      </c>
      <c r="HA8" s="72">
        <v>15109</v>
      </c>
      <c r="HB8" s="74">
        <v>130323</v>
      </c>
      <c r="HC8" s="75">
        <v>183413</v>
      </c>
      <c r="HD8" s="60">
        <v>640</v>
      </c>
      <c r="HE8" s="61">
        <v>918</v>
      </c>
      <c r="HF8" s="62">
        <v>1558</v>
      </c>
      <c r="HG8" s="231"/>
      <c r="HH8" s="61">
        <v>686</v>
      </c>
      <c r="HI8" s="61">
        <v>1168</v>
      </c>
      <c r="HJ8" s="61">
        <v>702</v>
      </c>
      <c r="HK8" s="61">
        <v>676</v>
      </c>
      <c r="HL8" s="61">
        <v>560</v>
      </c>
      <c r="HM8" s="62">
        <v>3792</v>
      </c>
      <c r="HN8" s="63">
        <v>5350</v>
      </c>
      <c r="HO8" s="60">
        <v>1710</v>
      </c>
      <c r="HP8" s="61">
        <v>2392</v>
      </c>
      <c r="HQ8" s="62">
        <v>4102</v>
      </c>
      <c r="HR8" s="231"/>
      <c r="HS8" s="61">
        <v>1726</v>
      </c>
      <c r="HT8" s="61">
        <v>2794</v>
      </c>
      <c r="HU8" s="61">
        <v>1706</v>
      </c>
      <c r="HV8" s="61">
        <v>1571</v>
      </c>
      <c r="HW8" s="61">
        <v>1216</v>
      </c>
      <c r="HX8" s="62">
        <v>9013</v>
      </c>
      <c r="HY8" s="63">
        <v>13115</v>
      </c>
      <c r="HZ8" s="60">
        <v>3530</v>
      </c>
      <c r="IA8" s="61">
        <v>4593</v>
      </c>
      <c r="IB8" s="62">
        <v>8123</v>
      </c>
      <c r="IC8" s="231"/>
      <c r="ID8" s="61">
        <v>3767</v>
      </c>
      <c r="IE8" s="61">
        <v>4666</v>
      </c>
      <c r="IF8" s="61">
        <v>2928</v>
      </c>
      <c r="IG8" s="61">
        <v>2463</v>
      </c>
      <c r="IH8" s="61">
        <v>1904</v>
      </c>
      <c r="II8" s="62">
        <v>15728</v>
      </c>
      <c r="IJ8" s="63">
        <v>23851</v>
      </c>
      <c r="IK8" s="60">
        <v>6662</v>
      </c>
      <c r="IL8" s="61">
        <v>7630</v>
      </c>
      <c r="IM8" s="62">
        <v>14292</v>
      </c>
      <c r="IN8" s="231"/>
      <c r="IO8" s="61">
        <v>7160</v>
      </c>
      <c r="IP8" s="61">
        <v>8108</v>
      </c>
      <c r="IQ8" s="61">
        <v>4810</v>
      </c>
      <c r="IR8" s="61">
        <v>4309</v>
      </c>
      <c r="IS8" s="61">
        <v>2726</v>
      </c>
      <c r="IT8" s="62">
        <v>27113</v>
      </c>
      <c r="IU8" s="63">
        <v>41405</v>
      </c>
      <c r="IV8" s="60">
        <v>6955</v>
      </c>
      <c r="IW8" s="61">
        <v>8648</v>
      </c>
      <c r="IX8" s="62">
        <v>15603</v>
      </c>
      <c r="IY8" s="231"/>
      <c r="IZ8" s="61">
        <v>9080</v>
      </c>
      <c r="JA8" s="61">
        <v>10351</v>
      </c>
      <c r="JB8" s="61">
        <v>6733</v>
      </c>
      <c r="JC8" s="61">
        <v>5953</v>
      </c>
      <c r="JD8" s="61">
        <v>3720</v>
      </c>
      <c r="JE8" s="62">
        <v>35837</v>
      </c>
      <c r="JF8" s="63">
        <v>51440</v>
      </c>
      <c r="JG8" s="60">
        <v>3690</v>
      </c>
      <c r="JH8" s="61">
        <v>5722</v>
      </c>
      <c r="JI8" s="62">
        <v>9412</v>
      </c>
      <c r="JJ8" s="231"/>
      <c r="JK8" s="61">
        <v>6990</v>
      </c>
      <c r="JL8" s="61">
        <v>10392</v>
      </c>
      <c r="JM8" s="61">
        <v>8176</v>
      </c>
      <c r="JN8" s="61">
        <v>8299</v>
      </c>
      <c r="JO8" s="61">
        <v>4983</v>
      </c>
      <c r="JP8" s="62">
        <v>38840</v>
      </c>
      <c r="JQ8" s="63">
        <v>48252</v>
      </c>
      <c r="JR8" s="60">
        <v>331</v>
      </c>
      <c r="JS8" s="61">
        <v>645</v>
      </c>
      <c r="JT8" s="62">
        <v>976</v>
      </c>
      <c r="JU8" s="231"/>
      <c r="JV8" s="61">
        <v>438</v>
      </c>
      <c r="JW8" s="61">
        <v>1075</v>
      </c>
      <c r="JX8" s="61">
        <v>645</v>
      </c>
      <c r="JY8" s="61">
        <v>570</v>
      </c>
      <c r="JZ8" s="61">
        <v>585</v>
      </c>
      <c r="KA8" s="62">
        <v>3313</v>
      </c>
      <c r="KB8" s="63">
        <v>4289</v>
      </c>
      <c r="KC8" s="60">
        <v>23518</v>
      </c>
      <c r="KD8" s="61">
        <v>30548</v>
      </c>
      <c r="KE8" s="62">
        <v>54066</v>
      </c>
      <c r="KF8" s="231"/>
      <c r="KG8" s="61">
        <v>29847</v>
      </c>
      <c r="KH8" s="61">
        <v>38554</v>
      </c>
      <c r="KI8" s="61">
        <v>25700</v>
      </c>
      <c r="KJ8" s="61">
        <v>23841</v>
      </c>
      <c r="KK8" s="61">
        <v>15694</v>
      </c>
      <c r="KL8" s="62">
        <v>133636</v>
      </c>
      <c r="KM8" s="63">
        <v>187702</v>
      </c>
    </row>
    <row r="9" spans="2:299" ht="21" customHeight="1" x14ac:dyDescent="0.2">
      <c r="B9" s="472" t="s">
        <v>6</v>
      </c>
      <c r="C9" s="293">
        <v>2655</v>
      </c>
      <c r="D9" s="72">
        <v>2396</v>
      </c>
      <c r="E9" s="73">
        <v>5051</v>
      </c>
      <c r="F9" s="228"/>
      <c r="G9" s="72">
        <v>4914</v>
      </c>
      <c r="H9" s="72">
        <v>4014</v>
      </c>
      <c r="I9" s="72">
        <v>2823</v>
      </c>
      <c r="J9" s="72">
        <v>2438</v>
      </c>
      <c r="K9" s="72">
        <v>1680</v>
      </c>
      <c r="L9" s="74">
        <v>15869</v>
      </c>
      <c r="M9" s="75">
        <v>20920</v>
      </c>
      <c r="N9" s="60">
        <v>152</v>
      </c>
      <c r="O9" s="61">
        <v>146</v>
      </c>
      <c r="P9" s="62">
        <v>298</v>
      </c>
      <c r="Q9" s="231"/>
      <c r="R9" s="61">
        <v>262</v>
      </c>
      <c r="S9" s="61">
        <v>246</v>
      </c>
      <c r="T9" s="61">
        <v>143</v>
      </c>
      <c r="U9" s="61">
        <v>134</v>
      </c>
      <c r="V9" s="61">
        <v>126</v>
      </c>
      <c r="W9" s="62">
        <v>911</v>
      </c>
      <c r="X9" s="63">
        <v>1209</v>
      </c>
      <c r="Y9" s="60">
        <v>294</v>
      </c>
      <c r="Z9" s="61">
        <v>285</v>
      </c>
      <c r="AA9" s="62">
        <v>579</v>
      </c>
      <c r="AB9" s="231"/>
      <c r="AC9" s="61">
        <v>529</v>
      </c>
      <c r="AD9" s="61">
        <v>476</v>
      </c>
      <c r="AE9" s="61">
        <v>343</v>
      </c>
      <c r="AF9" s="61">
        <v>295</v>
      </c>
      <c r="AG9" s="61">
        <v>243</v>
      </c>
      <c r="AH9" s="62">
        <v>1886</v>
      </c>
      <c r="AI9" s="63">
        <v>2465</v>
      </c>
      <c r="AJ9" s="60">
        <v>437</v>
      </c>
      <c r="AK9" s="61">
        <v>410</v>
      </c>
      <c r="AL9" s="62">
        <v>847</v>
      </c>
      <c r="AM9" s="231"/>
      <c r="AN9" s="61">
        <v>821</v>
      </c>
      <c r="AO9" s="61">
        <v>714</v>
      </c>
      <c r="AP9" s="61">
        <v>488</v>
      </c>
      <c r="AQ9" s="61">
        <v>432</v>
      </c>
      <c r="AR9" s="61">
        <v>310</v>
      </c>
      <c r="AS9" s="62">
        <v>2765</v>
      </c>
      <c r="AT9" s="63">
        <v>3612</v>
      </c>
      <c r="AU9" s="60">
        <v>644</v>
      </c>
      <c r="AV9" s="61">
        <v>567</v>
      </c>
      <c r="AW9" s="62">
        <v>1211</v>
      </c>
      <c r="AX9" s="231"/>
      <c r="AY9" s="61">
        <v>1220</v>
      </c>
      <c r="AZ9" s="61">
        <v>938</v>
      </c>
      <c r="BA9" s="61">
        <v>659</v>
      </c>
      <c r="BB9" s="61">
        <v>511</v>
      </c>
      <c r="BC9" s="61">
        <v>382</v>
      </c>
      <c r="BD9" s="62">
        <v>3710</v>
      </c>
      <c r="BE9" s="63">
        <v>4921</v>
      </c>
      <c r="BF9" s="60">
        <v>715</v>
      </c>
      <c r="BG9" s="61">
        <v>570</v>
      </c>
      <c r="BH9" s="62">
        <v>1285</v>
      </c>
      <c r="BI9" s="231"/>
      <c r="BJ9" s="61">
        <v>1222</v>
      </c>
      <c r="BK9" s="61">
        <v>946</v>
      </c>
      <c r="BL9" s="61">
        <v>634</v>
      </c>
      <c r="BM9" s="61">
        <v>556</v>
      </c>
      <c r="BN9" s="61">
        <v>350</v>
      </c>
      <c r="BO9" s="62">
        <v>3708</v>
      </c>
      <c r="BP9" s="63">
        <v>4993</v>
      </c>
      <c r="BQ9" s="60">
        <v>413</v>
      </c>
      <c r="BR9" s="61">
        <v>418</v>
      </c>
      <c r="BS9" s="62">
        <v>831</v>
      </c>
      <c r="BT9" s="231"/>
      <c r="BU9" s="61">
        <v>860</v>
      </c>
      <c r="BV9" s="61">
        <v>694</v>
      </c>
      <c r="BW9" s="61">
        <v>556</v>
      </c>
      <c r="BX9" s="61">
        <v>510</v>
      </c>
      <c r="BY9" s="61">
        <v>269</v>
      </c>
      <c r="BZ9" s="62">
        <v>2889</v>
      </c>
      <c r="CA9" s="63">
        <v>3720</v>
      </c>
      <c r="CB9" s="60">
        <v>84</v>
      </c>
      <c r="CC9" s="61">
        <v>89</v>
      </c>
      <c r="CD9" s="62">
        <v>173</v>
      </c>
      <c r="CE9" s="231"/>
      <c r="CF9" s="61">
        <v>166</v>
      </c>
      <c r="CG9" s="61">
        <v>185</v>
      </c>
      <c r="CH9" s="61">
        <v>110</v>
      </c>
      <c r="CI9" s="61">
        <v>137</v>
      </c>
      <c r="CJ9" s="61">
        <v>112</v>
      </c>
      <c r="CK9" s="62">
        <v>710</v>
      </c>
      <c r="CL9" s="63">
        <v>883</v>
      </c>
      <c r="CM9" s="60">
        <v>2739</v>
      </c>
      <c r="CN9" s="61">
        <v>2485</v>
      </c>
      <c r="CO9" s="62">
        <v>5224</v>
      </c>
      <c r="CP9" s="231"/>
      <c r="CQ9" s="61">
        <v>5080</v>
      </c>
      <c r="CR9" s="61">
        <v>4199</v>
      </c>
      <c r="CS9" s="61">
        <v>2933</v>
      </c>
      <c r="CT9" s="61">
        <v>2575</v>
      </c>
      <c r="CU9" s="61">
        <v>1792</v>
      </c>
      <c r="CV9" s="62">
        <v>16579</v>
      </c>
      <c r="CW9" s="63">
        <v>21803</v>
      </c>
      <c r="CX9" s="113">
        <v>5175</v>
      </c>
      <c r="CY9" s="72">
        <v>5397</v>
      </c>
      <c r="CZ9" s="73">
        <v>10572</v>
      </c>
      <c r="DA9" s="228"/>
      <c r="DB9" s="72">
        <v>8674</v>
      </c>
      <c r="DC9" s="72">
        <v>6676</v>
      </c>
      <c r="DD9" s="72">
        <v>5318</v>
      </c>
      <c r="DE9" s="72">
        <v>5355</v>
      </c>
      <c r="DF9" s="72">
        <v>3698</v>
      </c>
      <c r="DG9" s="74">
        <v>29721</v>
      </c>
      <c r="DH9" s="75">
        <v>40293</v>
      </c>
      <c r="DI9" s="60">
        <v>123</v>
      </c>
      <c r="DJ9" s="61">
        <v>120</v>
      </c>
      <c r="DK9" s="62">
        <v>243</v>
      </c>
      <c r="DL9" s="231"/>
      <c r="DM9" s="61">
        <v>162</v>
      </c>
      <c r="DN9" s="61">
        <v>116</v>
      </c>
      <c r="DO9" s="61">
        <v>105</v>
      </c>
      <c r="DP9" s="61">
        <v>108</v>
      </c>
      <c r="DQ9" s="61">
        <v>81</v>
      </c>
      <c r="DR9" s="62">
        <v>572</v>
      </c>
      <c r="DS9" s="63">
        <v>815</v>
      </c>
      <c r="DT9" s="60">
        <v>351</v>
      </c>
      <c r="DU9" s="61">
        <v>350</v>
      </c>
      <c r="DV9" s="62">
        <v>701</v>
      </c>
      <c r="DW9" s="231"/>
      <c r="DX9" s="61">
        <v>486</v>
      </c>
      <c r="DY9" s="61">
        <v>356</v>
      </c>
      <c r="DZ9" s="61">
        <v>238</v>
      </c>
      <c r="EA9" s="61">
        <v>273</v>
      </c>
      <c r="EB9" s="61">
        <v>193</v>
      </c>
      <c r="EC9" s="62">
        <v>1546</v>
      </c>
      <c r="ED9" s="63">
        <v>2247</v>
      </c>
      <c r="EE9" s="60">
        <v>779</v>
      </c>
      <c r="EF9" s="61">
        <v>819</v>
      </c>
      <c r="EG9" s="62">
        <v>1598</v>
      </c>
      <c r="EH9" s="231"/>
      <c r="EI9" s="61">
        <v>1099</v>
      </c>
      <c r="EJ9" s="61">
        <v>697</v>
      </c>
      <c r="EK9" s="61">
        <v>493</v>
      </c>
      <c r="EL9" s="61">
        <v>471</v>
      </c>
      <c r="EM9" s="61">
        <v>353</v>
      </c>
      <c r="EN9" s="62">
        <v>3113</v>
      </c>
      <c r="EO9" s="63">
        <v>4711</v>
      </c>
      <c r="EP9" s="60">
        <v>1611</v>
      </c>
      <c r="EQ9" s="61">
        <v>1439</v>
      </c>
      <c r="ER9" s="62">
        <v>3050</v>
      </c>
      <c r="ES9" s="231"/>
      <c r="ET9" s="61">
        <v>2012</v>
      </c>
      <c r="EU9" s="61">
        <v>1365</v>
      </c>
      <c r="EV9" s="61">
        <v>966</v>
      </c>
      <c r="EW9" s="61">
        <v>899</v>
      </c>
      <c r="EX9" s="61">
        <v>645</v>
      </c>
      <c r="EY9" s="62">
        <v>5887</v>
      </c>
      <c r="EZ9" s="63">
        <v>8937</v>
      </c>
      <c r="FA9" s="60">
        <v>1503</v>
      </c>
      <c r="FB9" s="61">
        <v>1641</v>
      </c>
      <c r="FC9" s="62">
        <v>3144</v>
      </c>
      <c r="FD9" s="231"/>
      <c r="FE9" s="61">
        <v>2630</v>
      </c>
      <c r="FF9" s="61">
        <v>1994</v>
      </c>
      <c r="FG9" s="61">
        <v>1489</v>
      </c>
      <c r="FH9" s="61">
        <v>1357</v>
      </c>
      <c r="FI9" s="61">
        <v>968</v>
      </c>
      <c r="FJ9" s="62">
        <v>8438</v>
      </c>
      <c r="FK9" s="63">
        <v>11582</v>
      </c>
      <c r="FL9" s="60">
        <v>808</v>
      </c>
      <c r="FM9" s="61">
        <v>1028</v>
      </c>
      <c r="FN9" s="62">
        <v>1836</v>
      </c>
      <c r="FO9" s="231"/>
      <c r="FP9" s="61">
        <v>2285</v>
      </c>
      <c r="FQ9" s="61">
        <v>2148</v>
      </c>
      <c r="FR9" s="61">
        <v>2027</v>
      </c>
      <c r="FS9" s="61">
        <v>2247</v>
      </c>
      <c r="FT9" s="61">
        <v>1458</v>
      </c>
      <c r="FU9" s="62">
        <v>10165</v>
      </c>
      <c r="FV9" s="63">
        <v>12001</v>
      </c>
      <c r="FW9" s="60">
        <v>55</v>
      </c>
      <c r="FX9" s="61">
        <v>91</v>
      </c>
      <c r="FY9" s="62">
        <v>146</v>
      </c>
      <c r="FZ9" s="231"/>
      <c r="GA9" s="61">
        <v>137</v>
      </c>
      <c r="GB9" s="61">
        <v>128</v>
      </c>
      <c r="GC9" s="61">
        <v>102</v>
      </c>
      <c r="GD9" s="61">
        <v>104</v>
      </c>
      <c r="GE9" s="61">
        <v>96</v>
      </c>
      <c r="GF9" s="62">
        <v>567</v>
      </c>
      <c r="GG9" s="63">
        <v>713</v>
      </c>
      <c r="GH9" s="60">
        <v>5230</v>
      </c>
      <c r="GI9" s="61">
        <v>5488</v>
      </c>
      <c r="GJ9" s="62">
        <v>10718</v>
      </c>
      <c r="GK9" s="231"/>
      <c r="GL9" s="61">
        <v>8811</v>
      </c>
      <c r="GM9" s="61">
        <v>6804</v>
      </c>
      <c r="GN9" s="61">
        <v>5420</v>
      </c>
      <c r="GO9" s="61">
        <v>5459</v>
      </c>
      <c r="GP9" s="61">
        <v>3794</v>
      </c>
      <c r="GQ9" s="62">
        <v>30288</v>
      </c>
      <c r="GR9" s="63">
        <v>41006</v>
      </c>
      <c r="GS9" s="113">
        <v>7830</v>
      </c>
      <c r="GT9" s="72">
        <v>7793</v>
      </c>
      <c r="GU9" s="73">
        <v>15623</v>
      </c>
      <c r="GV9" s="228"/>
      <c r="GW9" s="72">
        <v>13588</v>
      </c>
      <c r="GX9" s="72">
        <v>10690</v>
      </c>
      <c r="GY9" s="72">
        <v>8141</v>
      </c>
      <c r="GZ9" s="72">
        <v>7793</v>
      </c>
      <c r="HA9" s="72">
        <v>5378</v>
      </c>
      <c r="HB9" s="74">
        <v>45590</v>
      </c>
      <c r="HC9" s="75">
        <v>61213</v>
      </c>
      <c r="HD9" s="60">
        <v>275</v>
      </c>
      <c r="HE9" s="61">
        <v>266</v>
      </c>
      <c r="HF9" s="62">
        <v>541</v>
      </c>
      <c r="HG9" s="231"/>
      <c r="HH9" s="61">
        <v>424</v>
      </c>
      <c r="HI9" s="61">
        <v>362</v>
      </c>
      <c r="HJ9" s="61">
        <v>248</v>
      </c>
      <c r="HK9" s="61">
        <v>242</v>
      </c>
      <c r="HL9" s="61">
        <v>207</v>
      </c>
      <c r="HM9" s="62">
        <v>1483</v>
      </c>
      <c r="HN9" s="63">
        <v>2024</v>
      </c>
      <c r="HO9" s="60">
        <v>645</v>
      </c>
      <c r="HP9" s="61">
        <v>635</v>
      </c>
      <c r="HQ9" s="62">
        <v>1280</v>
      </c>
      <c r="HR9" s="231"/>
      <c r="HS9" s="61">
        <v>1015</v>
      </c>
      <c r="HT9" s="61">
        <v>832</v>
      </c>
      <c r="HU9" s="61">
        <v>581</v>
      </c>
      <c r="HV9" s="61">
        <v>568</v>
      </c>
      <c r="HW9" s="61">
        <v>436</v>
      </c>
      <c r="HX9" s="62">
        <v>3432</v>
      </c>
      <c r="HY9" s="63">
        <v>4712</v>
      </c>
      <c r="HZ9" s="60">
        <v>1216</v>
      </c>
      <c r="IA9" s="61">
        <v>1229</v>
      </c>
      <c r="IB9" s="62">
        <v>2445</v>
      </c>
      <c r="IC9" s="231"/>
      <c r="ID9" s="61">
        <v>1920</v>
      </c>
      <c r="IE9" s="61">
        <v>1411</v>
      </c>
      <c r="IF9" s="61">
        <v>981</v>
      </c>
      <c r="IG9" s="61">
        <v>903</v>
      </c>
      <c r="IH9" s="61">
        <v>663</v>
      </c>
      <c r="II9" s="62">
        <v>5878</v>
      </c>
      <c r="IJ9" s="63">
        <v>8323</v>
      </c>
      <c r="IK9" s="60">
        <v>2255</v>
      </c>
      <c r="IL9" s="61">
        <v>2006</v>
      </c>
      <c r="IM9" s="62">
        <v>4261</v>
      </c>
      <c r="IN9" s="231"/>
      <c r="IO9" s="61">
        <v>3232</v>
      </c>
      <c r="IP9" s="61">
        <v>2303</v>
      </c>
      <c r="IQ9" s="61">
        <v>1625</v>
      </c>
      <c r="IR9" s="61">
        <v>1410</v>
      </c>
      <c r="IS9" s="61">
        <v>1027</v>
      </c>
      <c r="IT9" s="62">
        <v>9597</v>
      </c>
      <c r="IU9" s="63">
        <v>13858</v>
      </c>
      <c r="IV9" s="60">
        <v>2218</v>
      </c>
      <c r="IW9" s="61">
        <v>2211</v>
      </c>
      <c r="IX9" s="62">
        <v>4429</v>
      </c>
      <c r="IY9" s="231"/>
      <c r="IZ9" s="61">
        <v>3852</v>
      </c>
      <c r="JA9" s="61">
        <v>2940</v>
      </c>
      <c r="JB9" s="61">
        <v>2123</v>
      </c>
      <c r="JC9" s="61">
        <v>1913</v>
      </c>
      <c r="JD9" s="61">
        <v>1318</v>
      </c>
      <c r="JE9" s="62">
        <v>12146</v>
      </c>
      <c r="JF9" s="63">
        <v>16575</v>
      </c>
      <c r="JG9" s="60">
        <v>1221</v>
      </c>
      <c r="JH9" s="61">
        <v>1446</v>
      </c>
      <c r="JI9" s="62">
        <v>2667</v>
      </c>
      <c r="JJ9" s="231"/>
      <c r="JK9" s="61">
        <v>3145</v>
      </c>
      <c r="JL9" s="61">
        <v>2842</v>
      </c>
      <c r="JM9" s="61">
        <v>2583</v>
      </c>
      <c r="JN9" s="61">
        <v>2757</v>
      </c>
      <c r="JO9" s="61">
        <v>1727</v>
      </c>
      <c r="JP9" s="62">
        <v>13054</v>
      </c>
      <c r="JQ9" s="63">
        <v>15721</v>
      </c>
      <c r="JR9" s="60">
        <v>139</v>
      </c>
      <c r="JS9" s="61">
        <v>180</v>
      </c>
      <c r="JT9" s="62">
        <v>319</v>
      </c>
      <c r="JU9" s="231"/>
      <c r="JV9" s="61">
        <v>303</v>
      </c>
      <c r="JW9" s="61">
        <v>313</v>
      </c>
      <c r="JX9" s="61">
        <v>212</v>
      </c>
      <c r="JY9" s="61">
        <v>241</v>
      </c>
      <c r="JZ9" s="61">
        <v>208</v>
      </c>
      <c r="KA9" s="62">
        <v>1277</v>
      </c>
      <c r="KB9" s="63">
        <v>1596</v>
      </c>
      <c r="KC9" s="60">
        <v>7969</v>
      </c>
      <c r="KD9" s="61">
        <v>7973</v>
      </c>
      <c r="KE9" s="62">
        <v>15942</v>
      </c>
      <c r="KF9" s="231"/>
      <c r="KG9" s="61">
        <v>13891</v>
      </c>
      <c r="KH9" s="61">
        <v>11003</v>
      </c>
      <c r="KI9" s="61">
        <v>8353</v>
      </c>
      <c r="KJ9" s="61">
        <v>8034</v>
      </c>
      <c r="KK9" s="61">
        <v>5586</v>
      </c>
      <c r="KL9" s="62">
        <v>46867</v>
      </c>
      <c r="KM9" s="63">
        <v>62809</v>
      </c>
    </row>
    <row r="10" spans="2:299" ht="21" customHeight="1" x14ac:dyDescent="0.2">
      <c r="B10" s="472" t="s">
        <v>14</v>
      </c>
      <c r="C10" s="293">
        <v>1544</v>
      </c>
      <c r="D10" s="72">
        <v>1867</v>
      </c>
      <c r="E10" s="73">
        <v>3411</v>
      </c>
      <c r="F10" s="228"/>
      <c r="G10" s="72">
        <v>2282</v>
      </c>
      <c r="H10" s="72">
        <v>2543</v>
      </c>
      <c r="I10" s="72">
        <v>1870</v>
      </c>
      <c r="J10" s="72">
        <v>1522</v>
      </c>
      <c r="K10" s="72">
        <v>890</v>
      </c>
      <c r="L10" s="74">
        <v>9107</v>
      </c>
      <c r="M10" s="75">
        <v>12518</v>
      </c>
      <c r="N10" s="60">
        <v>64</v>
      </c>
      <c r="O10" s="61">
        <v>90</v>
      </c>
      <c r="P10" s="62">
        <v>154</v>
      </c>
      <c r="Q10" s="231"/>
      <c r="R10" s="61">
        <v>97</v>
      </c>
      <c r="S10" s="61">
        <v>123</v>
      </c>
      <c r="T10" s="61">
        <v>88</v>
      </c>
      <c r="U10" s="61">
        <v>84</v>
      </c>
      <c r="V10" s="61">
        <v>73</v>
      </c>
      <c r="W10" s="62">
        <v>465</v>
      </c>
      <c r="X10" s="63">
        <v>619</v>
      </c>
      <c r="Y10" s="60">
        <v>160</v>
      </c>
      <c r="Z10" s="61">
        <v>255</v>
      </c>
      <c r="AA10" s="62">
        <v>415</v>
      </c>
      <c r="AB10" s="231"/>
      <c r="AC10" s="61">
        <v>184</v>
      </c>
      <c r="AD10" s="61">
        <v>273</v>
      </c>
      <c r="AE10" s="61">
        <v>209</v>
      </c>
      <c r="AF10" s="61">
        <v>179</v>
      </c>
      <c r="AG10" s="61">
        <v>119</v>
      </c>
      <c r="AH10" s="62">
        <v>964</v>
      </c>
      <c r="AI10" s="63">
        <v>1379</v>
      </c>
      <c r="AJ10" s="60">
        <v>263</v>
      </c>
      <c r="AK10" s="61">
        <v>352</v>
      </c>
      <c r="AL10" s="62">
        <v>615</v>
      </c>
      <c r="AM10" s="231"/>
      <c r="AN10" s="61">
        <v>379</v>
      </c>
      <c r="AO10" s="61">
        <v>426</v>
      </c>
      <c r="AP10" s="61">
        <v>314</v>
      </c>
      <c r="AQ10" s="61">
        <v>260</v>
      </c>
      <c r="AR10" s="61">
        <v>162</v>
      </c>
      <c r="AS10" s="62">
        <v>1541</v>
      </c>
      <c r="AT10" s="63">
        <v>2156</v>
      </c>
      <c r="AU10" s="60">
        <v>459</v>
      </c>
      <c r="AV10" s="61">
        <v>517</v>
      </c>
      <c r="AW10" s="62">
        <v>976</v>
      </c>
      <c r="AX10" s="231"/>
      <c r="AY10" s="61">
        <v>644</v>
      </c>
      <c r="AZ10" s="61">
        <v>637</v>
      </c>
      <c r="BA10" s="61">
        <v>445</v>
      </c>
      <c r="BB10" s="61">
        <v>381</v>
      </c>
      <c r="BC10" s="61">
        <v>222</v>
      </c>
      <c r="BD10" s="62">
        <v>2329</v>
      </c>
      <c r="BE10" s="63">
        <v>3305</v>
      </c>
      <c r="BF10" s="60">
        <v>402</v>
      </c>
      <c r="BG10" s="61">
        <v>417</v>
      </c>
      <c r="BH10" s="62">
        <v>819</v>
      </c>
      <c r="BI10" s="231"/>
      <c r="BJ10" s="61">
        <v>606</v>
      </c>
      <c r="BK10" s="61">
        <v>646</v>
      </c>
      <c r="BL10" s="61">
        <v>480</v>
      </c>
      <c r="BM10" s="61">
        <v>360</v>
      </c>
      <c r="BN10" s="61">
        <v>191</v>
      </c>
      <c r="BO10" s="62">
        <v>2283</v>
      </c>
      <c r="BP10" s="63">
        <v>3102</v>
      </c>
      <c r="BQ10" s="60">
        <v>196</v>
      </c>
      <c r="BR10" s="61">
        <v>236</v>
      </c>
      <c r="BS10" s="62">
        <v>432</v>
      </c>
      <c r="BT10" s="231"/>
      <c r="BU10" s="61">
        <v>372</v>
      </c>
      <c r="BV10" s="61">
        <v>438</v>
      </c>
      <c r="BW10" s="61">
        <v>334</v>
      </c>
      <c r="BX10" s="61">
        <v>258</v>
      </c>
      <c r="BY10" s="61">
        <v>123</v>
      </c>
      <c r="BZ10" s="62">
        <v>1525</v>
      </c>
      <c r="CA10" s="63">
        <v>1957</v>
      </c>
      <c r="CB10" s="60">
        <v>37</v>
      </c>
      <c r="CC10" s="61">
        <v>92</v>
      </c>
      <c r="CD10" s="62">
        <v>129</v>
      </c>
      <c r="CE10" s="231"/>
      <c r="CF10" s="61">
        <v>41</v>
      </c>
      <c r="CG10" s="61">
        <v>112</v>
      </c>
      <c r="CH10" s="61">
        <v>68</v>
      </c>
      <c r="CI10" s="61">
        <v>76</v>
      </c>
      <c r="CJ10" s="61">
        <v>56</v>
      </c>
      <c r="CK10" s="62">
        <v>353</v>
      </c>
      <c r="CL10" s="63">
        <v>482</v>
      </c>
      <c r="CM10" s="60">
        <v>1581</v>
      </c>
      <c r="CN10" s="61">
        <v>1959</v>
      </c>
      <c r="CO10" s="62">
        <v>3540</v>
      </c>
      <c r="CP10" s="231"/>
      <c r="CQ10" s="61">
        <v>2323</v>
      </c>
      <c r="CR10" s="61">
        <v>2655</v>
      </c>
      <c r="CS10" s="61">
        <v>1938</v>
      </c>
      <c r="CT10" s="61">
        <v>1598</v>
      </c>
      <c r="CU10" s="61">
        <v>946</v>
      </c>
      <c r="CV10" s="62">
        <v>9460</v>
      </c>
      <c r="CW10" s="63">
        <v>13000</v>
      </c>
      <c r="CX10" s="113">
        <v>2968</v>
      </c>
      <c r="CY10" s="72">
        <v>4075</v>
      </c>
      <c r="CZ10" s="73">
        <v>7043</v>
      </c>
      <c r="DA10" s="228"/>
      <c r="DB10" s="72">
        <v>3805</v>
      </c>
      <c r="DC10" s="72">
        <v>4152</v>
      </c>
      <c r="DD10" s="72">
        <v>3225</v>
      </c>
      <c r="DE10" s="72">
        <v>3113</v>
      </c>
      <c r="DF10" s="72">
        <v>1913</v>
      </c>
      <c r="DG10" s="74">
        <v>16208</v>
      </c>
      <c r="DH10" s="75">
        <v>23251</v>
      </c>
      <c r="DI10" s="60">
        <v>70</v>
      </c>
      <c r="DJ10" s="61">
        <v>96</v>
      </c>
      <c r="DK10" s="62">
        <v>166</v>
      </c>
      <c r="DL10" s="231"/>
      <c r="DM10" s="61">
        <v>58</v>
      </c>
      <c r="DN10" s="61">
        <v>97</v>
      </c>
      <c r="DO10" s="61">
        <v>71</v>
      </c>
      <c r="DP10" s="61">
        <v>53</v>
      </c>
      <c r="DQ10" s="61">
        <v>43</v>
      </c>
      <c r="DR10" s="62">
        <v>322</v>
      </c>
      <c r="DS10" s="63">
        <v>488</v>
      </c>
      <c r="DT10" s="60">
        <v>233</v>
      </c>
      <c r="DU10" s="61">
        <v>359</v>
      </c>
      <c r="DV10" s="62">
        <v>592</v>
      </c>
      <c r="DW10" s="231"/>
      <c r="DX10" s="61">
        <v>201</v>
      </c>
      <c r="DY10" s="61">
        <v>284</v>
      </c>
      <c r="DZ10" s="61">
        <v>157</v>
      </c>
      <c r="EA10" s="61">
        <v>159</v>
      </c>
      <c r="EB10" s="61">
        <v>127</v>
      </c>
      <c r="EC10" s="62">
        <v>928</v>
      </c>
      <c r="ED10" s="63">
        <v>1520</v>
      </c>
      <c r="EE10" s="60">
        <v>574</v>
      </c>
      <c r="EF10" s="61">
        <v>671</v>
      </c>
      <c r="EG10" s="62">
        <v>1245</v>
      </c>
      <c r="EH10" s="231"/>
      <c r="EI10" s="61">
        <v>524</v>
      </c>
      <c r="EJ10" s="61">
        <v>543</v>
      </c>
      <c r="EK10" s="61">
        <v>349</v>
      </c>
      <c r="EL10" s="61">
        <v>333</v>
      </c>
      <c r="EM10" s="61">
        <v>246</v>
      </c>
      <c r="EN10" s="62">
        <v>1995</v>
      </c>
      <c r="EO10" s="63">
        <v>3240</v>
      </c>
      <c r="EP10" s="60">
        <v>916</v>
      </c>
      <c r="EQ10" s="61">
        <v>1208</v>
      </c>
      <c r="ER10" s="62">
        <v>2124</v>
      </c>
      <c r="ES10" s="231"/>
      <c r="ET10" s="61">
        <v>1046</v>
      </c>
      <c r="EU10" s="61">
        <v>959</v>
      </c>
      <c r="EV10" s="61">
        <v>728</v>
      </c>
      <c r="EW10" s="61">
        <v>583</v>
      </c>
      <c r="EX10" s="61">
        <v>361</v>
      </c>
      <c r="EY10" s="62">
        <v>3677</v>
      </c>
      <c r="EZ10" s="63">
        <v>5801</v>
      </c>
      <c r="FA10" s="60">
        <v>795</v>
      </c>
      <c r="FB10" s="61">
        <v>1106</v>
      </c>
      <c r="FC10" s="62">
        <v>1901</v>
      </c>
      <c r="FD10" s="231"/>
      <c r="FE10" s="61">
        <v>1102</v>
      </c>
      <c r="FF10" s="61">
        <v>1130</v>
      </c>
      <c r="FG10" s="61">
        <v>818</v>
      </c>
      <c r="FH10" s="61">
        <v>785</v>
      </c>
      <c r="FI10" s="61">
        <v>504</v>
      </c>
      <c r="FJ10" s="62">
        <v>4339</v>
      </c>
      <c r="FK10" s="63">
        <v>6240</v>
      </c>
      <c r="FL10" s="60">
        <v>380</v>
      </c>
      <c r="FM10" s="61">
        <v>635</v>
      </c>
      <c r="FN10" s="62">
        <v>1015</v>
      </c>
      <c r="FO10" s="231"/>
      <c r="FP10" s="61">
        <v>874</v>
      </c>
      <c r="FQ10" s="61">
        <v>1139</v>
      </c>
      <c r="FR10" s="61">
        <v>1102</v>
      </c>
      <c r="FS10" s="61">
        <v>1200</v>
      </c>
      <c r="FT10" s="61">
        <v>632</v>
      </c>
      <c r="FU10" s="62">
        <v>4947</v>
      </c>
      <c r="FV10" s="63">
        <v>5962</v>
      </c>
      <c r="FW10" s="60">
        <v>22</v>
      </c>
      <c r="FX10" s="61">
        <v>79</v>
      </c>
      <c r="FY10" s="62">
        <v>101</v>
      </c>
      <c r="FZ10" s="231"/>
      <c r="GA10" s="61">
        <v>42</v>
      </c>
      <c r="GB10" s="61">
        <v>90</v>
      </c>
      <c r="GC10" s="61">
        <v>40</v>
      </c>
      <c r="GD10" s="61">
        <v>47</v>
      </c>
      <c r="GE10" s="61">
        <v>60</v>
      </c>
      <c r="GF10" s="62">
        <v>279</v>
      </c>
      <c r="GG10" s="63">
        <v>380</v>
      </c>
      <c r="GH10" s="60">
        <v>2990</v>
      </c>
      <c r="GI10" s="61">
        <v>4154</v>
      </c>
      <c r="GJ10" s="62">
        <v>7144</v>
      </c>
      <c r="GK10" s="231"/>
      <c r="GL10" s="61">
        <v>3847</v>
      </c>
      <c r="GM10" s="61">
        <v>4242</v>
      </c>
      <c r="GN10" s="61">
        <v>3265</v>
      </c>
      <c r="GO10" s="61">
        <v>3160</v>
      </c>
      <c r="GP10" s="61">
        <v>1973</v>
      </c>
      <c r="GQ10" s="62">
        <v>16487</v>
      </c>
      <c r="GR10" s="63">
        <v>23631</v>
      </c>
      <c r="GS10" s="113">
        <v>4512</v>
      </c>
      <c r="GT10" s="72">
        <v>5942</v>
      </c>
      <c r="GU10" s="73">
        <v>10454</v>
      </c>
      <c r="GV10" s="228"/>
      <c r="GW10" s="72">
        <v>6087</v>
      </c>
      <c r="GX10" s="72">
        <v>6695</v>
      </c>
      <c r="GY10" s="72">
        <v>5095</v>
      </c>
      <c r="GZ10" s="72">
        <v>4635</v>
      </c>
      <c r="HA10" s="72">
        <v>2803</v>
      </c>
      <c r="HB10" s="74">
        <v>25315</v>
      </c>
      <c r="HC10" s="75">
        <v>35769</v>
      </c>
      <c r="HD10" s="60">
        <v>134</v>
      </c>
      <c r="HE10" s="61">
        <v>186</v>
      </c>
      <c r="HF10" s="62">
        <v>320</v>
      </c>
      <c r="HG10" s="231"/>
      <c r="HH10" s="61">
        <v>155</v>
      </c>
      <c r="HI10" s="61">
        <v>220</v>
      </c>
      <c r="HJ10" s="61">
        <v>159</v>
      </c>
      <c r="HK10" s="61">
        <v>137</v>
      </c>
      <c r="HL10" s="61">
        <v>116</v>
      </c>
      <c r="HM10" s="62">
        <v>787</v>
      </c>
      <c r="HN10" s="63">
        <v>1107</v>
      </c>
      <c r="HO10" s="60">
        <v>393</v>
      </c>
      <c r="HP10" s="61">
        <v>614</v>
      </c>
      <c r="HQ10" s="62">
        <v>1007</v>
      </c>
      <c r="HR10" s="231"/>
      <c r="HS10" s="61">
        <v>385</v>
      </c>
      <c r="HT10" s="61">
        <v>557</v>
      </c>
      <c r="HU10" s="61">
        <v>366</v>
      </c>
      <c r="HV10" s="61">
        <v>338</v>
      </c>
      <c r="HW10" s="61">
        <v>246</v>
      </c>
      <c r="HX10" s="62">
        <v>1892</v>
      </c>
      <c r="HY10" s="63">
        <v>2899</v>
      </c>
      <c r="HZ10" s="60">
        <v>837</v>
      </c>
      <c r="IA10" s="61">
        <v>1023</v>
      </c>
      <c r="IB10" s="62">
        <v>1860</v>
      </c>
      <c r="IC10" s="231"/>
      <c r="ID10" s="61">
        <v>903</v>
      </c>
      <c r="IE10" s="61">
        <v>969</v>
      </c>
      <c r="IF10" s="61">
        <v>663</v>
      </c>
      <c r="IG10" s="61">
        <v>593</v>
      </c>
      <c r="IH10" s="61">
        <v>408</v>
      </c>
      <c r="II10" s="62">
        <v>3536</v>
      </c>
      <c r="IJ10" s="63">
        <v>5396</v>
      </c>
      <c r="IK10" s="60">
        <v>1375</v>
      </c>
      <c r="IL10" s="61">
        <v>1725</v>
      </c>
      <c r="IM10" s="62">
        <v>3100</v>
      </c>
      <c r="IN10" s="231"/>
      <c r="IO10" s="61">
        <v>1690</v>
      </c>
      <c r="IP10" s="61">
        <v>1596</v>
      </c>
      <c r="IQ10" s="61">
        <v>1173</v>
      </c>
      <c r="IR10" s="61">
        <v>964</v>
      </c>
      <c r="IS10" s="61">
        <v>583</v>
      </c>
      <c r="IT10" s="62">
        <v>6006</v>
      </c>
      <c r="IU10" s="63">
        <v>9106</v>
      </c>
      <c r="IV10" s="60">
        <v>1197</v>
      </c>
      <c r="IW10" s="61">
        <v>1523</v>
      </c>
      <c r="IX10" s="62">
        <v>2720</v>
      </c>
      <c r="IY10" s="231"/>
      <c r="IZ10" s="61">
        <v>1708</v>
      </c>
      <c r="JA10" s="61">
        <v>1776</v>
      </c>
      <c r="JB10" s="61">
        <v>1298</v>
      </c>
      <c r="JC10" s="61">
        <v>1145</v>
      </c>
      <c r="JD10" s="61">
        <v>695</v>
      </c>
      <c r="JE10" s="62">
        <v>6622</v>
      </c>
      <c r="JF10" s="63">
        <v>9342</v>
      </c>
      <c r="JG10" s="60">
        <v>576</v>
      </c>
      <c r="JH10" s="61">
        <v>871</v>
      </c>
      <c r="JI10" s="62">
        <v>1447</v>
      </c>
      <c r="JJ10" s="231"/>
      <c r="JK10" s="61">
        <v>1246</v>
      </c>
      <c r="JL10" s="61">
        <v>1577</v>
      </c>
      <c r="JM10" s="61">
        <v>1436</v>
      </c>
      <c r="JN10" s="61">
        <v>1458</v>
      </c>
      <c r="JO10" s="61">
        <v>755</v>
      </c>
      <c r="JP10" s="62">
        <v>6472</v>
      </c>
      <c r="JQ10" s="63">
        <v>7919</v>
      </c>
      <c r="JR10" s="60">
        <v>59</v>
      </c>
      <c r="JS10" s="61">
        <v>171</v>
      </c>
      <c r="JT10" s="62">
        <v>230</v>
      </c>
      <c r="JU10" s="231"/>
      <c r="JV10" s="61">
        <v>83</v>
      </c>
      <c r="JW10" s="61">
        <v>202</v>
      </c>
      <c r="JX10" s="61">
        <v>108</v>
      </c>
      <c r="JY10" s="61">
        <v>123</v>
      </c>
      <c r="JZ10" s="61">
        <v>116</v>
      </c>
      <c r="KA10" s="62">
        <v>632</v>
      </c>
      <c r="KB10" s="63">
        <v>862</v>
      </c>
      <c r="KC10" s="60">
        <v>4571</v>
      </c>
      <c r="KD10" s="61">
        <v>6113</v>
      </c>
      <c r="KE10" s="62">
        <v>10684</v>
      </c>
      <c r="KF10" s="231"/>
      <c r="KG10" s="61">
        <v>6170</v>
      </c>
      <c r="KH10" s="61">
        <v>6897</v>
      </c>
      <c r="KI10" s="61">
        <v>5203</v>
      </c>
      <c r="KJ10" s="61">
        <v>4758</v>
      </c>
      <c r="KK10" s="61">
        <v>2919</v>
      </c>
      <c r="KL10" s="62">
        <v>25947</v>
      </c>
      <c r="KM10" s="63">
        <v>36631</v>
      </c>
    </row>
    <row r="11" spans="2:299" ht="21" customHeight="1" x14ac:dyDescent="0.2">
      <c r="B11" s="472" t="s">
        <v>7</v>
      </c>
      <c r="C11" s="293">
        <v>970</v>
      </c>
      <c r="D11" s="72">
        <v>761</v>
      </c>
      <c r="E11" s="73">
        <v>1731</v>
      </c>
      <c r="F11" s="228"/>
      <c r="G11" s="72">
        <v>2321</v>
      </c>
      <c r="H11" s="72">
        <v>1514</v>
      </c>
      <c r="I11" s="72">
        <v>964</v>
      </c>
      <c r="J11" s="72">
        <v>833</v>
      </c>
      <c r="K11" s="72">
        <v>442</v>
      </c>
      <c r="L11" s="74">
        <v>6074</v>
      </c>
      <c r="M11" s="75">
        <v>7805</v>
      </c>
      <c r="N11" s="60">
        <v>35</v>
      </c>
      <c r="O11" s="61">
        <v>29</v>
      </c>
      <c r="P11" s="62">
        <v>64</v>
      </c>
      <c r="Q11" s="231"/>
      <c r="R11" s="61">
        <v>101</v>
      </c>
      <c r="S11" s="61">
        <v>64</v>
      </c>
      <c r="T11" s="61">
        <v>39</v>
      </c>
      <c r="U11" s="61">
        <v>46</v>
      </c>
      <c r="V11" s="61">
        <v>31</v>
      </c>
      <c r="W11" s="62">
        <v>281</v>
      </c>
      <c r="X11" s="63">
        <v>345</v>
      </c>
      <c r="Y11" s="60">
        <v>85</v>
      </c>
      <c r="Z11" s="61">
        <v>84</v>
      </c>
      <c r="AA11" s="62">
        <v>169</v>
      </c>
      <c r="AB11" s="231"/>
      <c r="AC11" s="61">
        <v>225</v>
      </c>
      <c r="AD11" s="61">
        <v>176</v>
      </c>
      <c r="AE11" s="61">
        <v>99</v>
      </c>
      <c r="AF11" s="61">
        <v>91</v>
      </c>
      <c r="AG11" s="61">
        <v>71</v>
      </c>
      <c r="AH11" s="62">
        <v>662</v>
      </c>
      <c r="AI11" s="63">
        <v>831</v>
      </c>
      <c r="AJ11" s="60">
        <v>135</v>
      </c>
      <c r="AK11" s="61">
        <v>126</v>
      </c>
      <c r="AL11" s="62">
        <v>261</v>
      </c>
      <c r="AM11" s="231"/>
      <c r="AN11" s="61">
        <v>385</v>
      </c>
      <c r="AO11" s="61">
        <v>232</v>
      </c>
      <c r="AP11" s="61">
        <v>163</v>
      </c>
      <c r="AQ11" s="61">
        <v>129</v>
      </c>
      <c r="AR11" s="61">
        <v>74</v>
      </c>
      <c r="AS11" s="62">
        <v>983</v>
      </c>
      <c r="AT11" s="63">
        <v>1244</v>
      </c>
      <c r="AU11" s="60">
        <v>245</v>
      </c>
      <c r="AV11" s="61">
        <v>171</v>
      </c>
      <c r="AW11" s="62">
        <v>416</v>
      </c>
      <c r="AX11" s="231"/>
      <c r="AY11" s="61">
        <v>582</v>
      </c>
      <c r="AZ11" s="61">
        <v>370</v>
      </c>
      <c r="BA11" s="61">
        <v>239</v>
      </c>
      <c r="BB11" s="61">
        <v>199</v>
      </c>
      <c r="BC11" s="61">
        <v>105</v>
      </c>
      <c r="BD11" s="62">
        <v>1495</v>
      </c>
      <c r="BE11" s="63">
        <v>1911</v>
      </c>
      <c r="BF11" s="60">
        <v>300</v>
      </c>
      <c r="BG11" s="61">
        <v>229</v>
      </c>
      <c r="BH11" s="62">
        <v>529</v>
      </c>
      <c r="BI11" s="231"/>
      <c r="BJ11" s="61">
        <v>606</v>
      </c>
      <c r="BK11" s="61">
        <v>375</v>
      </c>
      <c r="BL11" s="61">
        <v>237</v>
      </c>
      <c r="BM11" s="61">
        <v>203</v>
      </c>
      <c r="BN11" s="61">
        <v>94</v>
      </c>
      <c r="BO11" s="62">
        <v>1515</v>
      </c>
      <c r="BP11" s="63">
        <v>2044</v>
      </c>
      <c r="BQ11" s="60">
        <v>170</v>
      </c>
      <c r="BR11" s="61">
        <v>122</v>
      </c>
      <c r="BS11" s="62">
        <v>292</v>
      </c>
      <c r="BT11" s="231"/>
      <c r="BU11" s="61">
        <v>422</v>
      </c>
      <c r="BV11" s="61">
        <v>297</v>
      </c>
      <c r="BW11" s="61">
        <v>187</v>
      </c>
      <c r="BX11" s="61">
        <v>165</v>
      </c>
      <c r="BY11" s="61">
        <v>67</v>
      </c>
      <c r="BZ11" s="62">
        <v>1138</v>
      </c>
      <c r="CA11" s="63">
        <v>1430</v>
      </c>
      <c r="CB11" s="60">
        <v>17</v>
      </c>
      <c r="CC11" s="61">
        <v>17</v>
      </c>
      <c r="CD11" s="62">
        <v>34</v>
      </c>
      <c r="CE11" s="231"/>
      <c r="CF11" s="61">
        <v>64</v>
      </c>
      <c r="CG11" s="61">
        <v>65</v>
      </c>
      <c r="CH11" s="61">
        <v>34</v>
      </c>
      <c r="CI11" s="61">
        <v>46</v>
      </c>
      <c r="CJ11" s="61">
        <v>29</v>
      </c>
      <c r="CK11" s="62">
        <v>238</v>
      </c>
      <c r="CL11" s="63">
        <v>272</v>
      </c>
      <c r="CM11" s="60">
        <v>987</v>
      </c>
      <c r="CN11" s="61">
        <v>778</v>
      </c>
      <c r="CO11" s="62">
        <v>1765</v>
      </c>
      <c r="CP11" s="231"/>
      <c r="CQ11" s="61">
        <v>2385</v>
      </c>
      <c r="CR11" s="61">
        <v>1579</v>
      </c>
      <c r="CS11" s="61">
        <v>998</v>
      </c>
      <c r="CT11" s="61">
        <v>879</v>
      </c>
      <c r="CU11" s="61">
        <v>471</v>
      </c>
      <c r="CV11" s="62">
        <v>6312</v>
      </c>
      <c r="CW11" s="63">
        <v>8077</v>
      </c>
      <c r="CX11" s="113">
        <v>1935</v>
      </c>
      <c r="CY11" s="72">
        <v>1991</v>
      </c>
      <c r="CZ11" s="73">
        <v>3926</v>
      </c>
      <c r="DA11" s="228"/>
      <c r="DB11" s="72">
        <v>4350</v>
      </c>
      <c r="DC11" s="72">
        <v>2690</v>
      </c>
      <c r="DD11" s="72">
        <v>2024</v>
      </c>
      <c r="DE11" s="72">
        <v>2012</v>
      </c>
      <c r="DF11" s="72">
        <v>1184</v>
      </c>
      <c r="DG11" s="74">
        <v>12260</v>
      </c>
      <c r="DH11" s="75">
        <v>16186</v>
      </c>
      <c r="DI11" s="60">
        <v>34</v>
      </c>
      <c r="DJ11" s="61">
        <v>45</v>
      </c>
      <c r="DK11" s="62">
        <v>79</v>
      </c>
      <c r="DL11" s="231"/>
      <c r="DM11" s="61">
        <v>85</v>
      </c>
      <c r="DN11" s="61">
        <v>38</v>
      </c>
      <c r="DO11" s="61">
        <v>39</v>
      </c>
      <c r="DP11" s="61">
        <v>37</v>
      </c>
      <c r="DQ11" s="61">
        <v>40</v>
      </c>
      <c r="DR11" s="62">
        <v>239</v>
      </c>
      <c r="DS11" s="63">
        <v>318</v>
      </c>
      <c r="DT11" s="60">
        <v>136</v>
      </c>
      <c r="DU11" s="61">
        <v>105</v>
      </c>
      <c r="DV11" s="62">
        <v>241</v>
      </c>
      <c r="DW11" s="231"/>
      <c r="DX11" s="61">
        <v>239</v>
      </c>
      <c r="DY11" s="61">
        <v>165</v>
      </c>
      <c r="DZ11" s="61">
        <v>83</v>
      </c>
      <c r="EA11" s="61">
        <v>95</v>
      </c>
      <c r="EB11" s="61">
        <v>44</v>
      </c>
      <c r="EC11" s="62">
        <v>626</v>
      </c>
      <c r="ED11" s="63">
        <v>867</v>
      </c>
      <c r="EE11" s="60">
        <v>295</v>
      </c>
      <c r="EF11" s="61">
        <v>288</v>
      </c>
      <c r="EG11" s="62">
        <v>583</v>
      </c>
      <c r="EH11" s="231"/>
      <c r="EI11" s="61">
        <v>547</v>
      </c>
      <c r="EJ11" s="61">
        <v>305</v>
      </c>
      <c r="EK11" s="61">
        <v>196</v>
      </c>
      <c r="EL11" s="61">
        <v>186</v>
      </c>
      <c r="EM11" s="61">
        <v>134</v>
      </c>
      <c r="EN11" s="62">
        <v>1368</v>
      </c>
      <c r="EO11" s="63">
        <v>1951</v>
      </c>
      <c r="EP11" s="60">
        <v>596</v>
      </c>
      <c r="EQ11" s="61">
        <v>544</v>
      </c>
      <c r="ER11" s="62">
        <v>1140</v>
      </c>
      <c r="ES11" s="231"/>
      <c r="ET11" s="61">
        <v>1014</v>
      </c>
      <c r="EU11" s="61">
        <v>544</v>
      </c>
      <c r="EV11" s="61">
        <v>351</v>
      </c>
      <c r="EW11" s="61">
        <v>338</v>
      </c>
      <c r="EX11" s="61">
        <v>219</v>
      </c>
      <c r="EY11" s="62">
        <v>2466</v>
      </c>
      <c r="EZ11" s="63">
        <v>3606</v>
      </c>
      <c r="FA11" s="60">
        <v>556</v>
      </c>
      <c r="FB11" s="61">
        <v>620</v>
      </c>
      <c r="FC11" s="62">
        <v>1176</v>
      </c>
      <c r="FD11" s="231"/>
      <c r="FE11" s="61">
        <v>1292</v>
      </c>
      <c r="FF11" s="61">
        <v>731</v>
      </c>
      <c r="FG11" s="61">
        <v>555</v>
      </c>
      <c r="FH11" s="61">
        <v>514</v>
      </c>
      <c r="FI11" s="61">
        <v>305</v>
      </c>
      <c r="FJ11" s="62">
        <v>3397</v>
      </c>
      <c r="FK11" s="63">
        <v>4573</v>
      </c>
      <c r="FL11" s="60">
        <v>318</v>
      </c>
      <c r="FM11" s="61">
        <v>389</v>
      </c>
      <c r="FN11" s="62">
        <v>707</v>
      </c>
      <c r="FO11" s="231"/>
      <c r="FP11" s="61">
        <v>1173</v>
      </c>
      <c r="FQ11" s="61">
        <v>907</v>
      </c>
      <c r="FR11" s="61">
        <v>800</v>
      </c>
      <c r="FS11" s="61">
        <v>842</v>
      </c>
      <c r="FT11" s="61">
        <v>442</v>
      </c>
      <c r="FU11" s="62">
        <v>4164</v>
      </c>
      <c r="FV11" s="63">
        <v>4871</v>
      </c>
      <c r="FW11" s="60">
        <v>11</v>
      </c>
      <c r="FX11" s="61">
        <v>16</v>
      </c>
      <c r="FY11" s="62">
        <v>27</v>
      </c>
      <c r="FZ11" s="231"/>
      <c r="GA11" s="61">
        <v>75</v>
      </c>
      <c r="GB11" s="61">
        <v>55</v>
      </c>
      <c r="GC11" s="61">
        <v>32</v>
      </c>
      <c r="GD11" s="61">
        <v>25</v>
      </c>
      <c r="GE11" s="61">
        <v>26</v>
      </c>
      <c r="GF11" s="62">
        <v>213</v>
      </c>
      <c r="GG11" s="63">
        <v>240</v>
      </c>
      <c r="GH11" s="60">
        <v>1946</v>
      </c>
      <c r="GI11" s="61">
        <v>2007</v>
      </c>
      <c r="GJ11" s="62">
        <v>3953</v>
      </c>
      <c r="GK11" s="231"/>
      <c r="GL11" s="61">
        <v>4425</v>
      </c>
      <c r="GM11" s="61">
        <v>2745</v>
      </c>
      <c r="GN11" s="61">
        <v>2056</v>
      </c>
      <c r="GO11" s="61">
        <v>2037</v>
      </c>
      <c r="GP11" s="61">
        <v>1210</v>
      </c>
      <c r="GQ11" s="62">
        <v>12473</v>
      </c>
      <c r="GR11" s="63">
        <v>16426</v>
      </c>
      <c r="GS11" s="113">
        <v>2905</v>
      </c>
      <c r="GT11" s="72">
        <v>2752</v>
      </c>
      <c r="GU11" s="73">
        <v>5657</v>
      </c>
      <c r="GV11" s="228"/>
      <c r="GW11" s="72">
        <v>6671</v>
      </c>
      <c r="GX11" s="72">
        <v>4204</v>
      </c>
      <c r="GY11" s="72">
        <v>2988</v>
      </c>
      <c r="GZ11" s="72">
        <v>2845</v>
      </c>
      <c r="HA11" s="72">
        <v>1626</v>
      </c>
      <c r="HB11" s="74">
        <v>18334</v>
      </c>
      <c r="HC11" s="75">
        <v>23991</v>
      </c>
      <c r="HD11" s="60">
        <v>69</v>
      </c>
      <c r="HE11" s="61">
        <v>74</v>
      </c>
      <c r="HF11" s="62">
        <v>143</v>
      </c>
      <c r="HG11" s="231"/>
      <c r="HH11" s="61">
        <v>186</v>
      </c>
      <c r="HI11" s="61">
        <v>102</v>
      </c>
      <c r="HJ11" s="61">
        <v>78</v>
      </c>
      <c r="HK11" s="61">
        <v>83</v>
      </c>
      <c r="HL11" s="61">
        <v>71</v>
      </c>
      <c r="HM11" s="62">
        <v>520</v>
      </c>
      <c r="HN11" s="63">
        <v>663</v>
      </c>
      <c r="HO11" s="60">
        <v>221</v>
      </c>
      <c r="HP11" s="61">
        <v>189</v>
      </c>
      <c r="HQ11" s="62">
        <v>410</v>
      </c>
      <c r="HR11" s="231"/>
      <c r="HS11" s="61">
        <v>464</v>
      </c>
      <c r="HT11" s="61">
        <v>341</v>
      </c>
      <c r="HU11" s="61">
        <v>182</v>
      </c>
      <c r="HV11" s="61">
        <v>186</v>
      </c>
      <c r="HW11" s="61">
        <v>115</v>
      </c>
      <c r="HX11" s="62">
        <v>1288</v>
      </c>
      <c r="HY11" s="63">
        <v>1698</v>
      </c>
      <c r="HZ11" s="60">
        <v>430</v>
      </c>
      <c r="IA11" s="61">
        <v>414</v>
      </c>
      <c r="IB11" s="62">
        <v>844</v>
      </c>
      <c r="IC11" s="231"/>
      <c r="ID11" s="61">
        <v>932</v>
      </c>
      <c r="IE11" s="61">
        <v>537</v>
      </c>
      <c r="IF11" s="61">
        <v>359</v>
      </c>
      <c r="IG11" s="61">
        <v>315</v>
      </c>
      <c r="IH11" s="61">
        <v>208</v>
      </c>
      <c r="II11" s="62">
        <v>2351</v>
      </c>
      <c r="IJ11" s="63">
        <v>3195</v>
      </c>
      <c r="IK11" s="60">
        <v>841</v>
      </c>
      <c r="IL11" s="61">
        <v>715</v>
      </c>
      <c r="IM11" s="62">
        <v>1556</v>
      </c>
      <c r="IN11" s="231"/>
      <c r="IO11" s="61">
        <v>1596</v>
      </c>
      <c r="IP11" s="61">
        <v>914</v>
      </c>
      <c r="IQ11" s="61">
        <v>590</v>
      </c>
      <c r="IR11" s="61">
        <v>537</v>
      </c>
      <c r="IS11" s="61">
        <v>324</v>
      </c>
      <c r="IT11" s="62">
        <v>3961</v>
      </c>
      <c r="IU11" s="63">
        <v>5517</v>
      </c>
      <c r="IV11" s="60">
        <v>856</v>
      </c>
      <c r="IW11" s="61">
        <v>849</v>
      </c>
      <c r="IX11" s="62">
        <v>1705</v>
      </c>
      <c r="IY11" s="231"/>
      <c r="IZ11" s="61">
        <v>1898</v>
      </c>
      <c r="JA11" s="61">
        <v>1106</v>
      </c>
      <c r="JB11" s="61">
        <v>792</v>
      </c>
      <c r="JC11" s="61">
        <v>717</v>
      </c>
      <c r="JD11" s="61">
        <v>399</v>
      </c>
      <c r="JE11" s="62">
        <v>4912</v>
      </c>
      <c r="JF11" s="63">
        <v>6617</v>
      </c>
      <c r="JG11" s="60">
        <v>488</v>
      </c>
      <c r="JH11" s="61">
        <v>511</v>
      </c>
      <c r="JI11" s="62">
        <v>999</v>
      </c>
      <c r="JJ11" s="231"/>
      <c r="JK11" s="61">
        <v>1595</v>
      </c>
      <c r="JL11" s="61">
        <v>1204</v>
      </c>
      <c r="JM11" s="61">
        <v>987</v>
      </c>
      <c r="JN11" s="61">
        <v>1007</v>
      </c>
      <c r="JO11" s="61">
        <v>509</v>
      </c>
      <c r="JP11" s="62">
        <v>5302</v>
      </c>
      <c r="JQ11" s="63">
        <v>6301</v>
      </c>
      <c r="JR11" s="60">
        <v>28</v>
      </c>
      <c r="JS11" s="61">
        <v>33</v>
      </c>
      <c r="JT11" s="62">
        <v>61</v>
      </c>
      <c r="JU11" s="231"/>
      <c r="JV11" s="61">
        <v>139</v>
      </c>
      <c r="JW11" s="61">
        <v>120</v>
      </c>
      <c r="JX11" s="61">
        <v>66</v>
      </c>
      <c r="JY11" s="61">
        <v>71</v>
      </c>
      <c r="JZ11" s="61">
        <v>55</v>
      </c>
      <c r="KA11" s="62">
        <v>451</v>
      </c>
      <c r="KB11" s="63">
        <v>512</v>
      </c>
      <c r="KC11" s="60">
        <v>2933</v>
      </c>
      <c r="KD11" s="61">
        <v>2785</v>
      </c>
      <c r="KE11" s="62">
        <v>5718</v>
      </c>
      <c r="KF11" s="231"/>
      <c r="KG11" s="61">
        <v>6810</v>
      </c>
      <c r="KH11" s="61">
        <v>4324</v>
      </c>
      <c r="KI11" s="61">
        <v>3054</v>
      </c>
      <c r="KJ11" s="61">
        <v>2916</v>
      </c>
      <c r="KK11" s="61">
        <v>1681</v>
      </c>
      <c r="KL11" s="62">
        <v>18785</v>
      </c>
      <c r="KM11" s="63">
        <v>24503</v>
      </c>
    </row>
    <row r="12" spans="2:299" ht="21" customHeight="1" x14ac:dyDescent="0.2">
      <c r="B12" s="472" t="s">
        <v>8</v>
      </c>
      <c r="C12" s="293">
        <v>550</v>
      </c>
      <c r="D12" s="72">
        <v>387</v>
      </c>
      <c r="E12" s="73">
        <v>937</v>
      </c>
      <c r="F12" s="228"/>
      <c r="G12" s="72">
        <v>998</v>
      </c>
      <c r="H12" s="72">
        <v>882</v>
      </c>
      <c r="I12" s="72">
        <v>653</v>
      </c>
      <c r="J12" s="72">
        <v>511</v>
      </c>
      <c r="K12" s="72">
        <v>285</v>
      </c>
      <c r="L12" s="74">
        <v>3329</v>
      </c>
      <c r="M12" s="75">
        <v>4266</v>
      </c>
      <c r="N12" s="60">
        <v>21</v>
      </c>
      <c r="O12" s="61">
        <v>28</v>
      </c>
      <c r="P12" s="62">
        <v>49</v>
      </c>
      <c r="Q12" s="231"/>
      <c r="R12" s="61">
        <v>49</v>
      </c>
      <c r="S12" s="61">
        <v>41</v>
      </c>
      <c r="T12" s="61">
        <v>25</v>
      </c>
      <c r="U12" s="61">
        <v>25</v>
      </c>
      <c r="V12" s="61">
        <v>19</v>
      </c>
      <c r="W12" s="62">
        <v>159</v>
      </c>
      <c r="X12" s="63">
        <v>208</v>
      </c>
      <c r="Y12" s="60">
        <v>50</v>
      </c>
      <c r="Z12" s="61">
        <v>51</v>
      </c>
      <c r="AA12" s="62">
        <v>101</v>
      </c>
      <c r="AB12" s="231"/>
      <c r="AC12" s="61">
        <v>94</v>
      </c>
      <c r="AD12" s="61">
        <v>110</v>
      </c>
      <c r="AE12" s="61">
        <v>70</v>
      </c>
      <c r="AF12" s="61">
        <v>74</v>
      </c>
      <c r="AG12" s="61">
        <v>45</v>
      </c>
      <c r="AH12" s="62">
        <v>393</v>
      </c>
      <c r="AI12" s="63">
        <v>494</v>
      </c>
      <c r="AJ12" s="60">
        <v>93</v>
      </c>
      <c r="AK12" s="61">
        <v>65</v>
      </c>
      <c r="AL12" s="62">
        <v>158</v>
      </c>
      <c r="AM12" s="231"/>
      <c r="AN12" s="61">
        <v>174</v>
      </c>
      <c r="AO12" s="61">
        <v>141</v>
      </c>
      <c r="AP12" s="61">
        <v>105</v>
      </c>
      <c r="AQ12" s="61">
        <v>81</v>
      </c>
      <c r="AR12" s="61">
        <v>48</v>
      </c>
      <c r="AS12" s="62">
        <v>549</v>
      </c>
      <c r="AT12" s="63">
        <v>707</v>
      </c>
      <c r="AU12" s="60">
        <v>148</v>
      </c>
      <c r="AV12" s="61">
        <v>83</v>
      </c>
      <c r="AW12" s="62">
        <v>231</v>
      </c>
      <c r="AX12" s="231"/>
      <c r="AY12" s="61">
        <v>259</v>
      </c>
      <c r="AZ12" s="61">
        <v>243</v>
      </c>
      <c r="BA12" s="61">
        <v>149</v>
      </c>
      <c r="BB12" s="61">
        <v>128</v>
      </c>
      <c r="BC12" s="61">
        <v>62</v>
      </c>
      <c r="BD12" s="62">
        <v>841</v>
      </c>
      <c r="BE12" s="63">
        <v>1072</v>
      </c>
      <c r="BF12" s="60">
        <v>141</v>
      </c>
      <c r="BG12" s="61">
        <v>92</v>
      </c>
      <c r="BH12" s="62">
        <v>233</v>
      </c>
      <c r="BI12" s="231"/>
      <c r="BJ12" s="61">
        <v>251</v>
      </c>
      <c r="BK12" s="61">
        <v>197</v>
      </c>
      <c r="BL12" s="61">
        <v>159</v>
      </c>
      <c r="BM12" s="61">
        <v>101</v>
      </c>
      <c r="BN12" s="61">
        <v>67</v>
      </c>
      <c r="BO12" s="62">
        <v>775</v>
      </c>
      <c r="BP12" s="63">
        <v>1008</v>
      </c>
      <c r="BQ12" s="60">
        <v>97</v>
      </c>
      <c r="BR12" s="61">
        <v>68</v>
      </c>
      <c r="BS12" s="62">
        <v>165</v>
      </c>
      <c r="BT12" s="231"/>
      <c r="BU12" s="61">
        <v>171</v>
      </c>
      <c r="BV12" s="61">
        <v>150</v>
      </c>
      <c r="BW12" s="61">
        <v>145</v>
      </c>
      <c r="BX12" s="61">
        <v>102</v>
      </c>
      <c r="BY12" s="61">
        <v>44</v>
      </c>
      <c r="BZ12" s="62">
        <v>612</v>
      </c>
      <c r="CA12" s="63">
        <v>777</v>
      </c>
      <c r="CB12" s="60">
        <v>15</v>
      </c>
      <c r="CC12" s="61">
        <v>12</v>
      </c>
      <c r="CD12" s="62">
        <v>27</v>
      </c>
      <c r="CE12" s="231"/>
      <c r="CF12" s="61">
        <v>30</v>
      </c>
      <c r="CG12" s="61">
        <v>44</v>
      </c>
      <c r="CH12" s="61">
        <v>21</v>
      </c>
      <c r="CI12" s="61">
        <v>28</v>
      </c>
      <c r="CJ12" s="61">
        <v>9</v>
      </c>
      <c r="CK12" s="62">
        <v>132</v>
      </c>
      <c r="CL12" s="63">
        <v>159</v>
      </c>
      <c r="CM12" s="60">
        <v>565</v>
      </c>
      <c r="CN12" s="61">
        <v>399</v>
      </c>
      <c r="CO12" s="62">
        <v>964</v>
      </c>
      <c r="CP12" s="231"/>
      <c r="CQ12" s="61">
        <v>1028</v>
      </c>
      <c r="CR12" s="61">
        <v>926</v>
      </c>
      <c r="CS12" s="61">
        <v>674</v>
      </c>
      <c r="CT12" s="61">
        <v>539</v>
      </c>
      <c r="CU12" s="61">
        <v>294</v>
      </c>
      <c r="CV12" s="62">
        <v>3461</v>
      </c>
      <c r="CW12" s="63">
        <v>4425</v>
      </c>
      <c r="CX12" s="113">
        <v>1091</v>
      </c>
      <c r="CY12" s="72">
        <v>965</v>
      </c>
      <c r="CZ12" s="73">
        <v>2056</v>
      </c>
      <c r="DA12" s="228"/>
      <c r="DB12" s="72">
        <v>1732</v>
      </c>
      <c r="DC12" s="72">
        <v>1621</v>
      </c>
      <c r="DD12" s="72">
        <v>1314</v>
      </c>
      <c r="DE12" s="72">
        <v>1099</v>
      </c>
      <c r="DF12" s="72">
        <v>662</v>
      </c>
      <c r="DG12" s="74">
        <v>6428</v>
      </c>
      <c r="DH12" s="75">
        <v>8484</v>
      </c>
      <c r="DI12" s="60">
        <v>28</v>
      </c>
      <c r="DJ12" s="61">
        <v>18</v>
      </c>
      <c r="DK12" s="62">
        <v>46</v>
      </c>
      <c r="DL12" s="231"/>
      <c r="DM12" s="61">
        <v>45</v>
      </c>
      <c r="DN12" s="61">
        <v>28</v>
      </c>
      <c r="DO12" s="61">
        <v>18</v>
      </c>
      <c r="DP12" s="61">
        <v>29</v>
      </c>
      <c r="DQ12" s="61">
        <v>18</v>
      </c>
      <c r="DR12" s="62">
        <v>138</v>
      </c>
      <c r="DS12" s="63">
        <v>184</v>
      </c>
      <c r="DT12" s="60">
        <v>85</v>
      </c>
      <c r="DU12" s="61">
        <v>67</v>
      </c>
      <c r="DV12" s="62">
        <v>152</v>
      </c>
      <c r="DW12" s="231"/>
      <c r="DX12" s="61">
        <v>101</v>
      </c>
      <c r="DY12" s="61">
        <v>80</v>
      </c>
      <c r="DZ12" s="61">
        <v>57</v>
      </c>
      <c r="EA12" s="61">
        <v>52</v>
      </c>
      <c r="EB12" s="61">
        <v>43</v>
      </c>
      <c r="EC12" s="62">
        <v>333</v>
      </c>
      <c r="ED12" s="63">
        <v>485</v>
      </c>
      <c r="EE12" s="60">
        <v>155</v>
      </c>
      <c r="EF12" s="61">
        <v>151</v>
      </c>
      <c r="EG12" s="62">
        <v>306</v>
      </c>
      <c r="EH12" s="231"/>
      <c r="EI12" s="61">
        <v>205</v>
      </c>
      <c r="EJ12" s="61">
        <v>162</v>
      </c>
      <c r="EK12" s="61">
        <v>122</v>
      </c>
      <c r="EL12" s="61">
        <v>108</v>
      </c>
      <c r="EM12" s="61">
        <v>75</v>
      </c>
      <c r="EN12" s="62">
        <v>672</v>
      </c>
      <c r="EO12" s="63">
        <v>978</v>
      </c>
      <c r="EP12" s="60">
        <v>356</v>
      </c>
      <c r="EQ12" s="61">
        <v>270</v>
      </c>
      <c r="ER12" s="62">
        <v>626</v>
      </c>
      <c r="ES12" s="231"/>
      <c r="ET12" s="61">
        <v>450</v>
      </c>
      <c r="EU12" s="61">
        <v>342</v>
      </c>
      <c r="EV12" s="61">
        <v>236</v>
      </c>
      <c r="EW12" s="61">
        <v>188</v>
      </c>
      <c r="EX12" s="61">
        <v>122</v>
      </c>
      <c r="EY12" s="62">
        <v>1338</v>
      </c>
      <c r="EZ12" s="63">
        <v>1964</v>
      </c>
      <c r="FA12" s="60">
        <v>295</v>
      </c>
      <c r="FB12" s="61">
        <v>277</v>
      </c>
      <c r="FC12" s="62">
        <v>572</v>
      </c>
      <c r="FD12" s="231"/>
      <c r="FE12" s="61">
        <v>495</v>
      </c>
      <c r="FF12" s="61">
        <v>471</v>
      </c>
      <c r="FG12" s="61">
        <v>374</v>
      </c>
      <c r="FH12" s="61">
        <v>251</v>
      </c>
      <c r="FI12" s="61">
        <v>168</v>
      </c>
      <c r="FJ12" s="62">
        <v>1759</v>
      </c>
      <c r="FK12" s="63">
        <v>2331</v>
      </c>
      <c r="FL12" s="60">
        <v>172</v>
      </c>
      <c r="FM12" s="61">
        <v>182</v>
      </c>
      <c r="FN12" s="62">
        <v>354</v>
      </c>
      <c r="FO12" s="231"/>
      <c r="FP12" s="61">
        <v>436</v>
      </c>
      <c r="FQ12" s="61">
        <v>538</v>
      </c>
      <c r="FR12" s="61">
        <v>507</v>
      </c>
      <c r="FS12" s="61">
        <v>471</v>
      </c>
      <c r="FT12" s="61">
        <v>236</v>
      </c>
      <c r="FU12" s="62">
        <v>2188</v>
      </c>
      <c r="FV12" s="63">
        <v>2542</v>
      </c>
      <c r="FW12" s="60">
        <v>8</v>
      </c>
      <c r="FX12" s="61">
        <v>21</v>
      </c>
      <c r="FY12" s="62">
        <v>29</v>
      </c>
      <c r="FZ12" s="231"/>
      <c r="GA12" s="61">
        <v>19</v>
      </c>
      <c r="GB12" s="61">
        <v>40</v>
      </c>
      <c r="GC12" s="61">
        <v>14</v>
      </c>
      <c r="GD12" s="61">
        <v>15</v>
      </c>
      <c r="GE12" s="61">
        <v>14</v>
      </c>
      <c r="GF12" s="62">
        <v>102</v>
      </c>
      <c r="GG12" s="63">
        <v>131</v>
      </c>
      <c r="GH12" s="60">
        <v>1099</v>
      </c>
      <c r="GI12" s="61">
        <v>986</v>
      </c>
      <c r="GJ12" s="62">
        <v>2085</v>
      </c>
      <c r="GK12" s="231"/>
      <c r="GL12" s="61">
        <v>1751</v>
      </c>
      <c r="GM12" s="61">
        <v>1661</v>
      </c>
      <c r="GN12" s="61">
        <v>1328</v>
      </c>
      <c r="GO12" s="61">
        <v>1114</v>
      </c>
      <c r="GP12" s="61">
        <v>676</v>
      </c>
      <c r="GQ12" s="62">
        <v>6530</v>
      </c>
      <c r="GR12" s="63">
        <v>8615</v>
      </c>
      <c r="GS12" s="113">
        <v>1641</v>
      </c>
      <c r="GT12" s="72">
        <v>1352</v>
      </c>
      <c r="GU12" s="73">
        <v>2993</v>
      </c>
      <c r="GV12" s="228"/>
      <c r="GW12" s="72">
        <v>2730</v>
      </c>
      <c r="GX12" s="72">
        <v>2503</v>
      </c>
      <c r="GY12" s="72">
        <v>1967</v>
      </c>
      <c r="GZ12" s="72">
        <v>1610</v>
      </c>
      <c r="HA12" s="72">
        <v>947</v>
      </c>
      <c r="HB12" s="74">
        <v>9757</v>
      </c>
      <c r="HC12" s="75">
        <v>12750</v>
      </c>
      <c r="HD12" s="60">
        <v>49</v>
      </c>
      <c r="HE12" s="61">
        <v>46</v>
      </c>
      <c r="HF12" s="62">
        <v>95</v>
      </c>
      <c r="HG12" s="231"/>
      <c r="HH12" s="61">
        <v>94</v>
      </c>
      <c r="HI12" s="61">
        <v>69</v>
      </c>
      <c r="HJ12" s="61">
        <v>43</v>
      </c>
      <c r="HK12" s="61">
        <v>54</v>
      </c>
      <c r="HL12" s="61">
        <v>37</v>
      </c>
      <c r="HM12" s="62">
        <v>297</v>
      </c>
      <c r="HN12" s="63">
        <v>392</v>
      </c>
      <c r="HO12" s="60">
        <v>135</v>
      </c>
      <c r="HP12" s="61">
        <v>118</v>
      </c>
      <c r="HQ12" s="62">
        <v>253</v>
      </c>
      <c r="HR12" s="231"/>
      <c r="HS12" s="61">
        <v>195</v>
      </c>
      <c r="HT12" s="61">
        <v>190</v>
      </c>
      <c r="HU12" s="61">
        <v>127</v>
      </c>
      <c r="HV12" s="61">
        <v>126</v>
      </c>
      <c r="HW12" s="61">
        <v>88</v>
      </c>
      <c r="HX12" s="62">
        <v>726</v>
      </c>
      <c r="HY12" s="63">
        <v>979</v>
      </c>
      <c r="HZ12" s="60">
        <v>248</v>
      </c>
      <c r="IA12" s="61">
        <v>216</v>
      </c>
      <c r="IB12" s="62">
        <v>464</v>
      </c>
      <c r="IC12" s="231"/>
      <c r="ID12" s="61">
        <v>379</v>
      </c>
      <c r="IE12" s="61">
        <v>303</v>
      </c>
      <c r="IF12" s="61">
        <v>227</v>
      </c>
      <c r="IG12" s="61">
        <v>189</v>
      </c>
      <c r="IH12" s="61">
        <v>123</v>
      </c>
      <c r="II12" s="62">
        <v>1221</v>
      </c>
      <c r="IJ12" s="63">
        <v>1685</v>
      </c>
      <c r="IK12" s="60">
        <v>504</v>
      </c>
      <c r="IL12" s="61">
        <v>353</v>
      </c>
      <c r="IM12" s="62">
        <v>857</v>
      </c>
      <c r="IN12" s="231"/>
      <c r="IO12" s="61">
        <v>709</v>
      </c>
      <c r="IP12" s="61">
        <v>585</v>
      </c>
      <c r="IQ12" s="61">
        <v>385</v>
      </c>
      <c r="IR12" s="61">
        <v>316</v>
      </c>
      <c r="IS12" s="61">
        <v>184</v>
      </c>
      <c r="IT12" s="62">
        <v>2179</v>
      </c>
      <c r="IU12" s="63">
        <v>3036</v>
      </c>
      <c r="IV12" s="60">
        <v>436</v>
      </c>
      <c r="IW12" s="61">
        <v>369</v>
      </c>
      <c r="IX12" s="62">
        <v>805</v>
      </c>
      <c r="IY12" s="231"/>
      <c r="IZ12" s="61">
        <v>746</v>
      </c>
      <c r="JA12" s="61">
        <v>668</v>
      </c>
      <c r="JB12" s="61">
        <v>533</v>
      </c>
      <c r="JC12" s="61">
        <v>352</v>
      </c>
      <c r="JD12" s="61">
        <v>235</v>
      </c>
      <c r="JE12" s="62">
        <v>2534</v>
      </c>
      <c r="JF12" s="63">
        <v>3339</v>
      </c>
      <c r="JG12" s="60">
        <v>269</v>
      </c>
      <c r="JH12" s="61">
        <v>250</v>
      </c>
      <c r="JI12" s="62">
        <v>519</v>
      </c>
      <c r="JJ12" s="231"/>
      <c r="JK12" s="61">
        <v>607</v>
      </c>
      <c r="JL12" s="61">
        <v>688</v>
      </c>
      <c r="JM12" s="61">
        <v>652</v>
      </c>
      <c r="JN12" s="61">
        <v>573</v>
      </c>
      <c r="JO12" s="61">
        <v>280</v>
      </c>
      <c r="JP12" s="62">
        <v>2800</v>
      </c>
      <c r="JQ12" s="63">
        <v>3319</v>
      </c>
      <c r="JR12" s="60">
        <v>23</v>
      </c>
      <c r="JS12" s="61">
        <v>33</v>
      </c>
      <c r="JT12" s="62">
        <v>56</v>
      </c>
      <c r="JU12" s="231"/>
      <c r="JV12" s="61">
        <v>49</v>
      </c>
      <c r="JW12" s="61">
        <v>84</v>
      </c>
      <c r="JX12" s="61">
        <v>35</v>
      </c>
      <c r="JY12" s="61">
        <v>43</v>
      </c>
      <c r="JZ12" s="61">
        <v>23</v>
      </c>
      <c r="KA12" s="62">
        <v>234</v>
      </c>
      <c r="KB12" s="63">
        <v>290</v>
      </c>
      <c r="KC12" s="60">
        <v>1664</v>
      </c>
      <c r="KD12" s="61">
        <v>1385</v>
      </c>
      <c r="KE12" s="62">
        <v>3049</v>
      </c>
      <c r="KF12" s="231"/>
      <c r="KG12" s="61">
        <v>2779</v>
      </c>
      <c r="KH12" s="61">
        <v>2587</v>
      </c>
      <c r="KI12" s="61">
        <v>2002</v>
      </c>
      <c r="KJ12" s="61">
        <v>1653</v>
      </c>
      <c r="KK12" s="61">
        <v>970</v>
      </c>
      <c r="KL12" s="62">
        <v>9991</v>
      </c>
      <c r="KM12" s="63">
        <v>13040</v>
      </c>
    </row>
    <row r="13" spans="2:299" ht="21" customHeight="1" x14ac:dyDescent="0.2">
      <c r="B13" s="472" t="s">
        <v>9</v>
      </c>
      <c r="C13" s="293">
        <v>699</v>
      </c>
      <c r="D13" s="72">
        <v>400</v>
      </c>
      <c r="E13" s="73">
        <v>1099</v>
      </c>
      <c r="F13" s="228"/>
      <c r="G13" s="72">
        <v>831</v>
      </c>
      <c r="H13" s="72">
        <v>586</v>
      </c>
      <c r="I13" s="72">
        <v>442</v>
      </c>
      <c r="J13" s="72">
        <v>384</v>
      </c>
      <c r="K13" s="72">
        <v>224</v>
      </c>
      <c r="L13" s="74">
        <v>2467</v>
      </c>
      <c r="M13" s="75">
        <v>3566</v>
      </c>
      <c r="N13" s="60">
        <v>22</v>
      </c>
      <c r="O13" s="61">
        <v>13</v>
      </c>
      <c r="P13" s="62">
        <v>35</v>
      </c>
      <c r="Q13" s="231"/>
      <c r="R13" s="61">
        <v>21</v>
      </c>
      <c r="S13" s="61">
        <v>21</v>
      </c>
      <c r="T13" s="61">
        <v>14</v>
      </c>
      <c r="U13" s="61">
        <v>14</v>
      </c>
      <c r="V13" s="61">
        <v>9</v>
      </c>
      <c r="W13" s="62">
        <v>79</v>
      </c>
      <c r="X13" s="63">
        <v>114</v>
      </c>
      <c r="Y13" s="60">
        <v>32</v>
      </c>
      <c r="Z13" s="61">
        <v>27</v>
      </c>
      <c r="AA13" s="62">
        <v>59</v>
      </c>
      <c r="AB13" s="231"/>
      <c r="AC13" s="61">
        <v>55</v>
      </c>
      <c r="AD13" s="61">
        <v>43</v>
      </c>
      <c r="AE13" s="61">
        <v>28</v>
      </c>
      <c r="AF13" s="61">
        <v>21</v>
      </c>
      <c r="AG13" s="61">
        <v>33</v>
      </c>
      <c r="AH13" s="62">
        <v>180</v>
      </c>
      <c r="AI13" s="63">
        <v>239</v>
      </c>
      <c r="AJ13" s="60">
        <v>79</v>
      </c>
      <c r="AK13" s="61">
        <v>50</v>
      </c>
      <c r="AL13" s="62">
        <v>129</v>
      </c>
      <c r="AM13" s="231"/>
      <c r="AN13" s="61">
        <v>96</v>
      </c>
      <c r="AO13" s="61">
        <v>76</v>
      </c>
      <c r="AP13" s="61">
        <v>69</v>
      </c>
      <c r="AQ13" s="61">
        <v>57</v>
      </c>
      <c r="AR13" s="61">
        <v>39</v>
      </c>
      <c r="AS13" s="62">
        <v>337</v>
      </c>
      <c r="AT13" s="63">
        <v>466</v>
      </c>
      <c r="AU13" s="60">
        <v>187</v>
      </c>
      <c r="AV13" s="61">
        <v>82</v>
      </c>
      <c r="AW13" s="62">
        <v>269</v>
      </c>
      <c r="AX13" s="231"/>
      <c r="AY13" s="61">
        <v>201</v>
      </c>
      <c r="AZ13" s="61">
        <v>131</v>
      </c>
      <c r="BA13" s="61">
        <v>85</v>
      </c>
      <c r="BB13" s="61">
        <v>61</v>
      </c>
      <c r="BC13" s="61">
        <v>47</v>
      </c>
      <c r="BD13" s="62">
        <v>525</v>
      </c>
      <c r="BE13" s="63">
        <v>794</v>
      </c>
      <c r="BF13" s="60">
        <v>215</v>
      </c>
      <c r="BG13" s="61">
        <v>138</v>
      </c>
      <c r="BH13" s="62">
        <v>353</v>
      </c>
      <c r="BI13" s="231"/>
      <c r="BJ13" s="61">
        <v>236</v>
      </c>
      <c r="BK13" s="61">
        <v>157</v>
      </c>
      <c r="BL13" s="61">
        <v>119</v>
      </c>
      <c r="BM13" s="61">
        <v>120</v>
      </c>
      <c r="BN13" s="61">
        <v>40</v>
      </c>
      <c r="BO13" s="62">
        <v>672</v>
      </c>
      <c r="BP13" s="63">
        <v>1025</v>
      </c>
      <c r="BQ13" s="60">
        <v>164</v>
      </c>
      <c r="BR13" s="61">
        <v>90</v>
      </c>
      <c r="BS13" s="62">
        <v>254</v>
      </c>
      <c r="BT13" s="231"/>
      <c r="BU13" s="61">
        <v>222</v>
      </c>
      <c r="BV13" s="61">
        <v>158</v>
      </c>
      <c r="BW13" s="61">
        <v>127</v>
      </c>
      <c r="BX13" s="61">
        <v>111</v>
      </c>
      <c r="BY13" s="61">
        <v>56</v>
      </c>
      <c r="BZ13" s="62">
        <v>674</v>
      </c>
      <c r="CA13" s="63">
        <v>928</v>
      </c>
      <c r="CB13" s="60">
        <v>5</v>
      </c>
      <c r="CC13" s="61">
        <v>15</v>
      </c>
      <c r="CD13" s="62">
        <v>20</v>
      </c>
      <c r="CE13" s="231"/>
      <c r="CF13" s="61">
        <v>27</v>
      </c>
      <c r="CG13" s="61">
        <v>24</v>
      </c>
      <c r="CH13" s="61">
        <v>18</v>
      </c>
      <c r="CI13" s="61">
        <v>13</v>
      </c>
      <c r="CJ13" s="61">
        <v>9</v>
      </c>
      <c r="CK13" s="62">
        <v>91</v>
      </c>
      <c r="CL13" s="63">
        <v>111</v>
      </c>
      <c r="CM13" s="60">
        <v>704</v>
      </c>
      <c r="CN13" s="61">
        <v>415</v>
      </c>
      <c r="CO13" s="62">
        <v>1119</v>
      </c>
      <c r="CP13" s="231"/>
      <c r="CQ13" s="61">
        <v>858</v>
      </c>
      <c r="CR13" s="61">
        <v>610</v>
      </c>
      <c r="CS13" s="61">
        <v>460</v>
      </c>
      <c r="CT13" s="61">
        <v>397</v>
      </c>
      <c r="CU13" s="61">
        <v>233</v>
      </c>
      <c r="CV13" s="62">
        <v>2558</v>
      </c>
      <c r="CW13" s="63">
        <v>3677</v>
      </c>
      <c r="CX13" s="113">
        <v>1431</v>
      </c>
      <c r="CY13" s="72">
        <v>983</v>
      </c>
      <c r="CZ13" s="73">
        <v>2414</v>
      </c>
      <c r="DA13" s="228"/>
      <c r="DB13" s="72">
        <v>1710</v>
      </c>
      <c r="DC13" s="72">
        <v>1131</v>
      </c>
      <c r="DD13" s="72">
        <v>944</v>
      </c>
      <c r="DE13" s="72">
        <v>1043</v>
      </c>
      <c r="DF13" s="72">
        <v>727</v>
      </c>
      <c r="DG13" s="74">
        <v>5555</v>
      </c>
      <c r="DH13" s="75">
        <v>7969</v>
      </c>
      <c r="DI13" s="60">
        <v>24</v>
      </c>
      <c r="DJ13" s="61">
        <v>16</v>
      </c>
      <c r="DK13" s="62">
        <v>40</v>
      </c>
      <c r="DL13" s="231"/>
      <c r="DM13" s="61">
        <v>9</v>
      </c>
      <c r="DN13" s="61">
        <v>16</v>
      </c>
      <c r="DO13" s="61">
        <v>14</v>
      </c>
      <c r="DP13" s="61">
        <v>6</v>
      </c>
      <c r="DQ13" s="61">
        <v>16</v>
      </c>
      <c r="DR13" s="62">
        <v>61</v>
      </c>
      <c r="DS13" s="63">
        <v>101</v>
      </c>
      <c r="DT13" s="60">
        <v>69</v>
      </c>
      <c r="DU13" s="61">
        <v>58</v>
      </c>
      <c r="DV13" s="62">
        <v>127</v>
      </c>
      <c r="DW13" s="231"/>
      <c r="DX13" s="61">
        <v>74</v>
      </c>
      <c r="DY13" s="61">
        <v>36</v>
      </c>
      <c r="DZ13" s="61">
        <v>28</v>
      </c>
      <c r="EA13" s="61">
        <v>24</v>
      </c>
      <c r="EB13" s="61">
        <v>26</v>
      </c>
      <c r="EC13" s="62">
        <v>188</v>
      </c>
      <c r="ED13" s="63">
        <v>315</v>
      </c>
      <c r="EE13" s="60">
        <v>204</v>
      </c>
      <c r="EF13" s="61">
        <v>136</v>
      </c>
      <c r="EG13" s="62">
        <v>340</v>
      </c>
      <c r="EH13" s="231"/>
      <c r="EI13" s="61">
        <v>169</v>
      </c>
      <c r="EJ13" s="61">
        <v>94</v>
      </c>
      <c r="EK13" s="61">
        <v>74</v>
      </c>
      <c r="EL13" s="61">
        <v>64</v>
      </c>
      <c r="EM13" s="61">
        <v>68</v>
      </c>
      <c r="EN13" s="62">
        <v>469</v>
      </c>
      <c r="EO13" s="63">
        <v>809</v>
      </c>
      <c r="EP13" s="60">
        <v>392</v>
      </c>
      <c r="EQ13" s="61">
        <v>235</v>
      </c>
      <c r="ER13" s="62">
        <v>627</v>
      </c>
      <c r="ES13" s="231"/>
      <c r="ET13" s="61">
        <v>359</v>
      </c>
      <c r="EU13" s="61">
        <v>199</v>
      </c>
      <c r="EV13" s="61">
        <v>136</v>
      </c>
      <c r="EW13" s="61">
        <v>164</v>
      </c>
      <c r="EX13" s="61">
        <v>113</v>
      </c>
      <c r="EY13" s="62">
        <v>971</v>
      </c>
      <c r="EZ13" s="63">
        <v>1598</v>
      </c>
      <c r="FA13" s="60">
        <v>466</v>
      </c>
      <c r="FB13" s="61">
        <v>290</v>
      </c>
      <c r="FC13" s="62">
        <v>756</v>
      </c>
      <c r="FD13" s="231"/>
      <c r="FE13" s="61">
        <v>513</v>
      </c>
      <c r="FF13" s="61">
        <v>331</v>
      </c>
      <c r="FG13" s="61">
        <v>249</v>
      </c>
      <c r="FH13" s="61">
        <v>246</v>
      </c>
      <c r="FI13" s="61">
        <v>187</v>
      </c>
      <c r="FJ13" s="62">
        <v>1526</v>
      </c>
      <c r="FK13" s="63">
        <v>2282</v>
      </c>
      <c r="FL13" s="60">
        <v>276</v>
      </c>
      <c r="FM13" s="61">
        <v>248</v>
      </c>
      <c r="FN13" s="62">
        <v>524</v>
      </c>
      <c r="FO13" s="231"/>
      <c r="FP13" s="61">
        <v>586</v>
      </c>
      <c r="FQ13" s="61">
        <v>455</v>
      </c>
      <c r="FR13" s="61">
        <v>443</v>
      </c>
      <c r="FS13" s="61">
        <v>539</v>
      </c>
      <c r="FT13" s="61">
        <v>317</v>
      </c>
      <c r="FU13" s="62">
        <v>2340</v>
      </c>
      <c r="FV13" s="63">
        <v>2864</v>
      </c>
      <c r="FW13" s="60">
        <v>5</v>
      </c>
      <c r="FX13" s="61">
        <v>16</v>
      </c>
      <c r="FY13" s="62">
        <v>21</v>
      </c>
      <c r="FZ13" s="231"/>
      <c r="GA13" s="61">
        <v>13</v>
      </c>
      <c r="GB13" s="61">
        <v>17</v>
      </c>
      <c r="GC13" s="61">
        <v>13</v>
      </c>
      <c r="GD13" s="61">
        <v>15</v>
      </c>
      <c r="GE13" s="61">
        <v>11</v>
      </c>
      <c r="GF13" s="62">
        <v>69</v>
      </c>
      <c r="GG13" s="63">
        <v>90</v>
      </c>
      <c r="GH13" s="60">
        <v>1436</v>
      </c>
      <c r="GI13" s="61">
        <v>999</v>
      </c>
      <c r="GJ13" s="62">
        <v>2435</v>
      </c>
      <c r="GK13" s="231"/>
      <c r="GL13" s="61">
        <v>1723</v>
      </c>
      <c r="GM13" s="61">
        <v>1148</v>
      </c>
      <c r="GN13" s="61">
        <v>957</v>
      </c>
      <c r="GO13" s="61">
        <v>1058</v>
      </c>
      <c r="GP13" s="61">
        <v>738</v>
      </c>
      <c r="GQ13" s="62">
        <v>5624</v>
      </c>
      <c r="GR13" s="63">
        <v>8059</v>
      </c>
      <c r="GS13" s="113">
        <v>2130</v>
      </c>
      <c r="GT13" s="72">
        <v>1383</v>
      </c>
      <c r="GU13" s="73">
        <v>3513</v>
      </c>
      <c r="GV13" s="228"/>
      <c r="GW13" s="72">
        <v>2541</v>
      </c>
      <c r="GX13" s="72">
        <v>1717</v>
      </c>
      <c r="GY13" s="72">
        <v>1386</v>
      </c>
      <c r="GZ13" s="72">
        <v>1427</v>
      </c>
      <c r="HA13" s="72">
        <v>951</v>
      </c>
      <c r="HB13" s="74">
        <v>8022</v>
      </c>
      <c r="HC13" s="75">
        <v>11535</v>
      </c>
      <c r="HD13" s="60">
        <v>46</v>
      </c>
      <c r="HE13" s="61">
        <v>29</v>
      </c>
      <c r="HF13" s="62">
        <v>75</v>
      </c>
      <c r="HG13" s="231"/>
      <c r="HH13" s="61">
        <v>30</v>
      </c>
      <c r="HI13" s="61">
        <v>37</v>
      </c>
      <c r="HJ13" s="61">
        <v>28</v>
      </c>
      <c r="HK13" s="61">
        <v>20</v>
      </c>
      <c r="HL13" s="61">
        <v>25</v>
      </c>
      <c r="HM13" s="62">
        <v>140</v>
      </c>
      <c r="HN13" s="63">
        <v>215</v>
      </c>
      <c r="HO13" s="60">
        <v>101</v>
      </c>
      <c r="HP13" s="61">
        <v>85</v>
      </c>
      <c r="HQ13" s="62">
        <v>186</v>
      </c>
      <c r="HR13" s="231"/>
      <c r="HS13" s="61">
        <v>129</v>
      </c>
      <c r="HT13" s="61">
        <v>79</v>
      </c>
      <c r="HU13" s="61">
        <v>56</v>
      </c>
      <c r="HV13" s="61">
        <v>45</v>
      </c>
      <c r="HW13" s="61">
        <v>59</v>
      </c>
      <c r="HX13" s="62">
        <v>368</v>
      </c>
      <c r="HY13" s="63">
        <v>554</v>
      </c>
      <c r="HZ13" s="60">
        <v>283</v>
      </c>
      <c r="IA13" s="61">
        <v>186</v>
      </c>
      <c r="IB13" s="62">
        <v>469</v>
      </c>
      <c r="IC13" s="231"/>
      <c r="ID13" s="61">
        <v>265</v>
      </c>
      <c r="IE13" s="61">
        <v>170</v>
      </c>
      <c r="IF13" s="61">
        <v>143</v>
      </c>
      <c r="IG13" s="61">
        <v>121</v>
      </c>
      <c r="IH13" s="61">
        <v>107</v>
      </c>
      <c r="II13" s="62">
        <v>806</v>
      </c>
      <c r="IJ13" s="63">
        <v>1275</v>
      </c>
      <c r="IK13" s="60">
        <v>579</v>
      </c>
      <c r="IL13" s="61">
        <v>317</v>
      </c>
      <c r="IM13" s="62">
        <v>896</v>
      </c>
      <c r="IN13" s="231"/>
      <c r="IO13" s="61">
        <v>560</v>
      </c>
      <c r="IP13" s="61">
        <v>330</v>
      </c>
      <c r="IQ13" s="61">
        <v>221</v>
      </c>
      <c r="IR13" s="61">
        <v>225</v>
      </c>
      <c r="IS13" s="61">
        <v>160</v>
      </c>
      <c r="IT13" s="62">
        <v>1496</v>
      </c>
      <c r="IU13" s="63">
        <v>2392</v>
      </c>
      <c r="IV13" s="60">
        <v>681</v>
      </c>
      <c r="IW13" s="61">
        <v>428</v>
      </c>
      <c r="IX13" s="62">
        <v>1109</v>
      </c>
      <c r="IY13" s="231"/>
      <c r="IZ13" s="61">
        <v>749</v>
      </c>
      <c r="JA13" s="61">
        <v>488</v>
      </c>
      <c r="JB13" s="61">
        <v>368</v>
      </c>
      <c r="JC13" s="61">
        <v>366</v>
      </c>
      <c r="JD13" s="61">
        <v>227</v>
      </c>
      <c r="JE13" s="62">
        <v>2198</v>
      </c>
      <c r="JF13" s="63">
        <v>3307</v>
      </c>
      <c r="JG13" s="60">
        <v>440</v>
      </c>
      <c r="JH13" s="61">
        <v>338</v>
      </c>
      <c r="JI13" s="62">
        <v>778</v>
      </c>
      <c r="JJ13" s="231"/>
      <c r="JK13" s="61">
        <v>808</v>
      </c>
      <c r="JL13" s="61">
        <v>613</v>
      </c>
      <c r="JM13" s="61">
        <v>570</v>
      </c>
      <c r="JN13" s="61">
        <v>650</v>
      </c>
      <c r="JO13" s="61">
        <v>373</v>
      </c>
      <c r="JP13" s="62">
        <v>3014</v>
      </c>
      <c r="JQ13" s="63">
        <v>3792</v>
      </c>
      <c r="JR13" s="60">
        <v>10</v>
      </c>
      <c r="JS13" s="61">
        <v>31</v>
      </c>
      <c r="JT13" s="62">
        <v>41</v>
      </c>
      <c r="JU13" s="231"/>
      <c r="JV13" s="61">
        <v>40</v>
      </c>
      <c r="JW13" s="61">
        <v>41</v>
      </c>
      <c r="JX13" s="61">
        <v>31</v>
      </c>
      <c r="JY13" s="61">
        <v>28</v>
      </c>
      <c r="JZ13" s="61">
        <v>20</v>
      </c>
      <c r="KA13" s="62">
        <v>160</v>
      </c>
      <c r="KB13" s="63">
        <v>201</v>
      </c>
      <c r="KC13" s="60">
        <v>2140</v>
      </c>
      <c r="KD13" s="61">
        <v>1414</v>
      </c>
      <c r="KE13" s="62">
        <v>3554</v>
      </c>
      <c r="KF13" s="231"/>
      <c r="KG13" s="61">
        <v>2581</v>
      </c>
      <c r="KH13" s="61">
        <v>1758</v>
      </c>
      <c r="KI13" s="61">
        <v>1417</v>
      </c>
      <c r="KJ13" s="61">
        <v>1455</v>
      </c>
      <c r="KK13" s="61">
        <v>971</v>
      </c>
      <c r="KL13" s="62">
        <v>8182</v>
      </c>
      <c r="KM13" s="63">
        <v>11736</v>
      </c>
    </row>
    <row r="14" spans="2:299" ht="21" customHeight="1" x14ac:dyDescent="0.2">
      <c r="B14" s="472" t="s">
        <v>10</v>
      </c>
      <c r="C14" s="293">
        <v>1494</v>
      </c>
      <c r="D14" s="72">
        <v>991</v>
      </c>
      <c r="E14" s="73">
        <v>2485</v>
      </c>
      <c r="F14" s="228"/>
      <c r="G14" s="72">
        <v>1714</v>
      </c>
      <c r="H14" s="72">
        <v>1045</v>
      </c>
      <c r="I14" s="72">
        <v>693</v>
      </c>
      <c r="J14" s="72">
        <v>634</v>
      </c>
      <c r="K14" s="72">
        <v>437</v>
      </c>
      <c r="L14" s="74">
        <v>4523</v>
      </c>
      <c r="M14" s="75">
        <v>7008</v>
      </c>
      <c r="N14" s="60">
        <v>66</v>
      </c>
      <c r="O14" s="61">
        <v>57</v>
      </c>
      <c r="P14" s="62">
        <v>123</v>
      </c>
      <c r="Q14" s="231"/>
      <c r="R14" s="61">
        <v>76</v>
      </c>
      <c r="S14" s="61">
        <v>51</v>
      </c>
      <c r="T14" s="61">
        <v>26</v>
      </c>
      <c r="U14" s="61">
        <v>36</v>
      </c>
      <c r="V14" s="61">
        <v>27</v>
      </c>
      <c r="W14" s="62">
        <v>216</v>
      </c>
      <c r="X14" s="63">
        <v>339</v>
      </c>
      <c r="Y14" s="60">
        <v>143</v>
      </c>
      <c r="Z14" s="61">
        <v>110</v>
      </c>
      <c r="AA14" s="62">
        <v>253</v>
      </c>
      <c r="AB14" s="231"/>
      <c r="AC14" s="61">
        <v>167</v>
      </c>
      <c r="AD14" s="61">
        <v>119</v>
      </c>
      <c r="AE14" s="61">
        <v>83</v>
      </c>
      <c r="AF14" s="61">
        <v>61</v>
      </c>
      <c r="AG14" s="61">
        <v>56</v>
      </c>
      <c r="AH14" s="62">
        <v>486</v>
      </c>
      <c r="AI14" s="63">
        <v>739</v>
      </c>
      <c r="AJ14" s="60">
        <v>214</v>
      </c>
      <c r="AK14" s="61">
        <v>174</v>
      </c>
      <c r="AL14" s="62">
        <v>388</v>
      </c>
      <c r="AM14" s="231"/>
      <c r="AN14" s="61">
        <v>286</v>
      </c>
      <c r="AO14" s="61">
        <v>158</v>
      </c>
      <c r="AP14" s="61">
        <v>106</v>
      </c>
      <c r="AQ14" s="61">
        <v>98</v>
      </c>
      <c r="AR14" s="61">
        <v>72</v>
      </c>
      <c r="AS14" s="62">
        <v>720</v>
      </c>
      <c r="AT14" s="63">
        <v>1108</v>
      </c>
      <c r="AU14" s="60">
        <v>378</v>
      </c>
      <c r="AV14" s="61">
        <v>230</v>
      </c>
      <c r="AW14" s="62">
        <v>608</v>
      </c>
      <c r="AX14" s="231"/>
      <c r="AY14" s="61">
        <v>428</v>
      </c>
      <c r="AZ14" s="61">
        <v>247</v>
      </c>
      <c r="BA14" s="61">
        <v>141</v>
      </c>
      <c r="BB14" s="61">
        <v>138</v>
      </c>
      <c r="BC14" s="61">
        <v>104</v>
      </c>
      <c r="BD14" s="62">
        <v>1058</v>
      </c>
      <c r="BE14" s="63">
        <v>1666</v>
      </c>
      <c r="BF14" s="60">
        <v>444</v>
      </c>
      <c r="BG14" s="61">
        <v>272</v>
      </c>
      <c r="BH14" s="62">
        <v>716</v>
      </c>
      <c r="BI14" s="231"/>
      <c r="BJ14" s="61">
        <v>446</v>
      </c>
      <c r="BK14" s="61">
        <v>259</v>
      </c>
      <c r="BL14" s="61">
        <v>171</v>
      </c>
      <c r="BM14" s="61">
        <v>140</v>
      </c>
      <c r="BN14" s="61">
        <v>98</v>
      </c>
      <c r="BO14" s="62">
        <v>1114</v>
      </c>
      <c r="BP14" s="63">
        <v>1830</v>
      </c>
      <c r="BQ14" s="60">
        <v>249</v>
      </c>
      <c r="BR14" s="61">
        <v>148</v>
      </c>
      <c r="BS14" s="62">
        <v>397</v>
      </c>
      <c r="BT14" s="231"/>
      <c r="BU14" s="61">
        <v>311</v>
      </c>
      <c r="BV14" s="61">
        <v>211</v>
      </c>
      <c r="BW14" s="61">
        <v>166</v>
      </c>
      <c r="BX14" s="61">
        <v>161</v>
      </c>
      <c r="BY14" s="61">
        <v>80</v>
      </c>
      <c r="BZ14" s="62">
        <v>929</v>
      </c>
      <c r="CA14" s="63">
        <v>1326</v>
      </c>
      <c r="CB14" s="60">
        <v>52</v>
      </c>
      <c r="CC14" s="61">
        <v>34</v>
      </c>
      <c r="CD14" s="62">
        <v>86</v>
      </c>
      <c r="CE14" s="231"/>
      <c r="CF14" s="61">
        <v>73</v>
      </c>
      <c r="CG14" s="61">
        <v>50</v>
      </c>
      <c r="CH14" s="61">
        <v>33</v>
      </c>
      <c r="CI14" s="61">
        <v>28</v>
      </c>
      <c r="CJ14" s="61">
        <v>40</v>
      </c>
      <c r="CK14" s="62">
        <v>224</v>
      </c>
      <c r="CL14" s="63">
        <v>310</v>
      </c>
      <c r="CM14" s="60">
        <v>1546</v>
      </c>
      <c r="CN14" s="61">
        <v>1025</v>
      </c>
      <c r="CO14" s="62">
        <v>2571</v>
      </c>
      <c r="CP14" s="231"/>
      <c r="CQ14" s="61">
        <v>1787</v>
      </c>
      <c r="CR14" s="61">
        <v>1095</v>
      </c>
      <c r="CS14" s="61">
        <v>726</v>
      </c>
      <c r="CT14" s="61">
        <v>662</v>
      </c>
      <c r="CU14" s="61">
        <v>477</v>
      </c>
      <c r="CV14" s="62">
        <v>4747</v>
      </c>
      <c r="CW14" s="63">
        <v>7318</v>
      </c>
      <c r="CX14" s="113">
        <v>3084</v>
      </c>
      <c r="CY14" s="72">
        <v>2206</v>
      </c>
      <c r="CZ14" s="73">
        <v>5290</v>
      </c>
      <c r="DA14" s="228"/>
      <c r="DB14" s="72">
        <v>3275</v>
      </c>
      <c r="DC14" s="72">
        <v>1772</v>
      </c>
      <c r="DD14" s="72">
        <v>1502</v>
      </c>
      <c r="DE14" s="72">
        <v>1525</v>
      </c>
      <c r="DF14" s="72">
        <v>1253</v>
      </c>
      <c r="DG14" s="74">
        <v>9327</v>
      </c>
      <c r="DH14" s="75">
        <v>14617</v>
      </c>
      <c r="DI14" s="60">
        <v>54</v>
      </c>
      <c r="DJ14" s="61">
        <v>62</v>
      </c>
      <c r="DK14" s="62">
        <v>116</v>
      </c>
      <c r="DL14" s="231"/>
      <c r="DM14" s="61">
        <v>74</v>
      </c>
      <c r="DN14" s="61">
        <v>28</v>
      </c>
      <c r="DO14" s="61">
        <v>21</v>
      </c>
      <c r="DP14" s="61">
        <v>22</v>
      </c>
      <c r="DQ14" s="61">
        <v>22</v>
      </c>
      <c r="DR14" s="62">
        <v>167</v>
      </c>
      <c r="DS14" s="63">
        <v>283</v>
      </c>
      <c r="DT14" s="60">
        <v>182</v>
      </c>
      <c r="DU14" s="61">
        <v>137</v>
      </c>
      <c r="DV14" s="62">
        <v>319</v>
      </c>
      <c r="DW14" s="231"/>
      <c r="DX14" s="61">
        <v>193</v>
      </c>
      <c r="DY14" s="61">
        <v>94</v>
      </c>
      <c r="DZ14" s="61">
        <v>50</v>
      </c>
      <c r="EA14" s="61">
        <v>54</v>
      </c>
      <c r="EB14" s="61">
        <v>60</v>
      </c>
      <c r="EC14" s="62">
        <v>451</v>
      </c>
      <c r="ED14" s="63">
        <v>770</v>
      </c>
      <c r="EE14" s="60">
        <v>492</v>
      </c>
      <c r="EF14" s="61">
        <v>293</v>
      </c>
      <c r="EG14" s="62">
        <v>785</v>
      </c>
      <c r="EH14" s="231"/>
      <c r="EI14" s="61">
        <v>396</v>
      </c>
      <c r="EJ14" s="61">
        <v>190</v>
      </c>
      <c r="EK14" s="61">
        <v>141</v>
      </c>
      <c r="EL14" s="61">
        <v>107</v>
      </c>
      <c r="EM14" s="61">
        <v>120</v>
      </c>
      <c r="EN14" s="62">
        <v>954</v>
      </c>
      <c r="EO14" s="63">
        <v>1739</v>
      </c>
      <c r="EP14" s="60">
        <v>886</v>
      </c>
      <c r="EQ14" s="61">
        <v>581</v>
      </c>
      <c r="ER14" s="62">
        <v>1467</v>
      </c>
      <c r="ES14" s="231"/>
      <c r="ET14" s="61">
        <v>688</v>
      </c>
      <c r="EU14" s="61">
        <v>342</v>
      </c>
      <c r="EV14" s="61">
        <v>249</v>
      </c>
      <c r="EW14" s="61">
        <v>259</v>
      </c>
      <c r="EX14" s="61">
        <v>208</v>
      </c>
      <c r="EY14" s="62">
        <v>1746</v>
      </c>
      <c r="EZ14" s="63">
        <v>3213</v>
      </c>
      <c r="FA14" s="60">
        <v>952</v>
      </c>
      <c r="FB14" s="61">
        <v>640</v>
      </c>
      <c r="FC14" s="62">
        <v>1592</v>
      </c>
      <c r="FD14" s="231"/>
      <c r="FE14" s="61">
        <v>997</v>
      </c>
      <c r="FF14" s="61">
        <v>493</v>
      </c>
      <c r="FG14" s="61">
        <v>440</v>
      </c>
      <c r="FH14" s="61">
        <v>382</v>
      </c>
      <c r="FI14" s="61">
        <v>320</v>
      </c>
      <c r="FJ14" s="62">
        <v>2632</v>
      </c>
      <c r="FK14" s="63">
        <v>4224</v>
      </c>
      <c r="FL14" s="60">
        <v>518</v>
      </c>
      <c r="FM14" s="61">
        <v>493</v>
      </c>
      <c r="FN14" s="62">
        <v>1011</v>
      </c>
      <c r="FO14" s="231"/>
      <c r="FP14" s="61">
        <v>927</v>
      </c>
      <c r="FQ14" s="61">
        <v>625</v>
      </c>
      <c r="FR14" s="61">
        <v>601</v>
      </c>
      <c r="FS14" s="61">
        <v>701</v>
      </c>
      <c r="FT14" s="61">
        <v>523</v>
      </c>
      <c r="FU14" s="62">
        <v>3377</v>
      </c>
      <c r="FV14" s="63">
        <v>4388</v>
      </c>
      <c r="FW14" s="60">
        <v>35</v>
      </c>
      <c r="FX14" s="61">
        <v>38</v>
      </c>
      <c r="FY14" s="62">
        <v>73</v>
      </c>
      <c r="FZ14" s="231"/>
      <c r="GA14" s="61">
        <v>63</v>
      </c>
      <c r="GB14" s="61">
        <v>36</v>
      </c>
      <c r="GC14" s="61">
        <v>19</v>
      </c>
      <c r="GD14" s="61">
        <v>25</v>
      </c>
      <c r="GE14" s="61">
        <v>30</v>
      </c>
      <c r="GF14" s="62">
        <v>173</v>
      </c>
      <c r="GG14" s="63">
        <v>246</v>
      </c>
      <c r="GH14" s="60">
        <v>3119</v>
      </c>
      <c r="GI14" s="61">
        <v>2244</v>
      </c>
      <c r="GJ14" s="62">
        <v>5363</v>
      </c>
      <c r="GK14" s="231"/>
      <c r="GL14" s="61">
        <v>3338</v>
      </c>
      <c r="GM14" s="61">
        <v>1808</v>
      </c>
      <c r="GN14" s="61">
        <v>1521</v>
      </c>
      <c r="GO14" s="61">
        <v>1550</v>
      </c>
      <c r="GP14" s="61">
        <v>1283</v>
      </c>
      <c r="GQ14" s="62">
        <v>9500</v>
      </c>
      <c r="GR14" s="63">
        <v>14863</v>
      </c>
      <c r="GS14" s="113">
        <v>4578</v>
      </c>
      <c r="GT14" s="72">
        <v>3197</v>
      </c>
      <c r="GU14" s="73">
        <v>7775</v>
      </c>
      <c r="GV14" s="228"/>
      <c r="GW14" s="72">
        <v>4989</v>
      </c>
      <c r="GX14" s="72">
        <v>2817</v>
      </c>
      <c r="GY14" s="72">
        <v>2195</v>
      </c>
      <c r="GZ14" s="72">
        <v>2159</v>
      </c>
      <c r="HA14" s="72">
        <v>1690</v>
      </c>
      <c r="HB14" s="74">
        <v>13850</v>
      </c>
      <c r="HC14" s="75">
        <v>21625</v>
      </c>
      <c r="HD14" s="60">
        <v>120</v>
      </c>
      <c r="HE14" s="61">
        <v>119</v>
      </c>
      <c r="HF14" s="62">
        <v>239</v>
      </c>
      <c r="HG14" s="231"/>
      <c r="HH14" s="61">
        <v>150</v>
      </c>
      <c r="HI14" s="61">
        <v>79</v>
      </c>
      <c r="HJ14" s="61">
        <v>47</v>
      </c>
      <c r="HK14" s="61">
        <v>58</v>
      </c>
      <c r="HL14" s="61">
        <v>49</v>
      </c>
      <c r="HM14" s="62">
        <v>383</v>
      </c>
      <c r="HN14" s="63">
        <v>622</v>
      </c>
      <c r="HO14" s="60">
        <v>325</v>
      </c>
      <c r="HP14" s="61">
        <v>247</v>
      </c>
      <c r="HQ14" s="62">
        <v>572</v>
      </c>
      <c r="HR14" s="231"/>
      <c r="HS14" s="61">
        <v>360</v>
      </c>
      <c r="HT14" s="61">
        <v>213</v>
      </c>
      <c r="HU14" s="61">
        <v>133</v>
      </c>
      <c r="HV14" s="61">
        <v>115</v>
      </c>
      <c r="HW14" s="61">
        <v>116</v>
      </c>
      <c r="HX14" s="62">
        <v>937</v>
      </c>
      <c r="HY14" s="63">
        <v>1509</v>
      </c>
      <c r="HZ14" s="60">
        <v>706</v>
      </c>
      <c r="IA14" s="61">
        <v>467</v>
      </c>
      <c r="IB14" s="62">
        <v>1173</v>
      </c>
      <c r="IC14" s="231"/>
      <c r="ID14" s="61">
        <v>682</v>
      </c>
      <c r="IE14" s="61">
        <v>348</v>
      </c>
      <c r="IF14" s="61">
        <v>247</v>
      </c>
      <c r="IG14" s="61">
        <v>205</v>
      </c>
      <c r="IH14" s="61">
        <v>192</v>
      </c>
      <c r="II14" s="62">
        <v>1674</v>
      </c>
      <c r="IJ14" s="63">
        <v>2847</v>
      </c>
      <c r="IK14" s="60">
        <v>1264</v>
      </c>
      <c r="IL14" s="61">
        <v>811</v>
      </c>
      <c r="IM14" s="62">
        <v>2075</v>
      </c>
      <c r="IN14" s="231"/>
      <c r="IO14" s="61">
        <v>1116</v>
      </c>
      <c r="IP14" s="61">
        <v>589</v>
      </c>
      <c r="IQ14" s="61">
        <v>390</v>
      </c>
      <c r="IR14" s="61">
        <v>397</v>
      </c>
      <c r="IS14" s="61">
        <v>312</v>
      </c>
      <c r="IT14" s="62">
        <v>2804</v>
      </c>
      <c r="IU14" s="63">
        <v>4879</v>
      </c>
      <c r="IV14" s="60">
        <v>1396</v>
      </c>
      <c r="IW14" s="61">
        <v>912</v>
      </c>
      <c r="IX14" s="62">
        <v>2308</v>
      </c>
      <c r="IY14" s="231"/>
      <c r="IZ14" s="61">
        <v>1443</v>
      </c>
      <c r="JA14" s="61">
        <v>752</v>
      </c>
      <c r="JB14" s="61">
        <v>611</v>
      </c>
      <c r="JC14" s="61">
        <v>522</v>
      </c>
      <c r="JD14" s="61">
        <v>418</v>
      </c>
      <c r="JE14" s="62">
        <v>3746</v>
      </c>
      <c r="JF14" s="63">
        <v>6054</v>
      </c>
      <c r="JG14" s="60">
        <v>767</v>
      </c>
      <c r="JH14" s="61">
        <v>641</v>
      </c>
      <c r="JI14" s="62">
        <v>1408</v>
      </c>
      <c r="JJ14" s="231"/>
      <c r="JK14" s="61">
        <v>1238</v>
      </c>
      <c r="JL14" s="61">
        <v>836</v>
      </c>
      <c r="JM14" s="61">
        <v>767</v>
      </c>
      <c r="JN14" s="61">
        <v>862</v>
      </c>
      <c r="JO14" s="61">
        <v>603</v>
      </c>
      <c r="JP14" s="62">
        <v>4306</v>
      </c>
      <c r="JQ14" s="63">
        <v>5714</v>
      </c>
      <c r="JR14" s="60">
        <v>87</v>
      </c>
      <c r="JS14" s="61">
        <v>72</v>
      </c>
      <c r="JT14" s="62">
        <v>159</v>
      </c>
      <c r="JU14" s="231"/>
      <c r="JV14" s="61">
        <v>136</v>
      </c>
      <c r="JW14" s="61">
        <v>86</v>
      </c>
      <c r="JX14" s="61">
        <v>52</v>
      </c>
      <c r="JY14" s="61">
        <v>53</v>
      </c>
      <c r="JZ14" s="61">
        <v>70</v>
      </c>
      <c r="KA14" s="62">
        <v>397</v>
      </c>
      <c r="KB14" s="63">
        <v>556</v>
      </c>
      <c r="KC14" s="60">
        <v>4665</v>
      </c>
      <c r="KD14" s="61">
        <v>3269</v>
      </c>
      <c r="KE14" s="62">
        <v>7934</v>
      </c>
      <c r="KF14" s="231"/>
      <c r="KG14" s="61">
        <v>5125</v>
      </c>
      <c r="KH14" s="61">
        <v>2903</v>
      </c>
      <c r="KI14" s="61">
        <v>2247</v>
      </c>
      <c r="KJ14" s="61">
        <v>2212</v>
      </c>
      <c r="KK14" s="61">
        <v>1760</v>
      </c>
      <c r="KL14" s="62">
        <v>14247</v>
      </c>
      <c r="KM14" s="63">
        <v>22181</v>
      </c>
    </row>
    <row r="15" spans="2:299" ht="21" customHeight="1" x14ac:dyDescent="0.2">
      <c r="B15" s="472" t="s">
        <v>11</v>
      </c>
      <c r="C15" s="293">
        <v>469</v>
      </c>
      <c r="D15" s="72">
        <v>358</v>
      </c>
      <c r="E15" s="73">
        <v>827</v>
      </c>
      <c r="F15" s="228"/>
      <c r="G15" s="72">
        <v>867</v>
      </c>
      <c r="H15" s="72">
        <v>575</v>
      </c>
      <c r="I15" s="72">
        <v>470</v>
      </c>
      <c r="J15" s="72">
        <v>433</v>
      </c>
      <c r="K15" s="72">
        <v>215</v>
      </c>
      <c r="L15" s="74">
        <v>2560</v>
      </c>
      <c r="M15" s="75">
        <v>3387</v>
      </c>
      <c r="N15" s="60">
        <v>14</v>
      </c>
      <c r="O15" s="61">
        <v>14</v>
      </c>
      <c r="P15" s="62">
        <v>28</v>
      </c>
      <c r="Q15" s="231"/>
      <c r="R15" s="61">
        <v>44</v>
      </c>
      <c r="S15" s="61">
        <v>21</v>
      </c>
      <c r="T15" s="61">
        <v>18</v>
      </c>
      <c r="U15" s="61">
        <v>19</v>
      </c>
      <c r="V15" s="61">
        <v>12</v>
      </c>
      <c r="W15" s="62">
        <v>114</v>
      </c>
      <c r="X15" s="63">
        <v>142</v>
      </c>
      <c r="Y15" s="60">
        <v>52</v>
      </c>
      <c r="Z15" s="61">
        <v>41</v>
      </c>
      <c r="AA15" s="62">
        <v>93</v>
      </c>
      <c r="AB15" s="231"/>
      <c r="AC15" s="61">
        <v>92</v>
      </c>
      <c r="AD15" s="61">
        <v>62</v>
      </c>
      <c r="AE15" s="61">
        <v>61</v>
      </c>
      <c r="AF15" s="61">
        <v>50</v>
      </c>
      <c r="AG15" s="61">
        <v>26</v>
      </c>
      <c r="AH15" s="62">
        <v>291</v>
      </c>
      <c r="AI15" s="63">
        <v>384</v>
      </c>
      <c r="AJ15" s="60">
        <v>63</v>
      </c>
      <c r="AK15" s="61">
        <v>72</v>
      </c>
      <c r="AL15" s="62">
        <v>135</v>
      </c>
      <c r="AM15" s="231"/>
      <c r="AN15" s="61">
        <v>148</v>
      </c>
      <c r="AO15" s="61">
        <v>107</v>
      </c>
      <c r="AP15" s="61">
        <v>76</v>
      </c>
      <c r="AQ15" s="61">
        <v>72</v>
      </c>
      <c r="AR15" s="61">
        <v>36</v>
      </c>
      <c r="AS15" s="62">
        <v>439</v>
      </c>
      <c r="AT15" s="63">
        <v>574</v>
      </c>
      <c r="AU15" s="60">
        <v>120</v>
      </c>
      <c r="AV15" s="61">
        <v>84</v>
      </c>
      <c r="AW15" s="62">
        <v>204</v>
      </c>
      <c r="AX15" s="231"/>
      <c r="AY15" s="61">
        <v>214</v>
      </c>
      <c r="AZ15" s="61">
        <v>137</v>
      </c>
      <c r="BA15" s="61">
        <v>114</v>
      </c>
      <c r="BB15" s="61">
        <v>109</v>
      </c>
      <c r="BC15" s="61">
        <v>52</v>
      </c>
      <c r="BD15" s="62">
        <v>626</v>
      </c>
      <c r="BE15" s="63">
        <v>830</v>
      </c>
      <c r="BF15" s="60">
        <v>135</v>
      </c>
      <c r="BG15" s="61">
        <v>84</v>
      </c>
      <c r="BH15" s="62">
        <v>219</v>
      </c>
      <c r="BI15" s="231"/>
      <c r="BJ15" s="61">
        <v>218</v>
      </c>
      <c r="BK15" s="61">
        <v>141</v>
      </c>
      <c r="BL15" s="61">
        <v>115</v>
      </c>
      <c r="BM15" s="61">
        <v>96</v>
      </c>
      <c r="BN15" s="61">
        <v>51</v>
      </c>
      <c r="BO15" s="62">
        <v>621</v>
      </c>
      <c r="BP15" s="63">
        <v>840</v>
      </c>
      <c r="BQ15" s="60">
        <v>85</v>
      </c>
      <c r="BR15" s="61">
        <v>63</v>
      </c>
      <c r="BS15" s="62">
        <v>148</v>
      </c>
      <c r="BT15" s="231"/>
      <c r="BU15" s="61">
        <v>151</v>
      </c>
      <c r="BV15" s="61">
        <v>107</v>
      </c>
      <c r="BW15" s="61">
        <v>86</v>
      </c>
      <c r="BX15" s="61">
        <v>87</v>
      </c>
      <c r="BY15" s="61">
        <v>38</v>
      </c>
      <c r="BZ15" s="62">
        <v>469</v>
      </c>
      <c r="CA15" s="63">
        <v>617</v>
      </c>
      <c r="CB15" s="60">
        <v>12</v>
      </c>
      <c r="CC15" s="61">
        <v>10</v>
      </c>
      <c r="CD15" s="62">
        <v>22</v>
      </c>
      <c r="CE15" s="231"/>
      <c r="CF15" s="61">
        <v>36</v>
      </c>
      <c r="CG15" s="61">
        <v>21</v>
      </c>
      <c r="CH15" s="61">
        <v>11</v>
      </c>
      <c r="CI15" s="61">
        <v>18</v>
      </c>
      <c r="CJ15" s="61">
        <v>14</v>
      </c>
      <c r="CK15" s="62">
        <v>100</v>
      </c>
      <c r="CL15" s="63">
        <v>122</v>
      </c>
      <c r="CM15" s="60">
        <v>481</v>
      </c>
      <c r="CN15" s="61">
        <v>368</v>
      </c>
      <c r="CO15" s="62">
        <v>849</v>
      </c>
      <c r="CP15" s="231"/>
      <c r="CQ15" s="61">
        <v>903</v>
      </c>
      <c r="CR15" s="61">
        <v>596</v>
      </c>
      <c r="CS15" s="61">
        <v>481</v>
      </c>
      <c r="CT15" s="61">
        <v>451</v>
      </c>
      <c r="CU15" s="61">
        <v>229</v>
      </c>
      <c r="CV15" s="62">
        <v>2660</v>
      </c>
      <c r="CW15" s="63">
        <v>3509</v>
      </c>
      <c r="CX15" s="113">
        <v>961</v>
      </c>
      <c r="CY15" s="72">
        <v>772</v>
      </c>
      <c r="CZ15" s="73">
        <v>1733</v>
      </c>
      <c r="DA15" s="228"/>
      <c r="DB15" s="72">
        <v>1760</v>
      </c>
      <c r="DC15" s="72">
        <v>1049</v>
      </c>
      <c r="DD15" s="72">
        <v>959</v>
      </c>
      <c r="DE15" s="72">
        <v>980</v>
      </c>
      <c r="DF15" s="72">
        <v>541</v>
      </c>
      <c r="DG15" s="74">
        <v>5289</v>
      </c>
      <c r="DH15" s="75">
        <v>7022</v>
      </c>
      <c r="DI15" s="60">
        <v>25</v>
      </c>
      <c r="DJ15" s="61">
        <v>14</v>
      </c>
      <c r="DK15" s="62">
        <v>39</v>
      </c>
      <c r="DL15" s="231"/>
      <c r="DM15" s="61">
        <v>44</v>
      </c>
      <c r="DN15" s="61">
        <v>19</v>
      </c>
      <c r="DO15" s="61">
        <v>16</v>
      </c>
      <c r="DP15" s="61">
        <v>19</v>
      </c>
      <c r="DQ15" s="61">
        <v>17</v>
      </c>
      <c r="DR15" s="62">
        <v>115</v>
      </c>
      <c r="DS15" s="63">
        <v>154</v>
      </c>
      <c r="DT15" s="60">
        <v>68</v>
      </c>
      <c r="DU15" s="61">
        <v>53</v>
      </c>
      <c r="DV15" s="62">
        <v>121</v>
      </c>
      <c r="DW15" s="231"/>
      <c r="DX15" s="61">
        <v>101</v>
      </c>
      <c r="DY15" s="61">
        <v>45</v>
      </c>
      <c r="DZ15" s="61">
        <v>54</v>
      </c>
      <c r="EA15" s="61">
        <v>46</v>
      </c>
      <c r="EB15" s="61">
        <v>30</v>
      </c>
      <c r="EC15" s="62">
        <v>276</v>
      </c>
      <c r="ED15" s="63">
        <v>397</v>
      </c>
      <c r="EE15" s="60">
        <v>128</v>
      </c>
      <c r="EF15" s="61">
        <v>105</v>
      </c>
      <c r="EG15" s="62">
        <v>233</v>
      </c>
      <c r="EH15" s="231"/>
      <c r="EI15" s="61">
        <v>168</v>
      </c>
      <c r="EJ15" s="61">
        <v>103</v>
      </c>
      <c r="EK15" s="61">
        <v>91</v>
      </c>
      <c r="EL15" s="61">
        <v>84</v>
      </c>
      <c r="EM15" s="61">
        <v>49</v>
      </c>
      <c r="EN15" s="62">
        <v>495</v>
      </c>
      <c r="EO15" s="63">
        <v>728</v>
      </c>
      <c r="EP15" s="60">
        <v>273</v>
      </c>
      <c r="EQ15" s="61">
        <v>218</v>
      </c>
      <c r="ER15" s="62">
        <v>491</v>
      </c>
      <c r="ES15" s="231"/>
      <c r="ET15" s="61">
        <v>416</v>
      </c>
      <c r="EU15" s="61">
        <v>207</v>
      </c>
      <c r="EV15" s="61">
        <v>168</v>
      </c>
      <c r="EW15" s="61">
        <v>167</v>
      </c>
      <c r="EX15" s="61">
        <v>96</v>
      </c>
      <c r="EY15" s="62">
        <v>1054</v>
      </c>
      <c r="EZ15" s="63">
        <v>1545</v>
      </c>
      <c r="FA15" s="60">
        <v>289</v>
      </c>
      <c r="FB15" s="61">
        <v>225</v>
      </c>
      <c r="FC15" s="62">
        <v>514</v>
      </c>
      <c r="FD15" s="231"/>
      <c r="FE15" s="61">
        <v>548</v>
      </c>
      <c r="FF15" s="61">
        <v>307</v>
      </c>
      <c r="FG15" s="61">
        <v>259</v>
      </c>
      <c r="FH15" s="61">
        <v>231</v>
      </c>
      <c r="FI15" s="61">
        <v>126</v>
      </c>
      <c r="FJ15" s="62">
        <v>1471</v>
      </c>
      <c r="FK15" s="63">
        <v>1985</v>
      </c>
      <c r="FL15" s="60">
        <v>178</v>
      </c>
      <c r="FM15" s="61">
        <v>157</v>
      </c>
      <c r="FN15" s="62">
        <v>335</v>
      </c>
      <c r="FO15" s="231"/>
      <c r="FP15" s="61">
        <v>483</v>
      </c>
      <c r="FQ15" s="61">
        <v>368</v>
      </c>
      <c r="FR15" s="61">
        <v>371</v>
      </c>
      <c r="FS15" s="61">
        <v>433</v>
      </c>
      <c r="FT15" s="61">
        <v>223</v>
      </c>
      <c r="FU15" s="62">
        <v>1878</v>
      </c>
      <c r="FV15" s="63">
        <v>2213</v>
      </c>
      <c r="FW15" s="60">
        <v>10</v>
      </c>
      <c r="FX15" s="61">
        <v>8</v>
      </c>
      <c r="FY15" s="62">
        <v>18</v>
      </c>
      <c r="FZ15" s="231"/>
      <c r="GA15" s="61">
        <v>25</v>
      </c>
      <c r="GB15" s="61">
        <v>16</v>
      </c>
      <c r="GC15" s="61">
        <v>18</v>
      </c>
      <c r="GD15" s="61">
        <v>8</v>
      </c>
      <c r="GE15" s="61">
        <v>11</v>
      </c>
      <c r="GF15" s="62">
        <v>78</v>
      </c>
      <c r="GG15" s="63">
        <v>96</v>
      </c>
      <c r="GH15" s="60">
        <v>971</v>
      </c>
      <c r="GI15" s="61">
        <v>780</v>
      </c>
      <c r="GJ15" s="62">
        <v>1751</v>
      </c>
      <c r="GK15" s="231"/>
      <c r="GL15" s="61">
        <v>1785</v>
      </c>
      <c r="GM15" s="61">
        <v>1065</v>
      </c>
      <c r="GN15" s="61">
        <v>977</v>
      </c>
      <c r="GO15" s="61">
        <v>988</v>
      </c>
      <c r="GP15" s="61">
        <v>552</v>
      </c>
      <c r="GQ15" s="62">
        <v>5367</v>
      </c>
      <c r="GR15" s="63">
        <v>7118</v>
      </c>
      <c r="GS15" s="113">
        <v>1430</v>
      </c>
      <c r="GT15" s="72">
        <v>1130</v>
      </c>
      <c r="GU15" s="73">
        <v>2560</v>
      </c>
      <c r="GV15" s="228"/>
      <c r="GW15" s="72">
        <v>2627</v>
      </c>
      <c r="GX15" s="72">
        <v>1624</v>
      </c>
      <c r="GY15" s="72">
        <v>1429</v>
      </c>
      <c r="GZ15" s="72">
        <v>1413</v>
      </c>
      <c r="HA15" s="72">
        <v>756</v>
      </c>
      <c r="HB15" s="74">
        <v>7849</v>
      </c>
      <c r="HC15" s="75">
        <v>10409</v>
      </c>
      <c r="HD15" s="60">
        <v>39</v>
      </c>
      <c r="HE15" s="61">
        <v>28</v>
      </c>
      <c r="HF15" s="62">
        <v>67</v>
      </c>
      <c r="HG15" s="231"/>
      <c r="HH15" s="61">
        <v>88</v>
      </c>
      <c r="HI15" s="61">
        <v>40</v>
      </c>
      <c r="HJ15" s="61">
        <v>34</v>
      </c>
      <c r="HK15" s="61">
        <v>38</v>
      </c>
      <c r="HL15" s="61">
        <v>29</v>
      </c>
      <c r="HM15" s="62">
        <v>229</v>
      </c>
      <c r="HN15" s="63">
        <v>296</v>
      </c>
      <c r="HO15" s="60">
        <v>120</v>
      </c>
      <c r="HP15" s="61">
        <v>94</v>
      </c>
      <c r="HQ15" s="62">
        <v>214</v>
      </c>
      <c r="HR15" s="231"/>
      <c r="HS15" s="61">
        <v>193</v>
      </c>
      <c r="HT15" s="61">
        <v>107</v>
      </c>
      <c r="HU15" s="61">
        <v>115</v>
      </c>
      <c r="HV15" s="61">
        <v>96</v>
      </c>
      <c r="HW15" s="61">
        <v>56</v>
      </c>
      <c r="HX15" s="62">
        <v>567</v>
      </c>
      <c r="HY15" s="63">
        <v>781</v>
      </c>
      <c r="HZ15" s="60">
        <v>191</v>
      </c>
      <c r="IA15" s="61">
        <v>177</v>
      </c>
      <c r="IB15" s="62">
        <v>368</v>
      </c>
      <c r="IC15" s="231"/>
      <c r="ID15" s="61">
        <v>316</v>
      </c>
      <c r="IE15" s="61">
        <v>210</v>
      </c>
      <c r="IF15" s="61">
        <v>167</v>
      </c>
      <c r="IG15" s="61">
        <v>156</v>
      </c>
      <c r="IH15" s="61">
        <v>85</v>
      </c>
      <c r="II15" s="62">
        <v>934</v>
      </c>
      <c r="IJ15" s="63">
        <v>1302</v>
      </c>
      <c r="IK15" s="60">
        <v>393</v>
      </c>
      <c r="IL15" s="61">
        <v>302</v>
      </c>
      <c r="IM15" s="62">
        <v>695</v>
      </c>
      <c r="IN15" s="231"/>
      <c r="IO15" s="61">
        <v>630</v>
      </c>
      <c r="IP15" s="61">
        <v>344</v>
      </c>
      <c r="IQ15" s="61">
        <v>282</v>
      </c>
      <c r="IR15" s="61">
        <v>276</v>
      </c>
      <c r="IS15" s="61">
        <v>148</v>
      </c>
      <c r="IT15" s="62">
        <v>1680</v>
      </c>
      <c r="IU15" s="63">
        <v>2375</v>
      </c>
      <c r="IV15" s="60">
        <v>424</v>
      </c>
      <c r="IW15" s="61">
        <v>309</v>
      </c>
      <c r="IX15" s="62">
        <v>733</v>
      </c>
      <c r="IY15" s="231"/>
      <c r="IZ15" s="61">
        <v>766</v>
      </c>
      <c r="JA15" s="61">
        <v>448</v>
      </c>
      <c r="JB15" s="61">
        <v>374</v>
      </c>
      <c r="JC15" s="61">
        <v>327</v>
      </c>
      <c r="JD15" s="61">
        <v>177</v>
      </c>
      <c r="JE15" s="62">
        <v>2092</v>
      </c>
      <c r="JF15" s="63">
        <v>2825</v>
      </c>
      <c r="JG15" s="60">
        <v>263</v>
      </c>
      <c r="JH15" s="61">
        <v>220</v>
      </c>
      <c r="JI15" s="62">
        <v>483</v>
      </c>
      <c r="JJ15" s="231"/>
      <c r="JK15" s="61">
        <v>634</v>
      </c>
      <c r="JL15" s="61">
        <v>475</v>
      </c>
      <c r="JM15" s="61">
        <v>457</v>
      </c>
      <c r="JN15" s="61">
        <v>520</v>
      </c>
      <c r="JO15" s="61">
        <v>261</v>
      </c>
      <c r="JP15" s="62">
        <v>2347</v>
      </c>
      <c r="JQ15" s="63">
        <v>2830</v>
      </c>
      <c r="JR15" s="60">
        <v>22</v>
      </c>
      <c r="JS15" s="61">
        <v>18</v>
      </c>
      <c r="JT15" s="62">
        <v>40</v>
      </c>
      <c r="JU15" s="231"/>
      <c r="JV15" s="61">
        <v>61</v>
      </c>
      <c r="JW15" s="61">
        <v>37</v>
      </c>
      <c r="JX15" s="61">
        <v>29</v>
      </c>
      <c r="JY15" s="61">
        <v>26</v>
      </c>
      <c r="JZ15" s="61">
        <v>25</v>
      </c>
      <c r="KA15" s="62">
        <v>178</v>
      </c>
      <c r="KB15" s="63">
        <v>218</v>
      </c>
      <c r="KC15" s="60">
        <v>1452</v>
      </c>
      <c r="KD15" s="61">
        <v>1148</v>
      </c>
      <c r="KE15" s="62">
        <v>2600</v>
      </c>
      <c r="KF15" s="231"/>
      <c r="KG15" s="61">
        <v>2688</v>
      </c>
      <c r="KH15" s="61">
        <v>1661</v>
      </c>
      <c r="KI15" s="61">
        <v>1458</v>
      </c>
      <c r="KJ15" s="61">
        <v>1439</v>
      </c>
      <c r="KK15" s="61">
        <v>781</v>
      </c>
      <c r="KL15" s="62">
        <v>8027</v>
      </c>
      <c r="KM15" s="63">
        <v>10627</v>
      </c>
    </row>
    <row r="16" spans="2:299" ht="21" customHeight="1" x14ac:dyDescent="0.2">
      <c r="B16" s="472" t="s">
        <v>12</v>
      </c>
      <c r="C16" s="293">
        <v>701</v>
      </c>
      <c r="D16" s="72">
        <v>654</v>
      </c>
      <c r="E16" s="73">
        <v>1355</v>
      </c>
      <c r="F16" s="228"/>
      <c r="G16" s="72">
        <v>709</v>
      </c>
      <c r="H16" s="72">
        <v>626</v>
      </c>
      <c r="I16" s="72">
        <v>473</v>
      </c>
      <c r="J16" s="72">
        <v>466</v>
      </c>
      <c r="K16" s="72">
        <v>222</v>
      </c>
      <c r="L16" s="74">
        <v>2496</v>
      </c>
      <c r="M16" s="75">
        <v>3851</v>
      </c>
      <c r="N16" s="76">
        <v>25</v>
      </c>
      <c r="O16" s="61">
        <v>29</v>
      </c>
      <c r="P16" s="62">
        <v>54</v>
      </c>
      <c r="Q16" s="231"/>
      <c r="R16" s="61">
        <v>19</v>
      </c>
      <c r="S16" s="61">
        <v>27</v>
      </c>
      <c r="T16" s="61">
        <v>21</v>
      </c>
      <c r="U16" s="61">
        <v>26</v>
      </c>
      <c r="V16" s="61">
        <v>10</v>
      </c>
      <c r="W16" s="62">
        <v>103</v>
      </c>
      <c r="X16" s="63">
        <v>157</v>
      </c>
      <c r="Y16" s="60">
        <v>50</v>
      </c>
      <c r="Z16" s="61">
        <v>70</v>
      </c>
      <c r="AA16" s="62">
        <v>120</v>
      </c>
      <c r="AB16" s="231"/>
      <c r="AC16" s="61">
        <v>53</v>
      </c>
      <c r="AD16" s="61">
        <v>50</v>
      </c>
      <c r="AE16" s="61">
        <v>35</v>
      </c>
      <c r="AF16" s="61">
        <v>43</v>
      </c>
      <c r="AG16" s="61">
        <v>26</v>
      </c>
      <c r="AH16" s="62">
        <v>207</v>
      </c>
      <c r="AI16" s="63">
        <v>327</v>
      </c>
      <c r="AJ16" s="76">
        <v>106</v>
      </c>
      <c r="AK16" s="61">
        <v>97</v>
      </c>
      <c r="AL16" s="62">
        <v>203</v>
      </c>
      <c r="AM16" s="231"/>
      <c r="AN16" s="61">
        <v>98</v>
      </c>
      <c r="AO16" s="61">
        <v>89</v>
      </c>
      <c r="AP16" s="61">
        <v>76</v>
      </c>
      <c r="AQ16" s="61">
        <v>64</v>
      </c>
      <c r="AR16" s="61">
        <v>43</v>
      </c>
      <c r="AS16" s="62">
        <v>370</v>
      </c>
      <c r="AT16" s="63">
        <v>573</v>
      </c>
      <c r="AU16" s="60">
        <v>187</v>
      </c>
      <c r="AV16" s="61">
        <v>162</v>
      </c>
      <c r="AW16" s="62">
        <v>349</v>
      </c>
      <c r="AX16" s="231"/>
      <c r="AY16" s="61">
        <v>174</v>
      </c>
      <c r="AZ16" s="61">
        <v>157</v>
      </c>
      <c r="BA16" s="61">
        <v>114</v>
      </c>
      <c r="BB16" s="61">
        <v>96</v>
      </c>
      <c r="BC16" s="61">
        <v>49</v>
      </c>
      <c r="BD16" s="62">
        <v>590</v>
      </c>
      <c r="BE16" s="63">
        <v>939</v>
      </c>
      <c r="BF16" s="76">
        <v>207</v>
      </c>
      <c r="BG16" s="61">
        <v>162</v>
      </c>
      <c r="BH16" s="62">
        <v>369</v>
      </c>
      <c r="BI16" s="231"/>
      <c r="BJ16" s="61">
        <v>208</v>
      </c>
      <c r="BK16" s="61">
        <v>159</v>
      </c>
      <c r="BL16" s="61">
        <v>143</v>
      </c>
      <c r="BM16" s="61">
        <v>127</v>
      </c>
      <c r="BN16" s="61">
        <v>60</v>
      </c>
      <c r="BO16" s="62">
        <v>697</v>
      </c>
      <c r="BP16" s="63">
        <v>1066</v>
      </c>
      <c r="BQ16" s="60">
        <v>126</v>
      </c>
      <c r="BR16" s="61">
        <v>134</v>
      </c>
      <c r="BS16" s="62">
        <v>260</v>
      </c>
      <c r="BT16" s="231"/>
      <c r="BU16" s="61">
        <v>157</v>
      </c>
      <c r="BV16" s="61">
        <v>144</v>
      </c>
      <c r="BW16" s="61">
        <v>84</v>
      </c>
      <c r="BX16" s="61">
        <v>110</v>
      </c>
      <c r="BY16" s="61">
        <v>34</v>
      </c>
      <c r="BZ16" s="62">
        <v>529</v>
      </c>
      <c r="CA16" s="63">
        <v>789</v>
      </c>
      <c r="CB16" s="60">
        <v>22</v>
      </c>
      <c r="CC16" s="61">
        <v>35</v>
      </c>
      <c r="CD16" s="62">
        <v>57</v>
      </c>
      <c r="CE16" s="231"/>
      <c r="CF16" s="61">
        <v>18</v>
      </c>
      <c r="CG16" s="61">
        <v>21</v>
      </c>
      <c r="CH16" s="61">
        <v>16</v>
      </c>
      <c r="CI16" s="61">
        <v>8</v>
      </c>
      <c r="CJ16" s="61">
        <v>15</v>
      </c>
      <c r="CK16" s="62">
        <v>78</v>
      </c>
      <c r="CL16" s="63">
        <v>135</v>
      </c>
      <c r="CM16" s="60">
        <v>723</v>
      </c>
      <c r="CN16" s="61">
        <v>689</v>
      </c>
      <c r="CO16" s="62">
        <v>1412</v>
      </c>
      <c r="CP16" s="231"/>
      <c r="CQ16" s="61">
        <v>727</v>
      </c>
      <c r="CR16" s="61">
        <v>647</v>
      </c>
      <c r="CS16" s="61">
        <v>489</v>
      </c>
      <c r="CT16" s="61">
        <v>474</v>
      </c>
      <c r="CU16" s="61">
        <v>237</v>
      </c>
      <c r="CV16" s="62">
        <v>2574</v>
      </c>
      <c r="CW16" s="63">
        <v>3986</v>
      </c>
      <c r="CX16" s="113">
        <v>1346</v>
      </c>
      <c r="CY16" s="72">
        <v>1399</v>
      </c>
      <c r="CZ16" s="73">
        <v>2745</v>
      </c>
      <c r="DA16" s="228"/>
      <c r="DB16" s="72">
        <v>1480</v>
      </c>
      <c r="DC16" s="72">
        <v>1136</v>
      </c>
      <c r="DD16" s="72">
        <v>948</v>
      </c>
      <c r="DE16" s="72">
        <v>1033</v>
      </c>
      <c r="DF16" s="72">
        <v>672</v>
      </c>
      <c r="DG16" s="74">
        <v>5269</v>
      </c>
      <c r="DH16" s="75">
        <v>8014</v>
      </c>
      <c r="DI16" s="76">
        <v>33</v>
      </c>
      <c r="DJ16" s="61">
        <v>34</v>
      </c>
      <c r="DK16" s="62">
        <v>67</v>
      </c>
      <c r="DL16" s="231"/>
      <c r="DM16" s="61">
        <v>23</v>
      </c>
      <c r="DN16" s="61">
        <v>17</v>
      </c>
      <c r="DO16" s="61">
        <v>13</v>
      </c>
      <c r="DP16" s="61">
        <v>14</v>
      </c>
      <c r="DQ16" s="61">
        <v>11</v>
      </c>
      <c r="DR16" s="62">
        <v>78</v>
      </c>
      <c r="DS16" s="63">
        <v>145</v>
      </c>
      <c r="DT16" s="60">
        <v>92</v>
      </c>
      <c r="DU16" s="61">
        <v>77</v>
      </c>
      <c r="DV16" s="62">
        <v>169</v>
      </c>
      <c r="DW16" s="231"/>
      <c r="DX16" s="61">
        <v>48</v>
      </c>
      <c r="DY16" s="61">
        <v>59</v>
      </c>
      <c r="DZ16" s="61">
        <v>37</v>
      </c>
      <c r="EA16" s="61">
        <v>44</v>
      </c>
      <c r="EB16" s="61">
        <v>36</v>
      </c>
      <c r="EC16" s="62">
        <v>224</v>
      </c>
      <c r="ED16" s="63">
        <v>393</v>
      </c>
      <c r="EE16" s="76">
        <v>192</v>
      </c>
      <c r="EF16" s="61">
        <v>212</v>
      </c>
      <c r="EG16" s="62">
        <v>404</v>
      </c>
      <c r="EH16" s="231"/>
      <c r="EI16" s="61">
        <v>147</v>
      </c>
      <c r="EJ16" s="61">
        <v>114</v>
      </c>
      <c r="EK16" s="61">
        <v>78</v>
      </c>
      <c r="EL16" s="61">
        <v>91</v>
      </c>
      <c r="EM16" s="61">
        <v>71</v>
      </c>
      <c r="EN16" s="62">
        <v>501</v>
      </c>
      <c r="EO16" s="63">
        <v>905</v>
      </c>
      <c r="EP16" s="60">
        <v>393</v>
      </c>
      <c r="EQ16" s="61">
        <v>365</v>
      </c>
      <c r="ER16" s="62">
        <v>758</v>
      </c>
      <c r="ES16" s="231"/>
      <c r="ET16" s="61">
        <v>345</v>
      </c>
      <c r="EU16" s="61">
        <v>223</v>
      </c>
      <c r="EV16" s="61">
        <v>169</v>
      </c>
      <c r="EW16" s="61">
        <v>145</v>
      </c>
      <c r="EX16" s="61">
        <v>126</v>
      </c>
      <c r="EY16" s="62">
        <v>1008</v>
      </c>
      <c r="EZ16" s="63">
        <v>1766</v>
      </c>
      <c r="FA16" s="76">
        <v>403</v>
      </c>
      <c r="FB16" s="61">
        <v>390</v>
      </c>
      <c r="FC16" s="62">
        <v>793</v>
      </c>
      <c r="FD16" s="231"/>
      <c r="FE16" s="61">
        <v>478</v>
      </c>
      <c r="FF16" s="61">
        <v>334</v>
      </c>
      <c r="FG16" s="61">
        <v>273</v>
      </c>
      <c r="FH16" s="61">
        <v>269</v>
      </c>
      <c r="FI16" s="61">
        <v>155</v>
      </c>
      <c r="FJ16" s="62">
        <v>1509</v>
      </c>
      <c r="FK16" s="63">
        <v>2302</v>
      </c>
      <c r="FL16" s="60">
        <v>233</v>
      </c>
      <c r="FM16" s="61">
        <v>321</v>
      </c>
      <c r="FN16" s="62">
        <v>554</v>
      </c>
      <c r="FO16" s="231"/>
      <c r="FP16" s="61">
        <v>439</v>
      </c>
      <c r="FQ16" s="61">
        <v>389</v>
      </c>
      <c r="FR16" s="61">
        <v>378</v>
      </c>
      <c r="FS16" s="61">
        <v>470</v>
      </c>
      <c r="FT16" s="61">
        <v>273</v>
      </c>
      <c r="FU16" s="62">
        <v>1949</v>
      </c>
      <c r="FV16" s="63">
        <v>2503</v>
      </c>
      <c r="FW16" s="60">
        <v>16</v>
      </c>
      <c r="FX16" s="61">
        <v>21</v>
      </c>
      <c r="FY16" s="62">
        <v>37</v>
      </c>
      <c r="FZ16" s="231"/>
      <c r="GA16" s="61">
        <v>15</v>
      </c>
      <c r="GB16" s="61">
        <v>18</v>
      </c>
      <c r="GC16" s="61">
        <v>16</v>
      </c>
      <c r="GD16" s="61">
        <v>16</v>
      </c>
      <c r="GE16" s="61">
        <v>8</v>
      </c>
      <c r="GF16" s="62">
        <v>73</v>
      </c>
      <c r="GG16" s="63">
        <v>110</v>
      </c>
      <c r="GH16" s="60">
        <v>1362</v>
      </c>
      <c r="GI16" s="61">
        <v>1420</v>
      </c>
      <c r="GJ16" s="62">
        <v>2782</v>
      </c>
      <c r="GK16" s="231"/>
      <c r="GL16" s="61">
        <v>1495</v>
      </c>
      <c r="GM16" s="61">
        <v>1154</v>
      </c>
      <c r="GN16" s="61">
        <v>964</v>
      </c>
      <c r="GO16" s="61">
        <v>1049</v>
      </c>
      <c r="GP16" s="61">
        <v>680</v>
      </c>
      <c r="GQ16" s="62">
        <v>5342</v>
      </c>
      <c r="GR16" s="63">
        <v>8124</v>
      </c>
      <c r="GS16" s="113">
        <v>2047</v>
      </c>
      <c r="GT16" s="72">
        <v>2053</v>
      </c>
      <c r="GU16" s="73">
        <v>4100</v>
      </c>
      <c r="GV16" s="228"/>
      <c r="GW16" s="72">
        <v>2189</v>
      </c>
      <c r="GX16" s="72">
        <v>1762</v>
      </c>
      <c r="GY16" s="72">
        <v>1421</v>
      </c>
      <c r="GZ16" s="72">
        <v>1499</v>
      </c>
      <c r="HA16" s="72">
        <v>894</v>
      </c>
      <c r="HB16" s="74">
        <v>7765</v>
      </c>
      <c r="HC16" s="75">
        <v>11865</v>
      </c>
      <c r="HD16" s="76">
        <v>58</v>
      </c>
      <c r="HE16" s="61">
        <v>63</v>
      </c>
      <c r="HF16" s="62">
        <v>121</v>
      </c>
      <c r="HG16" s="231"/>
      <c r="HH16" s="61">
        <v>42</v>
      </c>
      <c r="HI16" s="61">
        <v>44</v>
      </c>
      <c r="HJ16" s="61">
        <v>34</v>
      </c>
      <c r="HK16" s="61">
        <v>40</v>
      </c>
      <c r="HL16" s="61">
        <v>21</v>
      </c>
      <c r="HM16" s="62">
        <v>181</v>
      </c>
      <c r="HN16" s="63">
        <v>302</v>
      </c>
      <c r="HO16" s="60">
        <v>142</v>
      </c>
      <c r="HP16" s="61">
        <v>147</v>
      </c>
      <c r="HQ16" s="62">
        <v>289</v>
      </c>
      <c r="HR16" s="231"/>
      <c r="HS16" s="61">
        <v>101</v>
      </c>
      <c r="HT16" s="61">
        <v>109</v>
      </c>
      <c r="HU16" s="61">
        <v>72</v>
      </c>
      <c r="HV16" s="61">
        <v>87</v>
      </c>
      <c r="HW16" s="61">
        <v>62</v>
      </c>
      <c r="HX16" s="62">
        <v>431</v>
      </c>
      <c r="HY16" s="63">
        <v>720</v>
      </c>
      <c r="HZ16" s="76">
        <v>298</v>
      </c>
      <c r="IA16" s="61">
        <v>309</v>
      </c>
      <c r="IB16" s="62">
        <v>607</v>
      </c>
      <c r="IC16" s="231"/>
      <c r="ID16" s="61">
        <v>245</v>
      </c>
      <c r="IE16" s="61">
        <v>203</v>
      </c>
      <c r="IF16" s="61">
        <v>154</v>
      </c>
      <c r="IG16" s="61">
        <v>155</v>
      </c>
      <c r="IH16" s="61">
        <v>114</v>
      </c>
      <c r="II16" s="62">
        <v>871</v>
      </c>
      <c r="IJ16" s="63">
        <v>1478</v>
      </c>
      <c r="IK16" s="60">
        <v>580</v>
      </c>
      <c r="IL16" s="61">
        <v>527</v>
      </c>
      <c r="IM16" s="62">
        <v>1107</v>
      </c>
      <c r="IN16" s="231"/>
      <c r="IO16" s="61">
        <v>519</v>
      </c>
      <c r="IP16" s="61">
        <v>380</v>
      </c>
      <c r="IQ16" s="61">
        <v>283</v>
      </c>
      <c r="IR16" s="61">
        <v>241</v>
      </c>
      <c r="IS16" s="61">
        <v>175</v>
      </c>
      <c r="IT16" s="62">
        <v>1598</v>
      </c>
      <c r="IU16" s="63">
        <v>2705</v>
      </c>
      <c r="IV16" s="76">
        <v>610</v>
      </c>
      <c r="IW16" s="61">
        <v>552</v>
      </c>
      <c r="IX16" s="62">
        <v>1162</v>
      </c>
      <c r="IY16" s="231"/>
      <c r="IZ16" s="61">
        <v>686</v>
      </c>
      <c r="JA16" s="61">
        <v>493</v>
      </c>
      <c r="JB16" s="61">
        <v>416</v>
      </c>
      <c r="JC16" s="61">
        <v>396</v>
      </c>
      <c r="JD16" s="61">
        <v>215</v>
      </c>
      <c r="JE16" s="62">
        <v>2206</v>
      </c>
      <c r="JF16" s="63">
        <v>3368</v>
      </c>
      <c r="JG16" s="60">
        <v>359</v>
      </c>
      <c r="JH16" s="61">
        <v>455</v>
      </c>
      <c r="JI16" s="62">
        <v>814</v>
      </c>
      <c r="JJ16" s="231"/>
      <c r="JK16" s="61">
        <v>596</v>
      </c>
      <c r="JL16" s="61">
        <v>533</v>
      </c>
      <c r="JM16" s="61">
        <v>462</v>
      </c>
      <c r="JN16" s="61">
        <v>580</v>
      </c>
      <c r="JO16" s="61">
        <v>307</v>
      </c>
      <c r="JP16" s="62">
        <v>2478</v>
      </c>
      <c r="JQ16" s="63">
        <v>3292</v>
      </c>
      <c r="JR16" s="60">
        <v>38</v>
      </c>
      <c r="JS16" s="61">
        <v>56</v>
      </c>
      <c r="JT16" s="62">
        <v>94</v>
      </c>
      <c r="JU16" s="231"/>
      <c r="JV16" s="61">
        <v>33</v>
      </c>
      <c r="JW16" s="61">
        <v>39</v>
      </c>
      <c r="JX16" s="61">
        <v>32</v>
      </c>
      <c r="JY16" s="61">
        <v>24</v>
      </c>
      <c r="JZ16" s="61">
        <v>23</v>
      </c>
      <c r="KA16" s="62">
        <v>151</v>
      </c>
      <c r="KB16" s="63">
        <v>245</v>
      </c>
      <c r="KC16" s="60">
        <v>2085</v>
      </c>
      <c r="KD16" s="61">
        <v>2109</v>
      </c>
      <c r="KE16" s="62">
        <v>4194</v>
      </c>
      <c r="KF16" s="231"/>
      <c r="KG16" s="61">
        <v>2222</v>
      </c>
      <c r="KH16" s="61">
        <v>1801</v>
      </c>
      <c r="KI16" s="61">
        <v>1453</v>
      </c>
      <c r="KJ16" s="61">
        <v>1523</v>
      </c>
      <c r="KK16" s="61">
        <v>917</v>
      </c>
      <c r="KL16" s="62">
        <v>7916</v>
      </c>
      <c r="KM16" s="63">
        <v>12110</v>
      </c>
    </row>
    <row r="17" spans="2:299" ht="21" customHeight="1" x14ac:dyDescent="0.2">
      <c r="B17" s="472" t="s">
        <v>13</v>
      </c>
      <c r="C17" s="293">
        <v>166</v>
      </c>
      <c r="D17" s="72">
        <v>175</v>
      </c>
      <c r="E17" s="73">
        <v>341</v>
      </c>
      <c r="F17" s="228"/>
      <c r="G17" s="72">
        <v>297</v>
      </c>
      <c r="H17" s="72">
        <v>268</v>
      </c>
      <c r="I17" s="72">
        <v>178</v>
      </c>
      <c r="J17" s="72">
        <v>143</v>
      </c>
      <c r="K17" s="72">
        <v>105</v>
      </c>
      <c r="L17" s="74">
        <v>991</v>
      </c>
      <c r="M17" s="75">
        <v>1332</v>
      </c>
      <c r="N17" s="60">
        <v>6</v>
      </c>
      <c r="O17" s="61">
        <v>3</v>
      </c>
      <c r="P17" s="62">
        <v>9</v>
      </c>
      <c r="Q17" s="231"/>
      <c r="R17" s="61">
        <v>11</v>
      </c>
      <c r="S17" s="61">
        <v>8</v>
      </c>
      <c r="T17" s="61">
        <v>10</v>
      </c>
      <c r="U17" s="61">
        <v>6</v>
      </c>
      <c r="V17" s="61">
        <v>4</v>
      </c>
      <c r="W17" s="62">
        <v>39</v>
      </c>
      <c r="X17" s="63">
        <v>48</v>
      </c>
      <c r="Y17" s="60">
        <v>9</v>
      </c>
      <c r="Z17" s="61">
        <v>9</v>
      </c>
      <c r="AA17" s="62">
        <v>18</v>
      </c>
      <c r="AB17" s="231"/>
      <c r="AC17" s="61">
        <v>29</v>
      </c>
      <c r="AD17" s="61">
        <v>17</v>
      </c>
      <c r="AE17" s="61">
        <v>11</v>
      </c>
      <c r="AF17" s="61">
        <v>13</v>
      </c>
      <c r="AG17" s="61">
        <v>16</v>
      </c>
      <c r="AH17" s="62">
        <v>86</v>
      </c>
      <c r="AI17" s="63">
        <v>104</v>
      </c>
      <c r="AJ17" s="60">
        <v>29</v>
      </c>
      <c r="AK17" s="61">
        <v>18</v>
      </c>
      <c r="AL17" s="62">
        <v>47</v>
      </c>
      <c r="AM17" s="231"/>
      <c r="AN17" s="61">
        <v>37</v>
      </c>
      <c r="AO17" s="61">
        <v>32</v>
      </c>
      <c r="AP17" s="61">
        <v>20</v>
      </c>
      <c r="AQ17" s="61">
        <v>12</v>
      </c>
      <c r="AR17" s="61">
        <v>16</v>
      </c>
      <c r="AS17" s="62">
        <v>117</v>
      </c>
      <c r="AT17" s="63">
        <v>164</v>
      </c>
      <c r="AU17" s="60">
        <v>35</v>
      </c>
      <c r="AV17" s="61">
        <v>47</v>
      </c>
      <c r="AW17" s="62">
        <v>82</v>
      </c>
      <c r="AX17" s="231"/>
      <c r="AY17" s="61">
        <v>70</v>
      </c>
      <c r="AZ17" s="61">
        <v>55</v>
      </c>
      <c r="BA17" s="61">
        <v>36</v>
      </c>
      <c r="BB17" s="61">
        <v>30</v>
      </c>
      <c r="BC17" s="61">
        <v>25</v>
      </c>
      <c r="BD17" s="62">
        <v>216</v>
      </c>
      <c r="BE17" s="63">
        <v>298</v>
      </c>
      <c r="BF17" s="60">
        <v>51</v>
      </c>
      <c r="BG17" s="61">
        <v>62</v>
      </c>
      <c r="BH17" s="62">
        <v>113</v>
      </c>
      <c r="BI17" s="231"/>
      <c r="BJ17" s="61">
        <v>79</v>
      </c>
      <c r="BK17" s="61">
        <v>78</v>
      </c>
      <c r="BL17" s="61">
        <v>55</v>
      </c>
      <c r="BM17" s="61">
        <v>43</v>
      </c>
      <c r="BN17" s="61">
        <v>21</v>
      </c>
      <c r="BO17" s="62">
        <v>276</v>
      </c>
      <c r="BP17" s="63">
        <v>389</v>
      </c>
      <c r="BQ17" s="60">
        <v>36</v>
      </c>
      <c r="BR17" s="61">
        <v>36</v>
      </c>
      <c r="BS17" s="62">
        <v>72</v>
      </c>
      <c r="BT17" s="231"/>
      <c r="BU17" s="61">
        <v>71</v>
      </c>
      <c r="BV17" s="61">
        <v>78</v>
      </c>
      <c r="BW17" s="61">
        <v>46</v>
      </c>
      <c r="BX17" s="61">
        <v>39</v>
      </c>
      <c r="BY17" s="61">
        <v>23</v>
      </c>
      <c r="BZ17" s="62">
        <v>257</v>
      </c>
      <c r="CA17" s="63">
        <v>329</v>
      </c>
      <c r="CB17" s="60">
        <v>3</v>
      </c>
      <c r="CC17" s="61">
        <v>2</v>
      </c>
      <c r="CD17" s="62">
        <v>5</v>
      </c>
      <c r="CE17" s="231"/>
      <c r="CF17" s="61">
        <v>11</v>
      </c>
      <c r="CG17" s="61">
        <v>8</v>
      </c>
      <c r="CH17" s="61">
        <v>4</v>
      </c>
      <c r="CI17" s="61">
        <v>5</v>
      </c>
      <c r="CJ17" s="61">
        <v>7</v>
      </c>
      <c r="CK17" s="62">
        <v>35</v>
      </c>
      <c r="CL17" s="63">
        <v>40</v>
      </c>
      <c r="CM17" s="60">
        <v>169</v>
      </c>
      <c r="CN17" s="61">
        <v>177</v>
      </c>
      <c r="CO17" s="62">
        <v>346</v>
      </c>
      <c r="CP17" s="231"/>
      <c r="CQ17" s="61">
        <v>308</v>
      </c>
      <c r="CR17" s="61">
        <v>276</v>
      </c>
      <c r="CS17" s="61">
        <v>182</v>
      </c>
      <c r="CT17" s="61">
        <v>148</v>
      </c>
      <c r="CU17" s="61">
        <v>112</v>
      </c>
      <c r="CV17" s="62">
        <v>1026</v>
      </c>
      <c r="CW17" s="63">
        <v>1372</v>
      </c>
      <c r="CX17" s="113">
        <v>389</v>
      </c>
      <c r="CY17" s="72">
        <v>407</v>
      </c>
      <c r="CZ17" s="73">
        <v>796</v>
      </c>
      <c r="DA17" s="228"/>
      <c r="DB17" s="72">
        <v>612</v>
      </c>
      <c r="DC17" s="72">
        <v>478</v>
      </c>
      <c r="DD17" s="72">
        <v>340</v>
      </c>
      <c r="DE17" s="72">
        <v>404</v>
      </c>
      <c r="DF17" s="72">
        <v>288</v>
      </c>
      <c r="DG17" s="74">
        <v>2122</v>
      </c>
      <c r="DH17" s="75">
        <v>2918</v>
      </c>
      <c r="DI17" s="60">
        <v>7</v>
      </c>
      <c r="DJ17" s="61">
        <v>4</v>
      </c>
      <c r="DK17" s="62">
        <v>11</v>
      </c>
      <c r="DL17" s="231"/>
      <c r="DM17" s="61">
        <v>6</v>
      </c>
      <c r="DN17" s="61">
        <v>11</v>
      </c>
      <c r="DO17" s="61">
        <v>1</v>
      </c>
      <c r="DP17" s="61">
        <v>5</v>
      </c>
      <c r="DQ17" s="61">
        <v>2</v>
      </c>
      <c r="DR17" s="62">
        <v>25</v>
      </c>
      <c r="DS17" s="63">
        <v>36</v>
      </c>
      <c r="DT17" s="60">
        <v>17</v>
      </c>
      <c r="DU17" s="61">
        <v>24</v>
      </c>
      <c r="DV17" s="62">
        <v>41</v>
      </c>
      <c r="DW17" s="231"/>
      <c r="DX17" s="61">
        <v>26</v>
      </c>
      <c r="DY17" s="61">
        <v>15</v>
      </c>
      <c r="DZ17" s="61">
        <v>9</v>
      </c>
      <c r="EA17" s="61">
        <v>9</v>
      </c>
      <c r="EB17" s="61">
        <v>13</v>
      </c>
      <c r="EC17" s="62">
        <v>72</v>
      </c>
      <c r="ED17" s="63">
        <v>113</v>
      </c>
      <c r="EE17" s="60">
        <v>44</v>
      </c>
      <c r="EF17" s="61">
        <v>44</v>
      </c>
      <c r="EG17" s="62">
        <v>88</v>
      </c>
      <c r="EH17" s="231"/>
      <c r="EI17" s="61">
        <v>76</v>
      </c>
      <c r="EJ17" s="61">
        <v>36</v>
      </c>
      <c r="EK17" s="61">
        <v>28</v>
      </c>
      <c r="EL17" s="61">
        <v>18</v>
      </c>
      <c r="EM17" s="61">
        <v>30</v>
      </c>
      <c r="EN17" s="62">
        <v>188</v>
      </c>
      <c r="EO17" s="63">
        <v>276</v>
      </c>
      <c r="EP17" s="60">
        <v>118</v>
      </c>
      <c r="EQ17" s="61">
        <v>118</v>
      </c>
      <c r="ER17" s="62">
        <v>236</v>
      </c>
      <c r="ES17" s="231"/>
      <c r="ET17" s="61">
        <v>153</v>
      </c>
      <c r="EU17" s="61">
        <v>89</v>
      </c>
      <c r="EV17" s="61">
        <v>45</v>
      </c>
      <c r="EW17" s="61">
        <v>63</v>
      </c>
      <c r="EX17" s="61">
        <v>48</v>
      </c>
      <c r="EY17" s="62">
        <v>398</v>
      </c>
      <c r="EZ17" s="63">
        <v>634</v>
      </c>
      <c r="FA17" s="60">
        <v>127</v>
      </c>
      <c r="FB17" s="61">
        <v>119</v>
      </c>
      <c r="FC17" s="62">
        <v>246</v>
      </c>
      <c r="FD17" s="231"/>
      <c r="FE17" s="61">
        <v>183</v>
      </c>
      <c r="FF17" s="61">
        <v>136</v>
      </c>
      <c r="FG17" s="61">
        <v>92</v>
      </c>
      <c r="FH17" s="61">
        <v>111</v>
      </c>
      <c r="FI17" s="61">
        <v>62</v>
      </c>
      <c r="FJ17" s="62">
        <v>584</v>
      </c>
      <c r="FK17" s="63">
        <v>830</v>
      </c>
      <c r="FL17" s="60">
        <v>76</v>
      </c>
      <c r="FM17" s="61">
        <v>98</v>
      </c>
      <c r="FN17" s="62">
        <v>174</v>
      </c>
      <c r="FO17" s="231"/>
      <c r="FP17" s="61">
        <v>168</v>
      </c>
      <c r="FQ17" s="61">
        <v>191</v>
      </c>
      <c r="FR17" s="61">
        <v>165</v>
      </c>
      <c r="FS17" s="61">
        <v>198</v>
      </c>
      <c r="FT17" s="61">
        <v>133</v>
      </c>
      <c r="FU17" s="62">
        <v>855</v>
      </c>
      <c r="FV17" s="63">
        <v>1029</v>
      </c>
      <c r="FW17" s="60">
        <v>0</v>
      </c>
      <c r="FX17" s="61">
        <v>2</v>
      </c>
      <c r="FY17" s="62">
        <v>2</v>
      </c>
      <c r="FZ17" s="231"/>
      <c r="GA17" s="61">
        <v>5</v>
      </c>
      <c r="GB17" s="61">
        <v>9</v>
      </c>
      <c r="GC17" s="61">
        <v>5</v>
      </c>
      <c r="GD17" s="61">
        <v>3</v>
      </c>
      <c r="GE17" s="61">
        <v>6</v>
      </c>
      <c r="GF17" s="62">
        <v>28</v>
      </c>
      <c r="GG17" s="63">
        <v>30</v>
      </c>
      <c r="GH17" s="60">
        <v>389</v>
      </c>
      <c r="GI17" s="61">
        <v>409</v>
      </c>
      <c r="GJ17" s="62">
        <v>798</v>
      </c>
      <c r="GK17" s="231"/>
      <c r="GL17" s="61">
        <v>617</v>
      </c>
      <c r="GM17" s="61">
        <v>487</v>
      </c>
      <c r="GN17" s="61">
        <v>345</v>
      </c>
      <c r="GO17" s="61">
        <v>407</v>
      </c>
      <c r="GP17" s="61">
        <v>294</v>
      </c>
      <c r="GQ17" s="62">
        <v>2150</v>
      </c>
      <c r="GR17" s="63">
        <v>2948</v>
      </c>
      <c r="GS17" s="113">
        <v>555</v>
      </c>
      <c r="GT17" s="72">
        <v>582</v>
      </c>
      <c r="GU17" s="73">
        <v>1137</v>
      </c>
      <c r="GV17" s="228"/>
      <c r="GW17" s="72">
        <v>909</v>
      </c>
      <c r="GX17" s="72">
        <v>746</v>
      </c>
      <c r="GY17" s="72">
        <v>518</v>
      </c>
      <c r="GZ17" s="72">
        <v>547</v>
      </c>
      <c r="HA17" s="72">
        <v>393</v>
      </c>
      <c r="HB17" s="74">
        <v>3113</v>
      </c>
      <c r="HC17" s="75">
        <v>4250</v>
      </c>
      <c r="HD17" s="60">
        <v>13</v>
      </c>
      <c r="HE17" s="61">
        <v>7</v>
      </c>
      <c r="HF17" s="62">
        <v>20</v>
      </c>
      <c r="HG17" s="231"/>
      <c r="HH17" s="61">
        <v>17</v>
      </c>
      <c r="HI17" s="61">
        <v>19</v>
      </c>
      <c r="HJ17" s="61">
        <v>11</v>
      </c>
      <c r="HK17" s="61">
        <v>11</v>
      </c>
      <c r="HL17" s="61">
        <v>6</v>
      </c>
      <c r="HM17" s="62">
        <v>64</v>
      </c>
      <c r="HN17" s="63">
        <v>84</v>
      </c>
      <c r="HO17" s="60">
        <v>26</v>
      </c>
      <c r="HP17" s="61">
        <v>33</v>
      </c>
      <c r="HQ17" s="62">
        <v>59</v>
      </c>
      <c r="HR17" s="231"/>
      <c r="HS17" s="61">
        <v>55</v>
      </c>
      <c r="HT17" s="61">
        <v>32</v>
      </c>
      <c r="HU17" s="61">
        <v>20</v>
      </c>
      <c r="HV17" s="61">
        <v>22</v>
      </c>
      <c r="HW17" s="61">
        <v>29</v>
      </c>
      <c r="HX17" s="62">
        <v>158</v>
      </c>
      <c r="HY17" s="63">
        <v>217</v>
      </c>
      <c r="HZ17" s="60">
        <v>73</v>
      </c>
      <c r="IA17" s="61">
        <v>62</v>
      </c>
      <c r="IB17" s="62">
        <v>135</v>
      </c>
      <c r="IC17" s="231"/>
      <c r="ID17" s="61">
        <v>113</v>
      </c>
      <c r="IE17" s="61">
        <v>68</v>
      </c>
      <c r="IF17" s="61">
        <v>48</v>
      </c>
      <c r="IG17" s="61">
        <v>30</v>
      </c>
      <c r="IH17" s="61">
        <v>46</v>
      </c>
      <c r="II17" s="62">
        <v>305</v>
      </c>
      <c r="IJ17" s="63">
        <v>440</v>
      </c>
      <c r="IK17" s="60">
        <v>153</v>
      </c>
      <c r="IL17" s="61">
        <v>165</v>
      </c>
      <c r="IM17" s="62">
        <v>318</v>
      </c>
      <c r="IN17" s="231"/>
      <c r="IO17" s="61">
        <v>223</v>
      </c>
      <c r="IP17" s="61">
        <v>144</v>
      </c>
      <c r="IQ17" s="61">
        <v>81</v>
      </c>
      <c r="IR17" s="61">
        <v>93</v>
      </c>
      <c r="IS17" s="61">
        <v>73</v>
      </c>
      <c r="IT17" s="62">
        <v>614</v>
      </c>
      <c r="IU17" s="63">
        <v>932</v>
      </c>
      <c r="IV17" s="60">
        <v>178</v>
      </c>
      <c r="IW17" s="61">
        <v>181</v>
      </c>
      <c r="IX17" s="62">
        <v>359</v>
      </c>
      <c r="IY17" s="231"/>
      <c r="IZ17" s="61">
        <v>262</v>
      </c>
      <c r="JA17" s="61">
        <v>214</v>
      </c>
      <c r="JB17" s="61">
        <v>147</v>
      </c>
      <c r="JC17" s="61">
        <v>154</v>
      </c>
      <c r="JD17" s="61">
        <v>83</v>
      </c>
      <c r="JE17" s="62">
        <v>860</v>
      </c>
      <c r="JF17" s="63">
        <v>1219</v>
      </c>
      <c r="JG17" s="60">
        <v>112</v>
      </c>
      <c r="JH17" s="61">
        <v>134</v>
      </c>
      <c r="JI17" s="62">
        <v>246</v>
      </c>
      <c r="JJ17" s="231"/>
      <c r="JK17" s="61">
        <v>239</v>
      </c>
      <c r="JL17" s="61">
        <v>269</v>
      </c>
      <c r="JM17" s="61">
        <v>211</v>
      </c>
      <c r="JN17" s="61">
        <v>237</v>
      </c>
      <c r="JO17" s="61">
        <v>156</v>
      </c>
      <c r="JP17" s="62">
        <v>1112</v>
      </c>
      <c r="JQ17" s="63">
        <v>1358</v>
      </c>
      <c r="JR17" s="60">
        <v>3</v>
      </c>
      <c r="JS17" s="61">
        <v>4</v>
      </c>
      <c r="JT17" s="62">
        <v>7</v>
      </c>
      <c r="JU17" s="231"/>
      <c r="JV17" s="61">
        <v>16</v>
      </c>
      <c r="JW17" s="61">
        <v>17</v>
      </c>
      <c r="JX17" s="61">
        <v>9</v>
      </c>
      <c r="JY17" s="61">
        <v>8</v>
      </c>
      <c r="JZ17" s="61">
        <v>13</v>
      </c>
      <c r="KA17" s="62">
        <v>63</v>
      </c>
      <c r="KB17" s="63">
        <v>70</v>
      </c>
      <c r="KC17" s="60">
        <v>558</v>
      </c>
      <c r="KD17" s="61">
        <v>586</v>
      </c>
      <c r="KE17" s="62">
        <v>1144</v>
      </c>
      <c r="KF17" s="231"/>
      <c r="KG17" s="61">
        <v>925</v>
      </c>
      <c r="KH17" s="61">
        <v>763</v>
      </c>
      <c r="KI17" s="61">
        <v>527</v>
      </c>
      <c r="KJ17" s="61">
        <v>555</v>
      </c>
      <c r="KK17" s="61">
        <v>406</v>
      </c>
      <c r="KL17" s="62">
        <v>3176</v>
      </c>
      <c r="KM17" s="63">
        <v>4320</v>
      </c>
    </row>
    <row r="18" spans="2:299" ht="21" customHeight="1" x14ac:dyDescent="0.2">
      <c r="B18" s="472" t="s">
        <v>15</v>
      </c>
      <c r="C18" s="293">
        <v>124</v>
      </c>
      <c r="D18" s="72">
        <v>147</v>
      </c>
      <c r="E18" s="73">
        <v>271</v>
      </c>
      <c r="F18" s="228"/>
      <c r="G18" s="72">
        <v>246</v>
      </c>
      <c r="H18" s="72">
        <v>232</v>
      </c>
      <c r="I18" s="72">
        <v>167</v>
      </c>
      <c r="J18" s="72">
        <v>128</v>
      </c>
      <c r="K18" s="72">
        <v>71</v>
      </c>
      <c r="L18" s="74">
        <v>844</v>
      </c>
      <c r="M18" s="75">
        <v>1115</v>
      </c>
      <c r="N18" s="60">
        <v>5</v>
      </c>
      <c r="O18" s="61">
        <v>5</v>
      </c>
      <c r="P18" s="62">
        <v>10</v>
      </c>
      <c r="Q18" s="231"/>
      <c r="R18" s="61">
        <v>10</v>
      </c>
      <c r="S18" s="61">
        <v>15</v>
      </c>
      <c r="T18" s="61">
        <v>12</v>
      </c>
      <c r="U18" s="61">
        <v>6</v>
      </c>
      <c r="V18" s="61">
        <v>5</v>
      </c>
      <c r="W18" s="62">
        <v>48</v>
      </c>
      <c r="X18" s="63">
        <v>58</v>
      </c>
      <c r="Y18" s="60">
        <v>16</v>
      </c>
      <c r="Z18" s="61">
        <v>14</v>
      </c>
      <c r="AA18" s="62">
        <v>30</v>
      </c>
      <c r="AB18" s="231"/>
      <c r="AC18" s="61">
        <v>29</v>
      </c>
      <c r="AD18" s="61">
        <v>24</v>
      </c>
      <c r="AE18" s="61">
        <v>19</v>
      </c>
      <c r="AF18" s="61">
        <v>14</v>
      </c>
      <c r="AG18" s="61">
        <v>9</v>
      </c>
      <c r="AH18" s="62">
        <v>95</v>
      </c>
      <c r="AI18" s="63">
        <v>125</v>
      </c>
      <c r="AJ18" s="60">
        <v>15</v>
      </c>
      <c r="AK18" s="61">
        <v>24</v>
      </c>
      <c r="AL18" s="62">
        <v>39</v>
      </c>
      <c r="AM18" s="231"/>
      <c r="AN18" s="61">
        <v>31</v>
      </c>
      <c r="AO18" s="61">
        <v>41</v>
      </c>
      <c r="AP18" s="61">
        <v>24</v>
      </c>
      <c r="AQ18" s="61">
        <v>24</v>
      </c>
      <c r="AR18" s="61">
        <v>16</v>
      </c>
      <c r="AS18" s="62">
        <v>136</v>
      </c>
      <c r="AT18" s="63">
        <v>175</v>
      </c>
      <c r="AU18" s="60">
        <v>35</v>
      </c>
      <c r="AV18" s="61">
        <v>38</v>
      </c>
      <c r="AW18" s="62">
        <v>73</v>
      </c>
      <c r="AX18" s="231"/>
      <c r="AY18" s="61">
        <v>78</v>
      </c>
      <c r="AZ18" s="61">
        <v>49</v>
      </c>
      <c r="BA18" s="61">
        <v>35</v>
      </c>
      <c r="BB18" s="61">
        <v>32</v>
      </c>
      <c r="BC18" s="61">
        <v>17</v>
      </c>
      <c r="BD18" s="62">
        <v>211</v>
      </c>
      <c r="BE18" s="63">
        <v>284</v>
      </c>
      <c r="BF18" s="60">
        <v>36</v>
      </c>
      <c r="BG18" s="61">
        <v>45</v>
      </c>
      <c r="BH18" s="62">
        <v>81</v>
      </c>
      <c r="BI18" s="231"/>
      <c r="BJ18" s="61">
        <v>55</v>
      </c>
      <c r="BK18" s="61">
        <v>53</v>
      </c>
      <c r="BL18" s="61">
        <v>43</v>
      </c>
      <c r="BM18" s="61">
        <v>25</v>
      </c>
      <c r="BN18" s="61">
        <v>16</v>
      </c>
      <c r="BO18" s="62">
        <v>192</v>
      </c>
      <c r="BP18" s="63">
        <v>273</v>
      </c>
      <c r="BQ18" s="60">
        <v>17</v>
      </c>
      <c r="BR18" s="61">
        <v>21</v>
      </c>
      <c r="BS18" s="62">
        <v>38</v>
      </c>
      <c r="BT18" s="231"/>
      <c r="BU18" s="61">
        <v>43</v>
      </c>
      <c r="BV18" s="61">
        <v>50</v>
      </c>
      <c r="BW18" s="61">
        <v>34</v>
      </c>
      <c r="BX18" s="61">
        <v>27</v>
      </c>
      <c r="BY18" s="61">
        <v>8</v>
      </c>
      <c r="BZ18" s="62">
        <v>162</v>
      </c>
      <c r="CA18" s="63">
        <v>200</v>
      </c>
      <c r="CB18" s="60">
        <v>0</v>
      </c>
      <c r="CC18" s="61">
        <v>4</v>
      </c>
      <c r="CD18" s="62">
        <v>4</v>
      </c>
      <c r="CE18" s="231"/>
      <c r="CF18" s="61">
        <v>7</v>
      </c>
      <c r="CG18" s="61">
        <v>7</v>
      </c>
      <c r="CH18" s="61">
        <v>2</v>
      </c>
      <c r="CI18" s="61">
        <v>3</v>
      </c>
      <c r="CJ18" s="61">
        <v>5</v>
      </c>
      <c r="CK18" s="62">
        <v>24</v>
      </c>
      <c r="CL18" s="63">
        <v>28</v>
      </c>
      <c r="CM18" s="60">
        <v>124</v>
      </c>
      <c r="CN18" s="61">
        <v>151</v>
      </c>
      <c r="CO18" s="62">
        <v>275</v>
      </c>
      <c r="CP18" s="231"/>
      <c r="CQ18" s="61">
        <v>253</v>
      </c>
      <c r="CR18" s="61">
        <v>239</v>
      </c>
      <c r="CS18" s="61">
        <v>169</v>
      </c>
      <c r="CT18" s="61">
        <v>131</v>
      </c>
      <c r="CU18" s="61">
        <v>76</v>
      </c>
      <c r="CV18" s="62">
        <v>868</v>
      </c>
      <c r="CW18" s="63">
        <v>1143</v>
      </c>
      <c r="CX18" s="113">
        <v>267</v>
      </c>
      <c r="CY18" s="72">
        <v>359</v>
      </c>
      <c r="CZ18" s="73">
        <v>626</v>
      </c>
      <c r="DA18" s="228"/>
      <c r="DB18" s="72">
        <v>471</v>
      </c>
      <c r="DC18" s="72">
        <v>447</v>
      </c>
      <c r="DD18" s="72">
        <v>318</v>
      </c>
      <c r="DE18" s="72">
        <v>303</v>
      </c>
      <c r="DF18" s="72">
        <v>190</v>
      </c>
      <c r="DG18" s="74">
        <v>1729</v>
      </c>
      <c r="DH18" s="75">
        <v>2355</v>
      </c>
      <c r="DI18" s="60">
        <v>6</v>
      </c>
      <c r="DJ18" s="61">
        <v>6</v>
      </c>
      <c r="DK18" s="62">
        <v>12</v>
      </c>
      <c r="DL18" s="231"/>
      <c r="DM18" s="61">
        <v>13</v>
      </c>
      <c r="DN18" s="61">
        <v>10</v>
      </c>
      <c r="DO18" s="61">
        <v>2</v>
      </c>
      <c r="DP18" s="61">
        <v>1</v>
      </c>
      <c r="DQ18" s="61">
        <v>4</v>
      </c>
      <c r="DR18" s="62">
        <v>30</v>
      </c>
      <c r="DS18" s="63">
        <v>42</v>
      </c>
      <c r="DT18" s="60">
        <v>14</v>
      </c>
      <c r="DU18" s="61">
        <v>18</v>
      </c>
      <c r="DV18" s="62">
        <v>32</v>
      </c>
      <c r="DW18" s="231"/>
      <c r="DX18" s="61">
        <v>30</v>
      </c>
      <c r="DY18" s="61">
        <v>35</v>
      </c>
      <c r="DZ18" s="61">
        <v>18</v>
      </c>
      <c r="EA18" s="61">
        <v>11</v>
      </c>
      <c r="EB18" s="61">
        <v>11</v>
      </c>
      <c r="EC18" s="62">
        <v>105</v>
      </c>
      <c r="ED18" s="63">
        <v>137</v>
      </c>
      <c r="EE18" s="60">
        <v>62</v>
      </c>
      <c r="EF18" s="61">
        <v>51</v>
      </c>
      <c r="EG18" s="62">
        <v>113</v>
      </c>
      <c r="EH18" s="231"/>
      <c r="EI18" s="61">
        <v>63</v>
      </c>
      <c r="EJ18" s="61">
        <v>55</v>
      </c>
      <c r="EK18" s="61">
        <v>27</v>
      </c>
      <c r="EL18" s="61">
        <v>15</v>
      </c>
      <c r="EM18" s="61">
        <v>18</v>
      </c>
      <c r="EN18" s="62">
        <v>178</v>
      </c>
      <c r="EO18" s="63">
        <v>291</v>
      </c>
      <c r="EP18" s="60">
        <v>86</v>
      </c>
      <c r="EQ18" s="61">
        <v>109</v>
      </c>
      <c r="ER18" s="62">
        <v>195</v>
      </c>
      <c r="ES18" s="231"/>
      <c r="ET18" s="61">
        <v>112</v>
      </c>
      <c r="EU18" s="61">
        <v>88</v>
      </c>
      <c r="EV18" s="61">
        <v>55</v>
      </c>
      <c r="EW18" s="61">
        <v>40</v>
      </c>
      <c r="EX18" s="61">
        <v>39</v>
      </c>
      <c r="EY18" s="62">
        <v>334</v>
      </c>
      <c r="EZ18" s="63">
        <v>529</v>
      </c>
      <c r="FA18" s="60">
        <v>64</v>
      </c>
      <c r="FB18" s="61">
        <v>105</v>
      </c>
      <c r="FC18" s="62">
        <v>169</v>
      </c>
      <c r="FD18" s="231"/>
      <c r="FE18" s="61">
        <v>134</v>
      </c>
      <c r="FF18" s="61">
        <v>120</v>
      </c>
      <c r="FG18" s="61">
        <v>83</v>
      </c>
      <c r="FH18" s="61">
        <v>91</v>
      </c>
      <c r="FI18" s="61">
        <v>43</v>
      </c>
      <c r="FJ18" s="62">
        <v>471</v>
      </c>
      <c r="FK18" s="63">
        <v>640</v>
      </c>
      <c r="FL18" s="60">
        <v>35</v>
      </c>
      <c r="FM18" s="61">
        <v>70</v>
      </c>
      <c r="FN18" s="62">
        <v>105</v>
      </c>
      <c r="FO18" s="231"/>
      <c r="FP18" s="61">
        <v>119</v>
      </c>
      <c r="FQ18" s="61">
        <v>139</v>
      </c>
      <c r="FR18" s="61">
        <v>133</v>
      </c>
      <c r="FS18" s="61">
        <v>145</v>
      </c>
      <c r="FT18" s="61">
        <v>75</v>
      </c>
      <c r="FU18" s="62">
        <v>611</v>
      </c>
      <c r="FV18" s="63">
        <v>716</v>
      </c>
      <c r="FW18" s="60">
        <v>1</v>
      </c>
      <c r="FX18" s="61">
        <v>3</v>
      </c>
      <c r="FY18" s="62">
        <v>4</v>
      </c>
      <c r="FZ18" s="231"/>
      <c r="GA18" s="61">
        <v>4</v>
      </c>
      <c r="GB18" s="61">
        <v>8</v>
      </c>
      <c r="GC18" s="61">
        <v>1</v>
      </c>
      <c r="GD18" s="61">
        <v>2</v>
      </c>
      <c r="GE18" s="61">
        <v>7</v>
      </c>
      <c r="GF18" s="62">
        <v>22</v>
      </c>
      <c r="GG18" s="63">
        <v>26</v>
      </c>
      <c r="GH18" s="60">
        <v>268</v>
      </c>
      <c r="GI18" s="61">
        <v>362</v>
      </c>
      <c r="GJ18" s="62">
        <v>630</v>
      </c>
      <c r="GK18" s="231"/>
      <c r="GL18" s="61">
        <v>475</v>
      </c>
      <c r="GM18" s="61">
        <v>455</v>
      </c>
      <c r="GN18" s="61">
        <v>319</v>
      </c>
      <c r="GO18" s="61">
        <v>305</v>
      </c>
      <c r="GP18" s="61">
        <v>197</v>
      </c>
      <c r="GQ18" s="62">
        <v>1751</v>
      </c>
      <c r="GR18" s="63">
        <v>2381</v>
      </c>
      <c r="GS18" s="113">
        <v>391</v>
      </c>
      <c r="GT18" s="72">
        <v>506</v>
      </c>
      <c r="GU18" s="73">
        <v>897</v>
      </c>
      <c r="GV18" s="228"/>
      <c r="GW18" s="72">
        <v>717</v>
      </c>
      <c r="GX18" s="72">
        <v>679</v>
      </c>
      <c r="GY18" s="72">
        <v>485</v>
      </c>
      <c r="GZ18" s="72">
        <v>431</v>
      </c>
      <c r="HA18" s="72">
        <v>261</v>
      </c>
      <c r="HB18" s="74">
        <v>2573</v>
      </c>
      <c r="HC18" s="75">
        <v>3470</v>
      </c>
      <c r="HD18" s="60">
        <v>11</v>
      </c>
      <c r="HE18" s="61">
        <v>11</v>
      </c>
      <c r="HF18" s="62">
        <v>22</v>
      </c>
      <c r="HG18" s="231"/>
      <c r="HH18" s="61">
        <v>23</v>
      </c>
      <c r="HI18" s="61">
        <v>25</v>
      </c>
      <c r="HJ18" s="61">
        <v>14</v>
      </c>
      <c r="HK18" s="61">
        <v>7</v>
      </c>
      <c r="HL18" s="61">
        <v>9</v>
      </c>
      <c r="HM18" s="62">
        <v>78</v>
      </c>
      <c r="HN18" s="63">
        <v>100</v>
      </c>
      <c r="HO18" s="60">
        <v>30</v>
      </c>
      <c r="HP18" s="61">
        <v>32</v>
      </c>
      <c r="HQ18" s="62">
        <v>62</v>
      </c>
      <c r="HR18" s="231"/>
      <c r="HS18" s="61">
        <v>59</v>
      </c>
      <c r="HT18" s="61">
        <v>59</v>
      </c>
      <c r="HU18" s="61">
        <v>37</v>
      </c>
      <c r="HV18" s="61">
        <v>25</v>
      </c>
      <c r="HW18" s="61">
        <v>20</v>
      </c>
      <c r="HX18" s="62">
        <v>200</v>
      </c>
      <c r="HY18" s="63">
        <v>262</v>
      </c>
      <c r="HZ18" s="60">
        <v>77</v>
      </c>
      <c r="IA18" s="61">
        <v>75</v>
      </c>
      <c r="IB18" s="62">
        <v>152</v>
      </c>
      <c r="IC18" s="231"/>
      <c r="ID18" s="61">
        <v>94</v>
      </c>
      <c r="IE18" s="61">
        <v>96</v>
      </c>
      <c r="IF18" s="61">
        <v>51</v>
      </c>
      <c r="IG18" s="61">
        <v>39</v>
      </c>
      <c r="IH18" s="61">
        <v>34</v>
      </c>
      <c r="II18" s="62">
        <v>314</v>
      </c>
      <c r="IJ18" s="63">
        <v>466</v>
      </c>
      <c r="IK18" s="60">
        <v>121</v>
      </c>
      <c r="IL18" s="61">
        <v>147</v>
      </c>
      <c r="IM18" s="62">
        <v>268</v>
      </c>
      <c r="IN18" s="231"/>
      <c r="IO18" s="61">
        <v>190</v>
      </c>
      <c r="IP18" s="61">
        <v>137</v>
      </c>
      <c r="IQ18" s="61">
        <v>90</v>
      </c>
      <c r="IR18" s="61">
        <v>72</v>
      </c>
      <c r="IS18" s="61">
        <v>56</v>
      </c>
      <c r="IT18" s="62">
        <v>545</v>
      </c>
      <c r="IU18" s="63">
        <v>813</v>
      </c>
      <c r="IV18" s="60">
        <v>100</v>
      </c>
      <c r="IW18" s="61">
        <v>150</v>
      </c>
      <c r="IX18" s="62">
        <v>250</v>
      </c>
      <c r="IY18" s="231"/>
      <c r="IZ18" s="61">
        <v>189</v>
      </c>
      <c r="JA18" s="61">
        <v>173</v>
      </c>
      <c r="JB18" s="61">
        <v>126</v>
      </c>
      <c r="JC18" s="61">
        <v>116</v>
      </c>
      <c r="JD18" s="61">
        <v>59</v>
      </c>
      <c r="JE18" s="62">
        <v>663</v>
      </c>
      <c r="JF18" s="63">
        <v>913</v>
      </c>
      <c r="JG18" s="60">
        <v>52</v>
      </c>
      <c r="JH18" s="61">
        <v>91</v>
      </c>
      <c r="JI18" s="62">
        <v>143</v>
      </c>
      <c r="JJ18" s="231"/>
      <c r="JK18" s="61">
        <v>162</v>
      </c>
      <c r="JL18" s="61">
        <v>189</v>
      </c>
      <c r="JM18" s="61">
        <v>167</v>
      </c>
      <c r="JN18" s="61">
        <v>172</v>
      </c>
      <c r="JO18" s="61">
        <v>83</v>
      </c>
      <c r="JP18" s="62">
        <v>773</v>
      </c>
      <c r="JQ18" s="63">
        <v>916</v>
      </c>
      <c r="JR18" s="60">
        <v>1</v>
      </c>
      <c r="JS18" s="61">
        <v>7</v>
      </c>
      <c r="JT18" s="62">
        <v>8</v>
      </c>
      <c r="JU18" s="231"/>
      <c r="JV18" s="61">
        <v>11</v>
      </c>
      <c r="JW18" s="61">
        <v>15</v>
      </c>
      <c r="JX18" s="61">
        <v>3</v>
      </c>
      <c r="JY18" s="61">
        <v>5</v>
      </c>
      <c r="JZ18" s="61">
        <v>12</v>
      </c>
      <c r="KA18" s="62">
        <v>46</v>
      </c>
      <c r="KB18" s="63">
        <v>54</v>
      </c>
      <c r="KC18" s="60">
        <v>392</v>
      </c>
      <c r="KD18" s="61">
        <v>513</v>
      </c>
      <c r="KE18" s="62">
        <v>905</v>
      </c>
      <c r="KF18" s="231"/>
      <c r="KG18" s="61">
        <v>728</v>
      </c>
      <c r="KH18" s="61">
        <v>694</v>
      </c>
      <c r="KI18" s="61">
        <v>488</v>
      </c>
      <c r="KJ18" s="61">
        <v>436</v>
      </c>
      <c r="KK18" s="61">
        <v>273</v>
      </c>
      <c r="KL18" s="62">
        <v>2619</v>
      </c>
      <c r="KM18" s="63">
        <v>3524</v>
      </c>
    </row>
    <row r="19" spans="2:299" ht="21" customHeight="1" x14ac:dyDescent="0.2">
      <c r="B19" s="472" t="s">
        <v>16</v>
      </c>
      <c r="C19" s="293">
        <v>243</v>
      </c>
      <c r="D19" s="72">
        <v>288</v>
      </c>
      <c r="E19" s="73">
        <v>531</v>
      </c>
      <c r="F19" s="228"/>
      <c r="G19" s="72">
        <v>498</v>
      </c>
      <c r="H19" s="72">
        <v>618</v>
      </c>
      <c r="I19" s="72">
        <v>406</v>
      </c>
      <c r="J19" s="72">
        <v>324</v>
      </c>
      <c r="K19" s="72">
        <v>207</v>
      </c>
      <c r="L19" s="74">
        <v>2053</v>
      </c>
      <c r="M19" s="75">
        <v>2584</v>
      </c>
      <c r="N19" s="60">
        <v>12</v>
      </c>
      <c r="O19" s="61">
        <v>12</v>
      </c>
      <c r="P19" s="62">
        <v>24</v>
      </c>
      <c r="Q19" s="231"/>
      <c r="R19" s="61">
        <v>17</v>
      </c>
      <c r="S19" s="61">
        <v>29</v>
      </c>
      <c r="T19" s="61">
        <v>23</v>
      </c>
      <c r="U19" s="61">
        <v>16</v>
      </c>
      <c r="V19" s="61">
        <v>20</v>
      </c>
      <c r="W19" s="62">
        <v>105</v>
      </c>
      <c r="X19" s="63">
        <v>129</v>
      </c>
      <c r="Y19" s="60">
        <v>30</v>
      </c>
      <c r="Z19" s="61">
        <v>51</v>
      </c>
      <c r="AA19" s="62">
        <v>81</v>
      </c>
      <c r="AB19" s="231"/>
      <c r="AC19" s="61">
        <v>61</v>
      </c>
      <c r="AD19" s="61">
        <v>78</v>
      </c>
      <c r="AE19" s="61">
        <v>40</v>
      </c>
      <c r="AF19" s="61">
        <v>40</v>
      </c>
      <c r="AG19" s="61">
        <v>35</v>
      </c>
      <c r="AH19" s="62">
        <v>254</v>
      </c>
      <c r="AI19" s="63">
        <v>335</v>
      </c>
      <c r="AJ19" s="60">
        <v>54</v>
      </c>
      <c r="AK19" s="61">
        <v>49</v>
      </c>
      <c r="AL19" s="62">
        <v>103</v>
      </c>
      <c r="AM19" s="231"/>
      <c r="AN19" s="61">
        <v>76</v>
      </c>
      <c r="AO19" s="61">
        <v>104</v>
      </c>
      <c r="AP19" s="61">
        <v>80</v>
      </c>
      <c r="AQ19" s="61">
        <v>62</v>
      </c>
      <c r="AR19" s="61">
        <v>43</v>
      </c>
      <c r="AS19" s="62">
        <v>365</v>
      </c>
      <c r="AT19" s="63">
        <v>468</v>
      </c>
      <c r="AU19" s="60">
        <v>74</v>
      </c>
      <c r="AV19" s="61">
        <v>70</v>
      </c>
      <c r="AW19" s="62">
        <v>144</v>
      </c>
      <c r="AX19" s="231"/>
      <c r="AY19" s="61">
        <v>149</v>
      </c>
      <c r="AZ19" s="61">
        <v>165</v>
      </c>
      <c r="BA19" s="61">
        <v>89</v>
      </c>
      <c r="BB19" s="61">
        <v>75</v>
      </c>
      <c r="BC19" s="61">
        <v>43</v>
      </c>
      <c r="BD19" s="62">
        <v>521</v>
      </c>
      <c r="BE19" s="63">
        <v>665</v>
      </c>
      <c r="BF19" s="60">
        <v>48</v>
      </c>
      <c r="BG19" s="61">
        <v>59</v>
      </c>
      <c r="BH19" s="62">
        <v>107</v>
      </c>
      <c r="BI19" s="231"/>
      <c r="BJ19" s="61">
        <v>130</v>
      </c>
      <c r="BK19" s="61">
        <v>137</v>
      </c>
      <c r="BL19" s="61">
        <v>96</v>
      </c>
      <c r="BM19" s="61">
        <v>61</v>
      </c>
      <c r="BN19" s="61">
        <v>31</v>
      </c>
      <c r="BO19" s="62">
        <v>455</v>
      </c>
      <c r="BP19" s="63">
        <v>562</v>
      </c>
      <c r="BQ19" s="60">
        <v>25</v>
      </c>
      <c r="BR19" s="61">
        <v>47</v>
      </c>
      <c r="BS19" s="62">
        <v>72</v>
      </c>
      <c r="BT19" s="231"/>
      <c r="BU19" s="61">
        <v>65</v>
      </c>
      <c r="BV19" s="61">
        <v>105</v>
      </c>
      <c r="BW19" s="61">
        <v>78</v>
      </c>
      <c r="BX19" s="61">
        <v>70</v>
      </c>
      <c r="BY19" s="61">
        <v>35</v>
      </c>
      <c r="BZ19" s="62">
        <v>353</v>
      </c>
      <c r="CA19" s="63">
        <v>425</v>
      </c>
      <c r="CB19" s="60">
        <v>10</v>
      </c>
      <c r="CC19" s="61">
        <v>13</v>
      </c>
      <c r="CD19" s="62">
        <v>23</v>
      </c>
      <c r="CE19" s="231"/>
      <c r="CF19" s="61">
        <v>15</v>
      </c>
      <c r="CG19" s="61">
        <v>23</v>
      </c>
      <c r="CH19" s="61">
        <v>22</v>
      </c>
      <c r="CI19" s="61">
        <v>13</v>
      </c>
      <c r="CJ19" s="61">
        <v>12</v>
      </c>
      <c r="CK19" s="62">
        <v>85</v>
      </c>
      <c r="CL19" s="63">
        <v>108</v>
      </c>
      <c r="CM19" s="60">
        <v>253</v>
      </c>
      <c r="CN19" s="61">
        <v>301</v>
      </c>
      <c r="CO19" s="62">
        <v>554</v>
      </c>
      <c r="CP19" s="231"/>
      <c r="CQ19" s="61">
        <v>513</v>
      </c>
      <c r="CR19" s="61">
        <v>641</v>
      </c>
      <c r="CS19" s="61">
        <v>428</v>
      </c>
      <c r="CT19" s="61">
        <v>337</v>
      </c>
      <c r="CU19" s="61">
        <v>219</v>
      </c>
      <c r="CV19" s="62">
        <v>2138</v>
      </c>
      <c r="CW19" s="63">
        <v>2692</v>
      </c>
      <c r="CX19" s="113">
        <v>401</v>
      </c>
      <c r="CY19" s="72">
        <v>608</v>
      </c>
      <c r="CZ19" s="73">
        <v>1009</v>
      </c>
      <c r="DA19" s="228"/>
      <c r="DB19" s="72">
        <v>832</v>
      </c>
      <c r="DC19" s="72">
        <v>1022</v>
      </c>
      <c r="DD19" s="72">
        <v>765</v>
      </c>
      <c r="DE19" s="72">
        <v>774</v>
      </c>
      <c r="DF19" s="72">
        <v>523</v>
      </c>
      <c r="DG19" s="74">
        <v>3916</v>
      </c>
      <c r="DH19" s="75">
        <v>4925</v>
      </c>
      <c r="DI19" s="60">
        <v>14</v>
      </c>
      <c r="DJ19" s="61">
        <v>27</v>
      </c>
      <c r="DK19" s="62">
        <v>41</v>
      </c>
      <c r="DL19" s="231"/>
      <c r="DM19" s="61">
        <v>14</v>
      </c>
      <c r="DN19" s="61">
        <v>30</v>
      </c>
      <c r="DO19" s="61">
        <v>16</v>
      </c>
      <c r="DP19" s="61">
        <v>18</v>
      </c>
      <c r="DQ19" s="61">
        <v>11</v>
      </c>
      <c r="DR19" s="62">
        <v>89</v>
      </c>
      <c r="DS19" s="63">
        <v>130</v>
      </c>
      <c r="DT19" s="60">
        <v>30</v>
      </c>
      <c r="DU19" s="61">
        <v>48</v>
      </c>
      <c r="DV19" s="62">
        <v>78</v>
      </c>
      <c r="DW19" s="231"/>
      <c r="DX19" s="61">
        <v>63</v>
      </c>
      <c r="DY19" s="61">
        <v>76</v>
      </c>
      <c r="DZ19" s="61">
        <v>44</v>
      </c>
      <c r="EA19" s="61">
        <v>41</v>
      </c>
      <c r="EB19" s="61">
        <v>33</v>
      </c>
      <c r="EC19" s="62">
        <v>257</v>
      </c>
      <c r="ED19" s="63">
        <v>335</v>
      </c>
      <c r="EE19" s="60">
        <v>83</v>
      </c>
      <c r="EF19" s="61">
        <v>99</v>
      </c>
      <c r="EG19" s="62">
        <v>182</v>
      </c>
      <c r="EH19" s="231"/>
      <c r="EI19" s="61">
        <v>109</v>
      </c>
      <c r="EJ19" s="61">
        <v>133</v>
      </c>
      <c r="EK19" s="61">
        <v>83</v>
      </c>
      <c r="EL19" s="61">
        <v>76</v>
      </c>
      <c r="EM19" s="61">
        <v>61</v>
      </c>
      <c r="EN19" s="62">
        <v>462</v>
      </c>
      <c r="EO19" s="63">
        <v>644</v>
      </c>
      <c r="EP19" s="60">
        <v>110</v>
      </c>
      <c r="EQ19" s="61">
        <v>162</v>
      </c>
      <c r="ER19" s="62">
        <v>272</v>
      </c>
      <c r="ES19" s="231"/>
      <c r="ET19" s="61">
        <v>207</v>
      </c>
      <c r="EU19" s="61">
        <v>211</v>
      </c>
      <c r="EV19" s="61">
        <v>133</v>
      </c>
      <c r="EW19" s="61">
        <v>130</v>
      </c>
      <c r="EX19" s="61">
        <v>91</v>
      </c>
      <c r="EY19" s="62">
        <v>772</v>
      </c>
      <c r="EZ19" s="63">
        <v>1044</v>
      </c>
      <c r="FA19" s="60">
        <v>99</v>
      </c>
      <c r="FB19" s="61">
        <v>156</v>
      </c>
      <c r="FC19" s="62">
        <v>255</v>
      </c>
      <c r="FD19" s="231"/>
      <c r="FE19" s="61">
        <v>257</v>
      </c>
      <c r="FF19" s="61">
        <v>274</v>
      </c>
      <c r="FG19" s="61">
        <v>201</v>
      </c>
      <c r="FH19" s="61">
        <v>176</v>
      </c>
      <c r="FI19" s="61">
        <v>129</v>
      </c>
      <c r="FJ19" s="62">
        <v>1037</v>
      </c>
      <c r="FK19" s="63">
        <v>1292</v>
      </c>
      <c r="FL19" s="60">
        <v>65</v>
      </c>
      <c r="FM19" s="61">
        <v>116</v>
      </c>
      <c r="FN19" s="62">
        <v>181</v>
      </c>
      <c r="FO19" s="231"/>
      <c r="FP19" s="61">
        <v>182</v>
      </c>
      <c r="FQ19" s="61">
        <v>298</v>
      </c>
      <c r="FR19" s="61">
        <v>288</v>
      </c>
      <c r="FS19" s="61">
        <v>333</v>
      </c>
      <c r="FT19" s="61">
        <v>198</v>
      </c>
      <c r="FU19" s="62">
        <v>1299</v>
      </c>
      <c r="FV19" s="63">
        <v>1480</v>
      </c>
      <c r="FW19" s="60">
        <v>10</v>
      </c>
      <c r="FX19" s="61">
        <v>13</v>
      </c>
      <c r="FY19" s="62">
        <v>23</v>
      </c>
      <c r="FZ19" s="231"/>
      <c r="GA19" s="61">
        <v>7</v>
      </c>
      <c r="GB19" s="61">
        <v>21</v>
      </c>
      <c r="GC19" s="61">
        <v>9</v>
      </c>
      <c r="GD19" s="61">
        <v>8</v>
      </c>
      <c r="GE19" s="61">
        <v>12</v>
      </c>
      <c r="GF19" s="62">
        <v>57</v>
      </c>
      <c r="GG19" s="63">
        <v>80</v>
      </c>
      <c r="GH19" s="60">
        <v>411</v>
      </c>
      <c r="GI19" s="61">
        <v>621</v>
      </c>
      <c r="GJ19" s="62">
        <v>1032</v>
      </c>
      <c r="GK19" s="231"/>
      <c r="GL19" s="61">
        <v>839</v>
      </c>
      <c r="GM19" s="61">
        <v>1043</v>
      </c>
      <c r="GN19" s="61">
        <v>774</v>
      </c>
      <c r="GO19" s="61">
        <v>782</v>
      </c>
      <c r="GP19" s="61">
        <v>535</v>
      </c>
      <c r="GQ19" s="62">
        <v>3973</v>
      </c>
      <c r="GR19" s="63">
        <v>5005</v>
      </c>
      <c r="GS19" s="113">
        <v>644</v>
      </c>
      <c r="GT19" s="72">
        <v>896</v>
      </c>
      <c r="GU19" s="73">
        <v>1540</v>
      </c>
      <c r="GV19" s="228"/>
      <c r="GW19" s="72">
        <v>1330</v>
      </c>
      <c r="GX19" s="72">
        <v>1640</v>
      </c>
      <c r="GY19" s="72">
        <v>1171</v>
      </c>
      <c r="GZ19" s="72">
        <v>1098</v>
      </c>
      <c r="HA19" s="72">
        <v>730</v>
      </c>
      <c r="HB19" s="74">
        <v>5969</v>
      </c>
      <c r="HC19" s="75">
        <v>7509</v>
      </c>
      <c r="HD19" s="60">
        <v>26</v>
      </c>
      <c r="HE19" s="61">
        <v>39</v>
      </c>
      <c r="HF19" s="62">
        <v>65</v>
      </c>
      <c r="HG19" s="231"/>
      <c r="HH19" s="61">
        <v>31</v>
      </c>
      <c r="HI19" s="61">
        <v>59</v>
      </c>
      <c r="HJ19" s="61">
        <v>39</v>
      </c>
      <c r="HK19" s="61">
        <v>34</v>
      </c>
      <c r="HL19" s="61">
        <v>31</v>
      </c>
      <c r="HM19" s="62">
        <v>194</v>
      </c>
      <c r="HN19" s="63">
        <v>259</v>
      </c>
      <c r="HO19" s="60">
        <v>60</v>
      </c>
      <c r="HP19" s="61">
        <v>99</v>
      </c>
      <c r="HQ19" s="62">
        <v>159</v>
      </c>
      <c r="HR19" s="231"/>
      <c r="HS19" s="61">
        <v>124</v>
      </c>
      <c r="HT19" s="61">
        <v>154</v>
      </c>
      <c r="HU19" s="61">
        <v>84</v>
      </c>
      <c r="HV19" s="61">
        <v>81</v>
      </c>
      <c r="HW19" s="61">
        <v>68</v>
      </c>
      <c r="HX19" s="62">
        <v>511</v>
      </c>
      <c r="HY19" s="63">
        <v>670</v>
      </c>
      <c r="HZ19" s="60">
        <v>137</v>
      </c>
      <c r="IA19" s="61">
        <v>148</v>
      </c>
      <c r="IB19" s="62">
        <v>285</v>
      </c>
      <c r="IC19" s="231"/>
      <c r="ID19" s="61">
        <v>185</v>
      </c>
      <c r="IE19" s="61">
        <v>237</v>
      </c>
      <c r="IF19" s="61">
        <v>163</v>
      </c>
      <c r="IG19" s="61">
        <v>138</v>
      </c>
      <c r="IH19" s="61">
        <v>104</v>
      </c>
      <c r="II19" s="62">
        <v>827</v>
      </c>
      <c r="IJ19" s="63">
        <v>1112</v>
      </c>
      <c r="IK19" s="60">
        <v>184</v>
      </c>
      <c r="IL19" s="61">
        <v>232</v>
      </c>
      <c r="IM19" s="62">
        <v>416</v>
      </c>
      <c r="IN19" s="231"/>
      <c r="IO19" s="61">
        <v>356</v>
      </c>
      <c r="IP19" s="61">
        <v>376</v>
      </c>
      <c r="IQ19" s="61">
        <v>222</v>
      </c>
      <c r="IR19" s="61">
        <v>205</v>
      </c>
      <c r="IS19" s="61">
        <v>134</v>
      </c>
      <c r="IT19" s="62">
        <v>1293</v>
      </c>
      <c r="IU19" s="63">
        <v>1709</v>
      </c>
      <c r="IV19" s="60">
        <v>147</v>
      </c>
      <c r="IW19" s="61">
        <v>215</v>
      </c>
      <c r="IX19" s="62">
        <v>362</v>
      </c>
      <c r="IY19" s="231"/>
      <c r="IZ19" s="61">
        <v>387</v>
      </c>
      <c r="JA19" s="61">
        <v>411</v>
      </c>
      <c r="JB19" s="61">
        <v>297</v>
      </c>
      <c r="JC19" s="61">
        <v>237</v>
      </c>
      <c r="JD19" s="61">
        <v>160</v>
      </c>
      <c r="JE19" s="62">
        <v>1492</v>
      </c>
      <c r="JF19" s="63">
        <v>1854</v>
      </c>
      <c r="JG19" s="60">
        <v>90</v>
      </c>
      <c r="JH19" s="61">
        <v>163</v>
      </c>
      <c r="JI19" s="62">
        <v>253</v>
      </c>
      <c r="JJ19" s="231"/>
      <c r="JK19" s="61">
        <v>247</v>
      </c>
      <c r="JL19" s="61">
        <v>403</v>
      </c>
      <c r="JM19" s="61">
        <v>366</v>
      </c>
      <c r="JN19" s="61">
        <v>403</v>
      </c>
      <c r="JO19" s="61">
        <v>233</v>
      </c>
      <c r="JP19" s="62">
        <v>1652</v>
      </c>
      <c r="JQ19" s="63">
        <v>1905</v>
      </c>
      <c r="JR19" s="60">
        <v>20</v>
      </c>
      <c r="JS19" s="61">
        <v>26</v>
      </c>
      <c r="JT19" s="62">
        <v>46</v>
      </c>
      <c r="JU19" s="231"/>
      <c r="JV19" s="61">
        <v>22</v>
      </c>
      <c r="JW19" s="61">
        <v>44</v>
      </c>
      <c r="JX19" s="61">
        <v>31</v>
      </c>
      <c r="JY19" s="61">
        <v>21</v>
      </c>
      <c r="JZ19" s="61">
        <v>24</v>
      </c>
      <c r="KA19" s="62">
        <v>142</v>
      </c>
      <c r="KB19" s="63">
        <v>188</v>
      </c>
      <c r="KC19" s="60">
        <v>664</v>
      </c>
      <c r="KD19" s="61">
        <v>922</v>
      </c>
      <c r="KE19" s="62">
        <v>1586</v>
      </c>
      <c r="KF19" s="231"/>
      <c r="KG19" s="61">
        <v>1352</v>
      </c>
      <c r="KH19" s="61">
        <v>1684</v>
      </c>
      <c r="KI19" s="61">
        <v>1202</v>
      </c>
      <c r="KJ19" s="61">
        <v>1119</v>
      </c>
      <c r="KK19" s="61">
        <v>754</v>
      </c>
      <c r="KL19" s="62">
        <v>6111</v>
      </c>
      <c r="KM19" s="63">
        <v>7697</v>
      </c>
    </row>
    <row r="20" spans="2:299" ht="21" customHeight="1" x14ac:dyDescent="0.2">
      <c r="B20" s="472" t="s">
        <v>17</v>
      </c>
      <c r="C20" s="293">
        <v>290</v>
      </c>
      <c r="D20" s="72">
        <v>376</v>
      </c>
      <c r="E20" s="73">
        <v>666</v>
      </c>
      <c r="F20" s="228"/>
      <c r="G20" s="72">
        <v>601</v>
      </c>
      <c r="H20" s="72">
        <v>771</v>
      </c>
      <c r="I20" s="72">
        <v>547</v>
      </c>
      <c r="J20" s="72">
        <v>421</v>
      </c>
      <c r="K20" s="72">
        <v>270</v>
      </c>
      <c r="L20" s="74">
        <v>2610</v>
      </c>
      <c r="M20" s="75">
        <v>3276</v>
      </c>
      <c r="N20" s="60">
        <v>8</v>
      </c>
      <c r="O20" s="61">
        <v>15</v>
      </c>
      <c r="P20" s="62">
        <v>23</v>
      </c>
      <c r="Q20" s="231"/>
      <c r="R20" s="61">
        <v>30</v>
      </c>
      <c r="S20" s="61">
        <v>48</v>
      </c>
      <c r="T20" s="61">
        <v>32</v>
      </c>
      <c r="U20" s="61">
        <v>20</v>
      </c>
      <c r="V20" s="61">
        <v>19</v>
      </c>
      <c r="W20" s="62">
        <v>149</v>
      </c>
      <c r="X20" s="63">
        <v>172</v>
      </c>
      <c r="Y20" s="60">
        <v>23</v>
      </c>
      <c r="Z20" s="61">
        <v>58</v>
      </c>
      <c r="AA20" s="62">
        <v>81</v>
      </c>
      <c r="AB20" s="231"/>
      <c r="AC20" s="61">
        <v>45</v>
      </c>
      <c r="AD20" s="61">
        <v>100</v>
      </c>
      <c r="AE20" s="61">
        <v>65</v>
      </c>
      <c r="AF20" s="61">
        <v>59</v>
      </c>
      <c r="AG20" s="61">
        <v>33</v>
      </c>
      <c r="AH20" s="62">
        <v>302</v>
      </c>
      <c r="AI20" s="63">
        <v>383</v>
      </c>
      <c r="AJ20" s="60">
        <v>59</v>
      </c>
      <c r="AK20" s="61">
        <v>58</v>
      </c>
      <c r="AL20" s="62">
        <v>117</v>
      </c>
      <c r="AM20" s="231"/>
      <c r="AN20" s="61">
        <v>111</v>
      </c>
      <c r="AO20" s="61">
        <v>150</v>
      </c>
      <c r="AP20" s="61">
        <v>107</v>
      </c>
      <c r="AQ20" s="61">
        <v>68</v>
      </c>
      <c r="AR20" s="61">
        <v>58</v>
      </c>
      <c r="AS20" s="62">
        <v>494</v>
      </c>
      <c r="AT20" s="63">
        <v>611</v>
      </c>
      <c r="AU20" s="60">
        <v>73</v>
      </c>
      <c r="AV20" s="61">
        <v>106</v>
      </c>
      <c r="AW20" s="62">
        <v>179</v>
      </c>
      <c r="AX20" s="231"/>
      <c r="AY20" s="61">
        <v>174</v>
      </c>
      <c r="AZ20" s="61">
        <v>195</v>
      </c>
      <c r="BA20" s="61">
        <v>148</v>
      </c>
      <c r="BB20" s="61">
        <v>91</v>
      </c>
      <c r="BC20" s="61">
        <v>59</v>
      </c>
      <c r="BD20" s="62">
        <v>667</v>
      </c>
      <c r="BE20" s="63">
        <v>846</v>
      </c>
      <c r="BF20" s="60">
        <v>76</v>
      </c>
      <c r="BG20" s="61">
        <v>91</v>
      </c>
      <c r="BH20" s="62">
        <v>167</v>
      </c>
      <c r="BI20" s="231"/>
      <c r="BJ20" s="61">
        <v>155</v>
      </c>
      <c r="BK20" s="61">
        <v>177</v>
      </c>
      <c r="BL20" s="61">
        <v>123</v>
      </c>
      <c r="BM20" s="61">
        <v>114</v>
      </c>
      <c r="BN20" s="61">
        <v>62</v>
      </c>
      <c r="BO20" s="62">
        <v>631</v>
      </c>
      <c r="BP20" s="63">
        <v>798</v>
      </c>
      <c r="BQ20" s="60">
        <v>51</v>
      </c>
      <c r="BR20" s="61">
        <v>48</v>
      </c>
      <c r="BS20" s="62">
        <v>99</v>
      </c>
      <c r="BT20" s="231"/>
      <c r="BU20" s="61">
        <v>86</v>
      </c>
      <c r="BV20" s="61">
        <v>101</v>
      </c>
      <c r="BW20" s="61">
        <v>72</v>
      </c>
      <c r="BX20" s="61">
        <v>69</v>
      </c>
      <c r="BY20" s="61">
        <v>39</v>
      </c>
      <c r="BZ20" s="62">
        <v>367</v>
      </c>
      <c r="CA20" s="63">
        <v>466</v>
      </c>
      <c r="CB20" s="60">
        <v>12</v>
      </c>
      <c r="CC20" s="61">
        <v>26</v>
      </c>
      <c r="CD20" s="62">
        <v>38</v>
      </c>
      <c r="CE20" s="231"/>
      <c r="CF20" s="61">
        <v>19</v>
      </c>
      <c r="CG20" s="61">
        <v>45</v>
      </c>
      <c r="CH20" s="61">
        <v>32</v>
      </c>
      <c r="CI20" s="61">
        <v>14</v>
      </c>
      <c r="CJ20" s="61">
        <v>17</v>
      </c>
      <c r="CK20" s="62">
        <v>127</v>
      </c>
      <c r="CL20" s="63">
        <v>165</v>
      </c>
      <c r="CM20" s="60">
        <v>302</v>
      </c>
      <c r="CN20" s="61">
        <v>402</v>
      </c>
      <c r="CO20" s="62">
        <v>704</v>
      </c>
      <c r="CP20" s="231"/>
      <c r="CQ20" s="61">
        <v>620</v>
      </c>
      <c r="CR20" s="61">
        <v>816</v>
      </c>
      <c r="CS20" s="61">
        <v>579</v>
      </c>
      <c r="CT20" s="61">
        <v>435</v>
      </c>
      <c r="CU20" s="61">
        <v>287</v>
      </c>
      <c r="CV20" s="62">
        <v>2737</v>
      </c>
      <c r="CW20" s="63">
        <v>3441</v>
      </c>
      <c r="CX20" s="113">
        <v>626</v>
      </c>
      <c r="CY20" s="72">
        <v>843</v>
      </c>
      <c r="CZ20" s="73">
        <v>1469</v>
      </c>
      <c r="DA20" s="228"/>
      <c r="DB20" s="72">
        <v>981</v>
      </c>
      <c r="DC20" s="72">
        <v>1242</v>
      </c>
      <c r="DD20" s="72">
        <v>935</v>
      </c>
      <c r="DE20" s="72">
        <v>855</v>
      </c>
      <c r="DF20" s="72">
        <v>598</v>
      </c>
      <c r="DG20" s="74">
        <v>4611</v>
      </c>
      <c r="DH20" s="75">
        <v>6080</v>
      </c>
      <c r="DI20" s="60">
        <v>13</v>
      </c>
      <c r="DJ20" s="61">
        <v>31</v>
      </c>
      <c r="DK20" s="62">
        <v>44</v>
      </c>
      <c r="DL20" s="231"/>
      <c r="DM20" s="61">
        <v>15</v>
      </c>
      <c r="DN20" s="61">
        <v>31</v>
      </c>
      <c r="DO20" s="61">
        <v>28</v>
      </c>
      <c r="DP20" s="61">
        <v>23</v>
      </c>
      <c r="DQ20" s="61">
        <v>21</v>
      </c>
      <c r="DR20" s="62">
        <v>118</v>
      </c>
      <c r="DS20" s="63">
        <v>162</v>
      </c>
      <c r="DT20" s="60">
        <v>45</v>
      </c>
      <c r="DU20" s="61">
        <v>69</v>
      </c>
      <c r="DV20" s="62">
        <v>114</v>
      </c>
      <c r="DW20" s="231"/>
      <c r="DX20" s="61">
        <v>72</v>
      </c>
      <c r="DY20" s="61">
        <v>84</v>
      </c>
      <c r="DZ20" s="61">
        <v>62</v>
      </c>
      <c r="EA20" s="61">
        <v>42</v>
      </c>
      <c r="EB20" s="61">
        <v>29</v>
      </c>
      <c r="EC20" s="62">
        <v>289</v>
      </c>
      <c r="ED20" s="63">
        <v>403</v>
      </c>
      <c r="EE20" s="60">
        <v>118</v>
      </c>
      <c r="EF20" s="61">
        <v>141</v>
      </c>
      <c r="EG20" s="62">
        <v>259</v>
      </c>
      <c r="EH20" s="231"/>
      <c r="EI20" s="61">
        <v>137</v>
      </c>
      <c r="EJ20" s="61">
        <v>162</v>
      </c>
      <c r="EK20" s="61">
        <v>111</v>
      </c>
      <c r="EL20" s="61">
        <v>96</v>
      </c>
      <c r="EM20" s="61">
        <v>74</v>
      </c>
      <c r="EN20" s="62">
        <v>580</v>
      </c>
      <c r="EO20" s="63">
        <v>839</v>
      </c>
      <c r="EP20" s="60">
        <v>221</v>
      </c>
      <c r="EQ20" s="61">
        <v>239</v>
      </c>
      <c r="ER20" s="62">
        <v>460</v>
      </c>
      <c r="ES20" s="231"/>
      <c r="ET20" s="61">
        <v>257</v>
      </c>
      <c r="EU20" s="61">
        <v>314</v>
      </c>
      <c r="EV20" s="61">
        <v>196</v>
      </c>
      <c r="EW20" s="61">
        <v>172</v>
      </c>
      <c r="EX20" s="61">
        <v>115</v>
      </c>
      <c r="EY20" s="62">
        <v>1054</v>
      </c>
      <c r="EZ20" s="63">
        <v>1514</v>
      </c>
      <c r="FA20" s="60">
        <v>153</v>
      </c>
      <c r="FB20" s="61">
        <v>219</v>
      </c>
      <c r="FC20" s="62">
        <v>372</v>
      </c>
      <c r="FD20" s="231"/>
      <c r="FE20" s="61">
        <v>275</v>
      </c>
      <c r="FF20" s="61">
        <v>330</v>
      </c>
      <c r="FG20" s="61">
        <v>256</v>
      </c>
      <c r="FH20" s="61">
        <v>206</v>
      </c>
      <c r="FI20" s="61">
        <v>162</v>
      </c>
      <c r="FJ20" s="62">
        <v>1229</v>
      </c>
      <c r="FK20" s="63">
        <v>1601</v>
      </c>
      <c r="FL20" s="60">
        <v>76</v>
      </c>
      <c r="FM20" s="61">
        <v>144</v>
      </c>
      <c r="FN20" s="62">
        <v>220</v>
      </c>
      <c r="FO20" s="231"/>
      <c r="FP20" s="61">
        <v>225</v>
      </c>
      <c r="FQ20" s="61">
        <v>321</v>
      </c>
      <c r="FR20" s="61">
        <v>282</v>
      </c>
      <c r="FS20" s="61">
        <v>316</v>
      </c>
      <c r="FT20" s="61">
        <v>197</v>
      </c>
      <c r="FU20" s="62">
        <v>1341</v>
      </c>
      <c r="FV20" s="63">
        <v>1561</v>
      </c>
      <c r="FW20" s="60">
        <v>3</v>
      </c>
      <c r="FX20" s="61">
        <v>21</v>
      </c>
      <c r="FY20" s="62">
        <v>24</v>
      </c>
      <c r="FZ20" s="231"/>
      <c r="GA20" s="61">
        <v>11</v>
      </c>
      <c r="GB20" s="61">
        <v>30</v>
      </c>
      <c r="GC20" s="61">
        <v>15</v>
      </c>
      <c r="GD20" s="61">
        <v>17</v>
      </c>
      <c r="GE20" s="61">
        <v>21</v>
      </c>
      <c r="GF20" s="62">
        <v>94</v>
      </c>
      <c r="GG20" s="63">
        <v>118</v>
      </c>
      <c r="GH20" s="60">
        <v>629</v>
      </c>
      <c r="GI20" s="61">
        <v>864</v>
      </c>
      <c r="GJ20" s="62">
        <v>1493</v>
      </c>
      <c r="GK20" s="231"/>
      <c r="GL20" s="61">
        <v>992</v>
      </c>
      <c r="GM20" s="61">
        <v>1272</v>
      </c>
      <c r="GN20" s="61">
        <v>950</v>
      </c>
      <c r="GO20" s="61">
        <v>872</v>
      </c>
      <c r="GP20" s="61">
        <v>619</v>
      </c>
      <c r="GQ20" s="62">
        <v>4705</v>
      </c>
      <c r="GR20" s="63">
        <v>6198</v>
      </c>
      <c r="GS20" s="113">
        <v>916</v>
      </c>
      <c r="GT20" s="72">
        <v>1219</v>
      </c>
      <c r="GU20" s="73">
        <v>2135</v>
      </c>
      <c r="GV20" s="228"/>
      <c r="GW20" s="72">
        <v>1582</v>
      </c>
      <c r="GX20" s="72">
        <v>2013</v>
      </c>
      <c r="GY20" s="72">
        <v>1482</v>
      </c>
      <c r="GZ20" s="72">
        <v>1276</v>
      </c>
      <c r="HA20" s="72">
        <v>868</v>
      </c>
      <c r="HB20" s="74">
        <v>7221</v>
      </c>
      <c r="HC20" s="75">
        <v>9356</v>
      </c>
      <c r="HD20" s="60">
        <v>21</v>
      </c>
      <c r="HE20" s="61">
        <v>46</v>
      </c>
      <c r="HF20" s="62">
        <v>67</v>
      </c>
      <c r="HG20" s="231"/>
      <c r="HH20" s="61">
        <v>45</v>
      </c>
      <c r="HI20" s="61">
        <v>79</v>
      </c>
      <c r="HJ20" s="61">
        <v>60</v>
      </c>
      <c r="HK20" s="61">
        <v>43</v>
      </c>
      <c r="HL20" s="61">
        <v>40</v>
      </c>
      <c r="HM20" s="62">
        <v>267</v>
      </c>
      <c r="HN20" s="63">
        <v>334</v>
      </c>
      <c r="HO20" s="60">
        <v>68</v>
      </c>
      <c r="HP20" s="61">
        <v>127</v>
      </c>
      <c r="HQ20" s="62">
        <v>195</v>
      </c>
      <c r="HR20" s="231"/>
      <c r="HS20" s="61">
        <v>117</v>
      </c>
      <c r="HT20" s="61">
        <v>184</v>
      </c>
      <c r="HU20" s="61">
        <v>127</v>
      </c>
      <c r="HV20" s="61">
        <v>101</v>
      </c>
      <c r="HW20" s="61">
        <v>62</v>
      </c>
      <c r="HX20" s="62">
        <v>591</v>
      </c>
      <c r="HY20" s="63">
        <v>786</v>
      </c>
      <c r="HZ20" s="60">
        <v>177</v>
      </c>
      <c r="IA20" s="61">
        <v>199</v>
      </c>
      <c r="IB20" s="62">
        <v>376</v>
      </c>
      <c r="IC20" s="231"/>
      <c r="ID20" s="61">
        <v>248</v>
      </c>
      <c r="IE20" s="61">
        <v>312</v>
      </c>
      <c r="IF20" s="61">
        <v>218</v>
      </c>
      <c r="IG20" s="61">
        <v>164</v>
      </c>
      <c r="IH20" s="61">
        <v>132</v>
      </c>
      <c r="II20" s="62">
        <v>1074</v>
      </c>
      <c r="IJ20" s="63">
        <v>1450</v>
      </c>
      <c r="IK20" s="60">
        <v>294</v>
      </c>
      <c r="IL20" s="61">
        <v>345</v>
      </c>
      <c r="IM20" s="62">
        <v>639</v>
      </c>
      <c r="IN20" s="231"/>
      <c r="IO20" s="61">
        <v>431</v>
      </c>
      <c r="IP20" s="61">
        <v>509</v>
      </c>
      <c r="IQ20" s="61">
        <v>344</v>
      </c>
      <c r="IR20" s="61">
        <v>263</v>
      </c>
      <c r="IS20" s="61">
        <v>174</v>
      </c>
      <c r="IT20" s="62">
        <v>1721</v>
      </c>
      <c r="IU20" s="63">
        <v>2360</v>
      </c>
      <c r="IV20" s="60">
        <v>229</v>
      </c>
      <c r="IW20" s="61">
        <v>310</v>
      </c>
      <c r="IX20" s="62">
        <v>539</v>
      </c>
      <c r="IY20" s="231"/>
      <c r="IZ20" s="61">
        <v>430</v>
      </c>
      <c r="JA20" s="61">
        <v>507</v>
      </c>
      <c r="JB20" s="61">
        <v>379</v>
      </c>
      <c r="JC20" s="61">
        <v>320</v>
      </c>
      <c r="JD20" s="61">
        <v>224</v>
      </c>
      <c r="JE20" s="62">
        <v>1860</v>
      </c>
      <c r="JF20" s="63">
        <v>2399</v>
      </c>
      <c r="JG20" s="60">
        <v>127</v>
      </c>
      <c r="JH20" s="61">
        <v>192</v>
      </c>
      <c r="JI20" s="62">
        <v>319</v>
      </c>
      <c r="JJ20" s="231"/>
      <c r="JK20" s="61">
        <v>311</v>
      </c>
      <c r="JL20" s="61">
        <v>422</v>
      </c>
      <c r="JM20" s="61">
        <v>354</v>
      </c>
      <c r="JN20" s="61">
        <v>385</v>
      </c>
      <c r="JO20" s="61">
        <v>236</v>
      </c>
      <c r="JP20" s="62">
        <v>1708</v>
      </c>
      <c r="JQ20" s="63">
        <v>2027</v>
      </c>
      <c r="JR20" s="60">
        <v>15</v>
      </c>
      <c r="JS20" s="61">
        <v>47</v>
      </c>
      <c r="JT20" s="62">
        <v>62</v>
      </c>
      <c r="JU20" s="231"/>
      <c r="JV20" s="61">
        <v>30</v>
      </c>
      <c r="JW20" s="61">
        <v>75</v>
      </c>
      <c r="JX20" s="61">
        <v>47</v>
      </c>
      <c r="JY20" s="61">
        <v>31</v>
      </c>
      <c r="JZ20" s="61">
        <v>38</v>
      </c>
      <c r="KA20" s="62">
        <v>221</v>
      </c>
      <c r="KB20" s="63">
        <v>283</v>
      </c>
      <c r="KC20" s="60">
        <v>931</v>
      </c>
      <c r="KD20" s="61">
        <v>1266</v>
      </c>
      <c r="KE20" s="62">
        <v>2197</v>
      </c>
      <c r="KF20" s="231"/>
      <c r="KG20" s="61">
        <v>1612</v>
      </c>
      <c r="KH20" s="61">
        <v>2088</v>
      </c>
      <c r="KI20" s="61">
        <v>1529</v>
      </c>
      <c r="KJ20" s="61">
        <v>1307</v>
      </c>
      <c r="KK20" s="61">
        <v>906</v>
      </c>
      <c r="KL20" s="62">
        <v>7442</v>
      </c>
      <c r="KM20" s="63">
        <v>9639</v>
      </c>
    </row>
    <row r="21" spans="2:299" ht="21" customHeight="1" x14ac:dyDescent="0.2">
      <c r="B21" s="472" t="s">
        <v>18</v>
      </c>
      <c r="C21" s="293">
        <v>421</v>
      </c>
      <c r="D21" s="72">
        <v>458</v>
      </c>
      <c r="E21" s="73">
        <v>879</v>
      </c>
      <c r="F21" s="228"/>
      <c r="G21" s="72">
        <v>957</v>
      </c>
      <c r="H21" s="72">
        <v>783</v>
      </c>
      <c r="I21" s="72">
        <v>531</v>
      </c>
      <c r="J21" s="72">
        <v>460</v>
      </c>
      <c r="K21" s="72">
        <v>284</v>
      </c>
      <c r="L21" s="74">
        <v>3015</v>
      </c>
      <c r="M21" s="75">
        <v>3894</v>
      </c>
      <c r="N21" s="60">
        <v>24</v>
      </c>
      <c r="O21" s="61">
        <v>22</v>
      </c>
      <c r="P21" s="62">
        <v>46</v>
      </c>
      <c r="Q21" s="231"/>
      <c r="R21" s="61">
        <v>54</v>
      </c>
      <c r="S21" s="61">
        <v>50</v>
      </c>
      <c r="T21" s="61">
        <v>32</v>
      </c>
      <c r="U21" s="61">
        <v>33</v>
      </c>
      <c r="V21" s="61">
        <v>26</v>
      </c>
      <c r="W21" s="62">
        <v>195</v>
      </c>
      <c r="X21" s="63">
        <v>241</v>
      </c>
      <c r="Y21" s="60">
        <v>46</v>
      </c>
      <c r="Z21" s="61">
        <v>56</v>
      </c>
      <c r="AA21" s="62">
        <v>102</v>
      </c>
      <c r="AB21" s="231"/>
      <c r="AC21" s="61">
        <v>109</v>
      </c>
      <c r="AD21" s="61">
        <v>87</v>
      </c>
      <c r="AE21" s="61">
        <v>56</v>
      </c>
      <c r="AF21" s="61">
        <v>53</v>
      </c>
      <c r="AG21" s="61">
        <v>37</v>
      </c>
      <c r="AH21" s="62">
        <v>342</v>
      </c>
      <c r="AI21" s="63">
        <v>444</v>
      </c>
      <c r="AJ21" s="60">
        <v>66</v>
      </c>
      <c r="AK21" s="61">
        <v>80</v>
      </c>
      <c r="AL21" s="62">
        <v>146</v>
      </c>
      <c r="AM21" s="231"/>
      <c r="AN21" s="61">
        <v>147</v>
      </c>
      <c r="AO21" s="61">
        <v>137</v>
      </c>
      <c r="AP21" s="61">
        <v>98</v>
      </c>
      <c r="AQ21" s="61">
        <v>79</v>
      </c>
      <c r="AR21" s="61">
        <v>54</v>
      </c>
      <c r="AS21" s="62">
        <v>515</v>
      </c>
      <c r="AT21" s="63">
        <v>661</v>
      </c>
      <c r="AU21" s="60">
        <v>112</v>
      </c>
      <c r="AV21" s="61">
        <v>127</v>
      </c>
      <c r="AW21" s="62">
        <v>239</v>
      </c>
      <c r="AX21" s="231"/>
      <c r="AY21" s="61">
        <v>270</v>
      </c>
      <c r="AZ21" s="61">
        <v>199</v>
      </c>
      <c r="BA21" s="61">
        <v>126</v>
      </c>
      <c r="BB21" s="61">
        <v>113</v>
      </c>
      <c r="BC21" s="61">
        <v>82</v>
      </c>
      <c r="BD21" s="62">
        <v>790</v>
      </c>
      <c r="BE21" s="63">
        <v>1029</v>
      </c>
      <c r="BF21" s="60">
        <v>114</v>
      </c>
      <c r="BG21" s="61">
        <v>116</v>
      </c>
      <c r="BH21" s="62">
        <v>230</v>
      </c>
      <c r="BI21" s="231"/>
      <c r="BJ21" s="61">
        <v>247</v>
      </c>
      <c r="BK21" s="61">
        <v>189</v>
      </c>
      <c r="BL21" s="61">
        <v>137</v>
      </c>
      <c r="BM21" s="61">
        <v>104</v>
      </c>
      <c r="BN21" s="61">
        <v>58</v>
      </c>
      <c r="BO21" s="62">
        <v>735</v>
      </c>
      <c r="BP21" s="63">
        <v>965</v>
      </c>
      <c r="BQ21" s="60">
        <v>59</v>
      </c>
      <c r="BR21" s="61">
        <v>57</v>
      </c>
      <c r="BS21" s="62">
        <v>116</v>
      </c>
      <c r="BT21" s="231"/>
      <c r="BU21" s="61">
        <v>130</v>
      </c>
      <c r="BV21" s="61">
        <v>121</v>
      </c>
      <c r="BW21" s="61">
        <v>82</v>
      </c>
      <c r="BX21" s="61">
        <v>78</v>
      </c>
      <c r="BY21" s="61">
        <v>27</v>
      </c>
      <c r="BZ21" s="62">
        <v>438</v>
      </c>
      <c r="CA21" s="63">
        <v>554</v>
      </c>
      <c r="CB21" s="60">
        <v>17</v>
      </c>
      <c r="CC21" s="61">
        <v>26</v>
      </c>
      <c r="CD21" s="62">
        <v>43</v>
      </c>
      <c r="CE21" s="231"/>
      <c r="CF21" s="61">
        <v>33</v>
      </c>
      <c r="CG21" s="61">
        <v>28</v>
      </c>
      <c r="CH21" s="61">
        <v>25</v>
      </c>
      <c r="CI21" s="61">
        <v>29</v>
      </c>
      <c r="CJ21" s="61">
        <v>26</v>
      </c>
      <c r="CK21" s="62">
        <v>141</v>
      </c>
      <c r="CL21" s="63">
        <v>184</v>
      </c>
      <c r="CM21" s="60">
        <v>438</v>
      </c>
      <c r="CN21" s="61">
        <v>484</v>
      </c>
      <c r="CO21" s="62">
        <v>922</v>
      </c>
      <c r="CP21" s="231"/>
      <c r="CQ21" s="61">
        <v>990</v>
      </c>
      <c r="CR21" s="61">
        <v>811</v>
      </c>
      <c r="CS21" s="61">
        <v>556</v>
      </c>
      <c r="CT21" s="61">
        <v>489</v>
      </c>
      <c r="CU21" s="61">
        <v>310</v>
      </c>
      <c r="CV21" s="62">
        <v>3156</v>
      </c>
      <c r="CW21" s="63">
        <v>4078</v>
      </c>
      <c r="CX21" s="113">
        <v>793</v>
      </c>
      <c r="CY21" s="72">
        <v>1079</v>
      </c>
      <c r="CZ21" s="73">
        <v>1872</v>
      </c>
      <c r="DA21" s="228"/>
      <c r="DB21" s="72">
        <v>1439</v>
      </c>
      <c r="DC21" s="72">
        <v>1262</v>
      </c>
      <c r="DD21" s="72">
        <v>964</v>
      </c>
      <c r="DE21" s="72">
        <v>987</v>
      </c>
      <c r="DF21" s="72">
        <v>643</v>
      </c>
      <c r="DG21" s="74">
        <v>5295</v>
      </c>
      <c r="DH21" s="75">
        <v>7167</v>
      </c>
      <c r="DI21" s="60">
        <v>21</v>
      </c>
      <c r="DJ21" s="61">
        <v>30</v>
      </c>
      <c r="DK21" s="62">
        <v>51</v>
      </c>
      <c r="DL21" s="231"/>
      <c r="DM21" s="61">
        <v>37</v>
      </c>
      <c r="DN21" s="61">
        <v>19</v>
      </c>
      <c r="DO21" s="61">
        <v>22</v>
      </c>
      <c r="DP21" s="61">
        <v>23</v>
      </c>
      <c r="DQ21" s="61">
        <v>11</v>
      </c>
      <c r="DR21" s="62">
        <v>112</v>
      </c>
      <c r="DS21" s="63">
        <v>163</v>
      </c>
      <c r="DT21" s="60">
        <v>73</v>
      </c>
      <c r="DU21" s="61">
        <v>86</v>
      </c>
      <c r="DV21" s="62">
        <v>159</v>
      </c>
      <c r="DW21" s="231"/>
      <c r="DX21" s="61">
        <v>91</v>
      </c>
      <c r="DY21" s="61">
        <v>63</v>
      </c>
      <c r="DZ21" s="61">
        <v>46</v>
      </c>
      <c r="EA21" s="61">
        <v>46</v>
      </c>
      <c r="EB21" s="61">
        <v>40</v>
      </c>
      <c r="EC21" s="62">
        <v>286</v>
      </c>
      <c r="ED21" s="63">
        <v>445</v>
      </c>
      <c r="EE21" s="60">
        <v>129</v>
      </c>
      <c r="EF21" s="61">
        <v>173</v>
      </c>
      <c r="EG21" s="62">
        <v>302</v>
      </c>
      <c r="EH21" s="231"/>
      <c r="EI21" s="61">
        <v>207</v>
      </c>
      <c r="EJ21" s="61">
        <v>169</v>
      </c>
      <c r="EK21" s="61">
        <v>123</v>
      </c>
      <c r="EL21" s="61">
        <v>93</v>
      </c>
      <c r="EM21" s="61">
        <v>77</v>
      </c>
      <c r="EN21" s="62">
        <v>669</v>
      </c>
      <c r="EO21" s="63">
        <v>971</v>
      </c>
      <c r="EP21" s="60">
        <v>271</v>
      </c>
      <c r="EQ21" s="61">
        <v>327</v>
      </c>
      <c r="ER21" s="62">
        <v>598</v>
      </c>
      <c r="ES21" s="231"/>
      <c r="ET21" s="61">
        <v>376</v>
      </c>
      <c r="EU21" s="61">
        <v>310</v>
      </c>
      <c r="EV21" s="61">
        <v>194</v>
      </c>
      <c r="EW21" s="61">
        <v>206</v>
      </c>
      <c r="EX21" s="61">
        <v>121</v>
      </c>
      <c r="EY21" s="62">
        <v>1207</v>
      </c>
      <c r="EZ21" s="63">
        <v>1805</v>
      </c>
      <c r="FA21" s="60">
        <v>206</v>
      </c>
      <c r="FB21" s="61">
        <v>296</v>
      </c>
      <c r="FC21" s="62">
        <v>502</v>
      </c>
      <c r="FD21" s="231"/>
      <c r="FE21" s="61">
        <v>436</v>
      </c>
      <c r="FF21" s="61">
        <v>367</v>
      </c>
      <c r="FG21" s="61">
        <v>276</v>
      </c>
      <c r="FH21" s="61">
        <v>257</v>
      </c>
      <c r="FI21" s="61">
        <v>178</v>
      </c>
      <c r="FJ21" s="62">
        <v>1514</v>
      </c>
      <c r="FK21" s="63">
        <v>2016</v>
      </c>
      <c r="FL21" s="60">
        <v>93</v>
      </c>
      <c r="FM21" s="61">
        <v>167</v>
      </c>
      <c r="FN21" s="62">
        <v>260</v>
      </c>
      <c r="FO21" s="231"/>
      <c r="FP21" s="61">
        <v>292</v>
      </c>
      <c r="FQ21" s="61">
        <v>334</v>
      </c>
      <c r="FR21" s="61">
        <v>303</v>
      </c>
      <c r="FS21" s="61">
        <v>362</v>
      </c>
      <c r="FT21" s="61">
        <v>216</v>
      </c>
      <c r="FU21" s="62">
        <v>1507</v>
      </c>
      <c r="FV21" s="63">
        <v>1767</v>
      </c>
      <c r="FW21" s="60">
        <v>15</v>
      </c>
      <c r="FX21" s="61">
        <v>12</v>
      </c>
      <c r="FY21" s="62">
        <v>27</v>
      </c>
      <c r="FZ21" s="231"/>
      <c r="GA21" s="61">
        <v>25</v>
      </c>
      <c r="GB21" s="61">
        <v>31</v>
      </c>
      <c r="GC21" s="61">
        <v>12</v>
      </c>
      <c r="GD21" s="61">
        <v>17</v>
      </c>
      <c r="GE21" s="61">
        <v>15</v>
      </c>
      <c r="GF21" s="62">
        <v>100</v>
      </c>
      <c r="GG21" s="63">
        <v>127</v>
      </c>
      <c r="GH21" s="60">
        <v>808</v>
      </c>
      <c r="GI21" s="61">
        <v>1091</v>
      </c>
      <c r="GJ21" s="62">
        <v>1899</v>
      </c>
      <c r="GK21" s="231"/>
      <c r="GL21" s="61">
        <v>1464</v>
      </c>
      <c r="GM21" s="61">
        <v>1293</v>
      </c>
      <c r="GN21" s="61">
        <v>976</v>
      </c>
      <c r="GO21" s="61">
        <v>1004</v>
      </c>
      <c r="GP21" s="61">
        <v>658</v>
      </c>
      <c r="GQ21" s="62">
        <v>5395</v>
      </c>
      <c r="GR21" s="63">
        <v>7294</v>
      </c>
      <c r="GS21" s="113">
        <v>1214</v>
      </c>
      <c r="GT21" s="72">
        <v>1537</v>
      </c>
      <c r="GU21" s="73">
        <v>2751</v>
      </c>
      <c r="GV21" s="228"/>
      <c r="GW21" s="72">
        <v>2396</v>
      </c>
      <c r="GX21" s="72">
        <v>2045</v>
      </c>
      <c r="GY21" s="72">
        <v>1495</v>
      </c>
      <c r="GZ21" s="72">
        <v>1447</v>
      </c>
      <c r="HA21" s="72">
        <v>927</v>
      </c>
      <c r="HB21" s="74">
        <v>8310</v>
      </c>
      <c r="HC21" s="75">
        <v>11061</v>
      </c>
      <c r="HD21" s="60">
        <v>45</v>
      </c>
      <c r="HE21" s="61">
        <v>52</v>
      </c>
      <c r="HF21" s="62">
        <v>97</v>
      </c>
      <c r="HG21" s="231"/>
      <c r="HH21" s="61">
        <v>91</v>
      </c>
      <c r="HI21" s="61">
        <v>69</v>
      </c>
      <c r="HJ21" s="61">
        <v>54</v>
      </c>
      <c r="HK21" s="61">
        <v>56</v>
      </c>
      <c r="HL21" s="61">
        <v>37</v>
      </c>
      <c r="HM21" s="62">
        <v>307</v>
      </c>
      <c r="HN21" s="63">
        <v>404</v>
      </c>
      <c r="HO21" s="60">
        <v>119</v>
      </c>
      <c r="HP21" s="61">
        <v>142</v>
      </c>
      <c r="HQ21" s="62">
        <v>261</v>
      </c>
      <c r="HR21" s="231"/>
      <c r="HS21" s="61">
        <v>200</v>
      </c>
      <c r="HT21" s="61">
        <v>150</v>
      </c>
      <c r="HU21" s="61">
        <v>102</v>
      </c>
      <c r="HV21" s="61">
        <v>99</v>
      </c>
      <c r="HW21" s="61">
        <v>77</v>
      </c>
      <c r="HX21" s="62">
        <v>628</v>
      </c>
      <c r="HY21" s="63">
        <v>889</v>
      </c>
      <c r="HZ21" s="60">
        <v>195</v>
      </c>
      <c r="IA21" s="61">
        <v>253</v>
      </c>
      <c r="IB21" s="62">
        <v>448</v>
      </c>
      <c r="IC21" s="231"/>
      <c r="ID21" s="61">
        <v>354</v>
      </c>
      <c r="IE21" s="61">
        <v>306</v>
      </c>
      <c r="IF21" s="61">
        <v>221</v>
      </c>
      <c r="IG21" s="61">
        <v>172</v>
      </c>
      <c r="IH21" s="61">
        <v>131</v>
      </c>
      <c r="II21" s="62">
        <v>1184</v>
      </c>
      <c r="IJ21" s="63">
        <v>1632</v>
      </c>
      <c r="IK21" s="60">
        <v>383</v>
      </c>
      <c r="IL21" s="61">
        <v>454</v>
      </c>
      <c r="IM21" s="62">
        <v>837</v>
      </c>
      <c r="IN21" s="231"/>
      <c r="IO21" s="61">
        <v>646</v>
      </c>
      <c r="IP21" s="61">
        <v>509</v>
      </c>
      <c r="IQ21" s="61">
        <v>320</v>
      </c>
      <c r="IR21" s="61">
        <v>319</v>
      </c>
      <c r="IS21" s="61">
        <v>203</v>
      </c>
      <c r="IT21" s="62">
        <v>1997</v>
      </c>
      <c r="IU21" s="63">
        <v>2834</v>
      </c>
      <c r="IV21" s="60">
        <v>320</v>
      </c>
      <c r="IW21" s="61">
        <v>412</v>
      </c>
      <c r="IX21" s="62">
        <v>732</v>
      </c>
      <c r="IY21" s="231"/>
      <c r="IZ21" s="61">
        <v>683</v>
      </c>
      <c r="JA21" s="61">
        <v>556</v>
      </c>
      <c r="JB21" s="61">
        <v>413</v>
      </c>
      <c r="JC21" s="61">
        <v>361</v>
      </c>
      <c r="JD21" s="61">
        <v>236</v>
      </c>
      <c r="JE21" s="62">
        <v>2249</v>
      </c>
      <c r="JF21" s="63">
        <v>2981</v>
      </c>
      <c r="JG21" s="60">
        <v>152</v>
      </c>
      <c r="JH21" s="61">
        <v>224</v>
      </c>
      <c r="JI21" s="62">
        <v>376</v>
      </c>
      <c r="JJ21" s="231"/>
      <c r="JK21" s="61">
        <v>422</v>
      </c>
      <c r="JL21" s="61">
        <v>455</v>
      </c>
      <c r="JM21" s="61">
        <v>385</v>
      </c>
      <c r="JN21" s="61">
        <v>440</v>
      </c>
      <c r="JO21" s="61">
        <v>243</v>
      </c>
      <c r="JP21" s="62">
        <v>1945</v>
      </c>
      <c r="JQ21" s="63">
        <v>2321</v>
      </c>
      <c r="JR21" s="60">
        <v>32</v>
      </c>
      <c r="JS21" s="61">
        <v>38</v>
      </c>
      <c r="JT21" s="62">
        <v>70</v>
      </c>
      <c r="JU21" s="231"/>
      <c r="JV21" s="61">
        <v>58</v>
      </c>
      <c r="JW21" s="61">
        <v>59</v>
      </c>
      <c r="JX21" s="61">
        <v>37</v>
      </c>
      <c r="JY21" s="61">
        <v>46</v>
      </c>
      <c r="JZ21" s="61">
        <v>41</v>
      </c>
      <c r="KA21" s="62">
        <v>241</v>
      </c>
      <c r="KB21" s="63">
        <v>311</v>
      </c>
      <c r="KC21" s="60">
        <v>1246</v>
      </c>
      <c r="KD21" s="61">
        <v>1575</v>
      </c>
      <c r="KE21" s="62">
        <v>2821</v>
      </c>
      <c r="KF21" s="231"/>
      <c r="KG21" s="61">
        <v>2454</v>
      </c>
      <c r="KH21" s="61">
        <v>2104</v>
      </c>
      <c r="KI21" s="61">
        <v>1532</v>
      </c>
      <c r="KJ21" s="61">
        <v>1493</v>
      </c>
      <c r="KK21" s="61">
        <v>968</v>
      </c>
      <c r="KL21" s="62">
        <v>8551</v>
      </c>
      <c r="KM21" s="63">
        <v>11372</v>
      </c>
    </row>
    <row r="22" spans="2:299" ht="21" customHeight="1" x14ac:dyDescent="0.2">
      <c r="B22" s="472" t="s">
        <v>19</v>
      </c>
      <c r="C22" s="293">
        <v>193</v>
      </c>
      <c r="D22" s="72">
        <v>160</v>
      </c>
      <c r="E22" s="73">
        <v>353</v>
      </c>
      <c r="F22" s="228"/>
      <c r="G22" s="72">
        <v>395</v>
      </c>
      <c r="H22" s="72">
        <v>321</v>
      </c>
      <c r="I22" s="72">
        <v>216</v>
      </c>
      <c r="J22" s="72">
        <v>141</v>
      </c>
      <c r="K22" s="72">
        <v>104</v>
      </c>
      <c r="L22" s="74">
        <v>1177</v>
      </c>
      <c r="M22" s="75">
        <v>1530</v>
      </c>
      <c r="N22" s="76">
        <v>5</v>
      </c>
      <c r="O22" s="61">
        <v>10</v>
      </c>
      <c r="P22" s="62">
        <v>15</v>
      </c>
      <c r="Q22" s="231"/>
      <c r="R22" s="61">
        <v>14</v>
      </c>
      <c r="S22" s="61">
        <v>11</v>
      </c>
      <c r="T22" s="61">
        <v>9</v>
      </c>
      <c r="U22" s="61">
        <v>6</v>
      </c>
      <c r="V22" s="61">
        <v>6</v>
      </c>
      <c r="W22" s="62">
        <v>46</v>
      </c>
      <c r="X22" s="63">
        <v>61</v>
      </c>
      <c r="Y22" s="60">
        <v>21</v>
      </c>
      <c r="Z22" s="61">
        <v>20</v>
      </c>
      <c r="AA22" s="62">
        <v>41</v>
      </c>
      <c r="AB22" s="231"/>
      <c r="AC22" s="61">
        <v>46</v>
      </c>
      <c r="AD22" s="61">
        <v>45</v>
      </c>
      <c r="AE22" s="61">
        <v>20</v>
      </c>
      <c r="AF22" s="61">
        <v>16</v>
      </c>
      <c r="AG22" s="61">
        <v>14</v>
      </c>
      <c r="AH22" s="62">
        <v>141</v>
      </c>
      <c r="AI22" s="63">
        <v>182</v>
      </c>
      <c r="AJ22" s="76">
        <v>35</v>
      </c>
      <c r="AK22" s="61">
        <v>22</v>
      </c>
      <c r="AL22" s="62">
        <v>57</v>
      </c>
      <c r="AM22" s="231"/>
      <c r="AN22" s="61">
        <v>59</v>
      </c>
      <c r="AO22" s="61">
        <v>57</v>
      </c>
      <c r="AP22" s="61">
        <v>42</v>
      </c>
      <c r="AQ22" s="61">
        <v>36</v>
      </c>
      <c r="AR22" s="61">
        <v>13</v>
      </c>
      <c r="AS22" s="62">
        <v>207</v>
      </c>
      <c r="AT22" s="63">
        <v>264</v>
      </c>
      <c r="AU22" s="60">
        <v>46</v>
      </c>
      <c r="AV22" s="61">
        <v>33</v>
      </c>
      <c r="AW22" s="62">
        <v>79</v>
      </c>
      <c r="AX22" s="231"/>
      <c r="AY22" s="61">
        <v>98</v>
      </c>
      <c r="AZ22" s="61">
        <v>76</v>
      </c>
      <c r="BA22" s="61">
        <v>63</v>
      </c>
      <c r="BB22" s="61">
        <v>25</v>
      </c>
      <c r="BC22" s="61">
        <v>33</v>
      </c>
      <c r="BD22" s="62">
        <v>295</v>
      </c>
      <c r="BE22" s="63">
        <v>374</v>
      </c>
      <c r="BF22" s="76">
        <v>52</v>
      </c>
      <c r="BG22" s="61">
        <v>43</v>
      </c>
      <c r="BH22" s="62">
        <v>95</v>
      </c>
      <c r="BI22" s="231"/>
      <c r="BJ22" s="61">
        <v>110</v>
      </c>
      <c r="BK22" s="61">
        <v>79</v>
      </c>
      <c r="BL22" s="61">
        <v>43</v>
      </c>
      <c r="BM22" s="61">
        <v>37</v>
      </c>
      <c r="BN22" s="61">
        <v>29</v>
      </c>
      <c r="BO22" s="62">
        <v>298</v>
      </c>
      <c r="BP22" s="63">
        <v>393</v>
      </c>
      <c r="BQ22" s="60">
        <v>34</v>
      </c>
      <c r="BR22" s="61">
        <v>32</v>
      </c>
      <c r="BS22" s="62">
        <v>66</v>
      </c>
      <c r="BT22" s="231"/>
      <c r="BU22" s="61">
        <v>68</v>
      </c>
      <c r="BV22" s="61">
        <v>53</v>
      </c>
      <c r="BW22" s="61">
        <v>39</v>
      </c>
      <c r="BX22" s="61">
        <v>21</v>
      </c>
      <c r="BY22" s="61">
        <v>9</v>
      </c>
      <c r="BZ22" s="62">
        <v>190</v>
      </c>
      <c r="CA22" s="63">
        <v>256</v>
      </c>
      <c r="CB22" s="60">
        <v>7</v>
      </c>
      <c r="CC22" s="61">
        <v>7</v>
      </c>
      <c r="CD22" s="62">
        <v>14</v>
      </c>
      <c r="CE22" s="231"/>
      <c r="CF22" s="61">
        <v>12</v>
      </c>
      <c r="CG22" s="61">
        <v>11</v>
      </c>
      <c r="CH22" s="61">
        <v>11</v>
      </c>
      <c r="CI22" s="61">
        <v>10</v>
      </c>
      <c r="CJ22" s="61">
        <v>7</v>
      </c>
      <c r="CK22" s="62">
        <v>51</v>
      </c>
      <c r="CL22" s="63">
        <v>65</v>
      </c>
      <c r="CM22" s="60">
        <v>200</v>
      </c>
      <c r="CN22" s="61">
        <v>167</v>
      </c>
      <c r="CO22" s="62">
        <v>367</v>
      </c>
      <c r="CP22" s="231"/>
      <c r="CQ22" s="61">
        <v>407</v>
      </c>
      <c r="CR22" s="61">
        <v>332</v>
      </c>
      <c r="CS22" s="61">
        <v>227</v>
      </c>
      <c r="CT22" s="61">
        <v>151</v>
      </c>
      <c r="CU22" s="61">
        <v>111</v>
      </c>
      <c r="CV22" s="62">
        <v>1228</v>
      </c>
      <c r="CW22" s="63">
        <v>1595</v>
      </c>
      <c r="CX22" s="113">
        <v>352</v>
      </c>
      <c r="CY22" s="72">
        <v>404</v>
      </c>
      <c r="CZ22" s="73">
        <v>756</v>
      </c>
      <c r="DA22" s="228"/>
      <c r="DB22" s="72">
        <v>645</v>
      </c>
      <c r="DC22" s="72">
        <v>497</v>
      </c>
      <c r="DD22" s="72">
        <v>442</v>
      </c>
      <c r="DE22" s="72">
        <v>349</v>
      </c>
      <c r="DF22" s="72">
        <v>251</v>
      </c>
      <c r="DG22" s="74">
        <v>2184</v>
      </c>
      <c r="DH22" s="75">
        <v>2940</v>
      </c>
      <c r="DI22" s="76">
        <v>8</v>
      </c>
      <c r="DJ22" s="61">
        <v>11</v>
      </c>
      <c r="DK22" s="62">
        <v>19</v>
      </c>
      <c r="DL22" s="231"/>
      <c r="DM22" s="61">
        <v>11</v>
      </c>
      <c r="DN22" s="61">
        <v>13</v>
      </c>
      <c r="DO22" s="61">
        <v>7</v>
      </c>
      <c r="DP22" s="61">
        <v>3</v>
      </c>
      <c r="DQ22" s="61">
        <v>3</v>
      </c>
      <c r="DR22" s="62">
        <v>37</v>
      </c>
      <c r="DS22" s="63">
        <v>56</v>
      </c>
      <c r="DT22" s="60">
        <v>24</v>
      </c>
      <c r="DU22" s="61">
        <v>35</v>
      </c>
      <c r="DV22" s="62">
        <v>59</v>
      </c>
      <c r="DW22" s="231"/>
      <c r="DX22" s="61">
        <v>47</v>
      </c>
      <c r="DY22" s="61">
        <v>23</v>
      </c>
      <c r="DZ22" s="61">
        <v>23</v>
      </c>
      <c r="EA22" s="61">
        <v>16</v>
      </c>
      <c r="EB22" s="61">
        <v>20</v>
      </c>
      <c r="EC22" s="62">
        <v>129</v>
      </c>
      <c r="ED22" s="63">
        <v>188</v>
      </c>
      <c r="EE22" s="76">
        <v>59</v>
      </c>
      <c r="EF22" s="61">
        <v>60</v>
      </c>
      <c r="EG22" s="62">
        <v>119</v>
      </c>
      <c r="EH22" s="231"/>
      <c r="EI22" s="61">
        <v>84</v>
      </c>
      <c r="EJ22" s="61">
        <v>52</v>
      </c>
      <c r="EK22" s="61">
        <v>32</v>
      </c>
      <c r="EL22" s="61">
        <v>39</v>
      </c>
      <c r="EM22" s="61">
        <v>31</v>
      </c>
      <c r="EN22" s="62">
        <v>238</v>
      </c>
      <c r="EO22" s="63">
        <v>357</v>
      </c>
      <c r="EP22" s="60">
        <v>107</v>
      </c>
      <c r="EQ22" s="61">
        <v>100</v>
      </c>
      <c r="ER22" s="62">
        <v>207</v>
      </c>
      <c r="ES22" s="231"/>
      <c r="ET22" s="61">
        <v>155</v>
      </c>
      <c r="EU22" s="61">
        <v>126</v>
      </c>
      <c r="EV22" s="61">
        <v>102</v>
      </c>
      <c r="EW22" s="61">
        <v>69</v>
      </c>
      <c r="EX22" s="61">
        <v>39</v>
      </c>
      <c r="EY22" s="62">
        <v>491</v>
      </c>
      <c r="EZ22" s="63">
        <v>698</v>
      </c>
      <c r="FA22" s="76">
        <v>107</v>
      </c>
      <c r="FB22" s="61">
        <v>115</v>
      </c>
      <c r="FC22" s="62">
        <v>222</v>
      </c>
      <c r="FD22" s="231"/>
      <c r="FE22" s="61">
        <v>186</v>
      </c>
      <c r="FF22" s="61">
        <v>142</v>
      </c>
      <c r="FG22" s="61">
        <v>117</v>
      </c>
      <c r="FH22" s="61">
        <v>81</v>
      </c>
      <c r="FI22" s="61">
        <v>53</v>
      </c>
      <c r="FJ22" s="62">
        <v>579</v>
      </c>
      <c r="FK22" s="63">
        <v>801</v>
      </c>
      <c r="FL22" s="60">
        <v>47</v>
      </c>
      <c r="FM22" s="61">
        <v>83</v>
      </c>
      <c r="FN22" s="62">
        <v>130</v>
      </c>
      <c r="FO22" s="231"/>
      <c r="FP22" s="61">
        <v>162</v>
      </c>
      <c r="FQ22" s="61">
        <v>141</v>
      </c>
      <c r="FR22" s="61">
        <v>161</v>
      </c>
      <c r="FS22" s="61">
        <v>141</v>
      </c>
      <c r="FT22" s="61">
        <v>105</v>
      </c>
      <c r="FU22" s="62">
        <v>710</v>
      </c>
      <c r="FV22" s="63">
        <v>840</v>
      </c>
      <c r="FW22" s="60">
        <v>5</v>
      </c>
      <c r="FX22" s="61">
        <v>5</v>
      </c>
      <c r="FY22" s="62">
        <v>10</v>
      </c>
      <c r="FZ22" s="231"/>
      <c r="GA22" s="61">
        <v>5</v>
      </c>
      <c r="GB22" s="61">
        <v>9</v>
      </c>
      <c r="GC22" s="61">
        <v>4</v>
      </c>
      <c r="GD22" s="61">
        <v>4</v>
      </c>
      <c r="GE22" s="61">
        <v>6</v>
      </c>
      <c r="GF22" s="62">
        <v>28</v>
      </c>
      <c r="GG22" s="63">
        <v>38</v>
      </c>
      <c r="GH22" s="60">
        <v>357</v>
      </c>
      <c r="GI22" s="61">
        <v>409</v>
      </c>
      <c r="GJ22" s="62">
        <v>766</v>
      </c>
      <c r="GK22" s="231"/>
      <c r="GL22" s="61">
        <v>650</v>
      </c>
      <c r="GM22" s="61">
        <v>506</v>
      </c>
      <c r="GN22" s="61">
        <v>446</v>
      </c>
      <c r="GO22" s="61">
        <v>353</v>
      </c>
      <c r="GP22" s="61">
        <v>257</v>
      </c>
      <c r="GQ22" s="62">
        <v>2212</v>
      </c>
      <c r="GR22" s="63">
        <v>2978</v>
      </c>
      <c r="GS22" s="113">
        <v>545</v>
      </c>
      <c r="GT22" s="72">
        <v>564</v>
      </c>
      <c r="GU22" s="73">
        <v>1109</v>
      </c>
      <c r="GV22" s="228"/>
      <c r="GW22" s="72">
        <v>1040</v>
      </c>
      <c r="GX22" s="72">
        <v>818</v>
      </c>
      <c r="GY22" s="72">
        <v>658</v>
      </c>
      <c r="GZ22" s="72">
        <v>490</v>
      </c>
      <c r="HA22" s="72">
        <v>355</v>
      </c>
      <c r="HB22" s="74">
        <v>3361</v>
      </c>
      <c r="HC22" s="75">
        <v>4470</v>
      </c>
      <c r="HD22" s="76">
        <v>13</v>
      </c>
      <c r="HE22" s="61">
        <v>21</v>
      </c>
      <c r="HF22" s="62">
        <v>34</v>
      </c>
      <c r="HG22" s="231"/>
      <c r="HH22" s="61">
        <v>25</v>
      </c>
      <c r="HI22" s="61">
        <v>24</v>
      </c>
      <c r="HJ22" s="61">
        <v>16</v>
      </c>
      <c r="HK22" s="61">
        <v>9</v>
      </c>
      <c r="HL22" s="61">
        <v>9</v>
      </c>
      <c r="HM22" s="62">
        <v>83</v>
      </c>
      <c r="HN22" s="63">
        <v>117</v>
      </c>
      <c r="HO22" s="60">
        <v>45</v>
      </c>
      <c r="HP22" s="61">
        <v>55</v>
      </c>
      <c r="HQ22" s="62">
        <v>100</v>
      </c>
      <c r="HR22" s="231"/>
      <c r="HS22" s="61">
        <v>93</v>
      </c>
      <c r="HT22" s="61">
        <v>68</v>
      </c>
      <c r="HU22" s="61">
        <v>43</v>
      </c>
      <c r="HV22" s="61">
        <v>32</v>
      </c>
      <c r="HW22" s="61">
        <v>34</v>
      </c>
      <c r="HX22" s="62">
        <v>270</v>
      </c>
      <c r="HY22" s="63">
        <v>370</v>
      </c>
      <c r="HZ22" s="76">
        <v>94</v>
      </c>
      <c r="IA22" s="61">
        <v>82</v>
      </c>
      <c r="IB22" s="62">
        <v>176</v>
      </c>
      <c r="IC22" s="231"/>
      <c r="ID22" s="61">
        <v>143</v>
      </c>
      <c r="IE22" s="61">
        <v>109</v>
      </c>
      <c r="IF22" s="61">
        <v>74</v>
      </c>
      <c r="IG22" s="61">
        <v>75</v>
      </c>
      <c r="IH22" s="61">
        <v>44</v>
      </c>
      <c r="II22" s="62">
        <v>445</v>
      </c>
      <c r="IJ22" s="63">
        <v>621</v>
      </c>
      <c r="IK22" s="60">
        <v>153</v>
      </c>
      <c r="IL22" s="61">
        <v>133</v>
      </c>
      <c r="IM22" s="62">
        <v>286</v>
      </c>
      <c r="IN22" s="231"/>
      <c r="IO22" s="61">
        <v>253</v>
      </c>
      <c r="IP22" s="61">
        <v>202</v>
      </c>
      <c r="IQ22" s="61">
        <v>165</v>
      </c>
      <c r="IR22" s="61">
        <v>94</v>
      </c>
      <c r="IS22" s="61">
        <v>72</v>
      </c>
      <c r="IT22" s="62">
        <v>786</v>
      </c>
      <c r="IU22" s="63">
        <v>1072</v>
      </c>
      <c r="IV22" s="76">
        <v>159</v>
      </c>
      <c r="IW22" s="61">
        <v>158</v>
      </c>
      <c r="IX22" s="62">
        <v>317</v>
      </c>
      <c r="IY22" s="231"/>
      <c r="IZ22" s="61">
        <v>296</v>
      </c>
      <c r="JA22" s="61">
        <v>221</v>
      </c>
      <c r="JB22" s="61">
        <v>160</v>
      </c>
      <c r="JC22" s="61">
        <v>118</v>
      </c>
      <c r="JD22" s="61">
        <v>82</v>
      </c>
      <c r="JE22" s="62">
        <v>877</v>
      </c>
      <c r="JF22" s="63">
        <v>1194</v>
      </c>
      <c r="JG22" s="60">
        <v>81</v>
      </c>
      <c r="JH22" s="61">
        <v>115</v>
      </c>
      <c r="JI22" s="62">
        <v>196</v>
      </c>
      <c r="JJ22" s="231"/>
      <c r="JK22" s="61">
        <v>230</v>
      </c>
      <c r="JL22" s="61">
        <v>194</v>
      </c>
      <c r="JM22" s="61">
        <v>200</v>
      </c>
      <c r="JN22" s="61">
        <v>162</v>
      </c>
      <c r="JO22" s="61">
        <v>114</v>
      </c>
      <c r="JP22" s="62">
        <v>900</v>
      </c>
      <c r="JQ22" s="63">
        <v>1096</v>
      </c>
      <c r="JR22" s="60">
        <v>12</v>
      </c>
      <c r="JS22" s="61">
        <v>12</v>
      </c>
      <c r="JT22" s="62">
        <v>24</v>
      </c>
      <c r="JU22" s="231"/>
      <c r="JV22" s="61">
        <v>17</v>
      </c>
      <c r="JW22" s="61">
        <v>20</v>
      </c>
      <c r="JX22" s="61">
        <v>15</v>
      </c>
      <c r="JY22" s="61">
        <v>14</v>
      </c>
      <c r="JZ22" s="61">
        <v>13</v>
      </c>
      <c r="KA22" s="62">
        <v>79</v>
      </c>
      <c r="KB22" s="63">
        <v>103</v>
      </c>
      <c r="KC22" s="60">
        <v>557</v>
      </c>
      <c r="KD22" s="61">
        <v>576</v>
      </c>
      <c r="KE22" s="62">
        <v>1133</v>
      </c>
      <c r="KF22" s="231"/>
      <c r="KG22" s="61">
        <v>1057</v>
      </c>
      <c r="KH22" s="61">
        <v>838</v>
      </c>
      <c r="KI22" s="61">
        <v>673</v>
      </c>
      <c r="KJ22" s="61">
        <v>504</v>
      </c>
      <c r="KK22" s="61">
        <v>368</v>
      </c>
      <c r="KL22" s="62">
        <v>3440</v>
      </c>
      <c r="KM22" s="63">
        <v>4573</v>
      </c>
    </row>
    <row r="23" spans="2:299" ht="21" customHeight="1" x14ac:dyDescent="0.2">
      <c r="B23" s="472" t="s">
        <v>20</v>
      </c>
      <c r="C23" s="293">
        <v>278</v>
      </c>
      <c r="D23" s="72">
        <v>329</v>
      </c>
      <c r="E23" s="73">
        <v>607</v>
      </c>
      <c r="F23" s="228"/>
      <c r="G23" s="72">
        <v>560</v>
      </c>
      <c r="H23" s="72">
        <v>356</v>
      </c>
      <c r="I23" s="72">
        <v>269</v>
      </c>
      <c r="J23" s="72">
        <v>234</v>
      </c>
      <c r="K23" s="72">
        <v>114</v>
      </c>
      <c r="L23" s="74">
        <v>1533</v>
      </c>
      <c r="M23" s="75">
        <v>2140</v>
      </c>
      <c r="N23" s="60">
        <v>10</v>
      </c>
      <c r="O23" s="61">
        <v>8</v>
      </c>
      <c r="P23" s="62">
        <v>18</v>
      </c>
      <c r="Q23" s="231"/>
      <c r="R23" s="61">
        <v>23</v>
      </c>
      <c r="S23" s="61">
        <v>17</v>
      </c>
      <c r="T23" s="61">
        <v>13</v>
      </c>
      <c r="U23" s="61">
        <v>11</v>
      </c>
      <c r="V23" s="61">
        <v>5</v>
      </c>
      <c r="W23" s="62">
        <v>69</v>
      </c>
      <c r="X23" s="63">
        <v>87</v>
      </c>
      <c r="Y23" s="60">
        <v>23</v>
      </c>
      <c r="Z23" s="61">
        <v>26</v>
      </c>
      <c r="AA23" s="62">
        <v>49</v>
      </c>
      <c r="AB23" s="231"/>
      <c r="AC23" s="61">
        <v>55</v>
      </c>
      <c r="AD23" s="61">
        <v>42</v>
      </c>
      <c r="AE23" s="61">
        <v>37</v>
      </c>
      <c r="AF23" s="61">
        <v>29</v>
      </c>
      <c r="AG23" s="61">
        <v>18</v>
      </c>
      <c r="AH23" s="62">
        <v>181</v>
      </c>
      <c r="AI23" s="63">
        <v>230</v>
      </c>
      <c r="AJ23" s="60">
        <v>53</v>
      </c>
      <c r="AK23" s="61">
        <v>60</v>
      </c>
      <c r="AL23" s="62">
        <v>113</v>
      </c>
      <c r="AM23" s="231"/>
      <c r="AN23" s="61">
        <v>76</v>
      </c>
      <c r="AO23" s="61">
        <v>61</v>
      </c>
      <c r="AP23" s="61">
        <v>44</v>
      </c>
      <c r="AQ23" s="61">
        <v>43</v>
      </c>
      <c r="AR23" s="61">
        <v>27</v>
      </c>
      <c r="AS23" s="62">
        <v>251</v>
      </c>
      <c r="AT23" s="63">
        <v>364</v>
      </c>
      <c r="AU23" s="60">
        <v>85</v>
      </c>
      <c r="AV23" s="61">
        <v>93</v>
      </c>
      <c r="AW23" s="62">
        <v>178</v>
      </c>
      <c r="AX23" s="231"/>
      <c r="AY23" s="61">
        <v>169</v>
      </c>
      <c r="AZ23" s="61">
        <v>93</v>
      </c>
      <c r="BA23" s="61">
        <v>79</v>
      </c>
      <c r="BB23" s="61">
        <v>57</v>
      </c>
      <c r="BC23" s="61">
        <v>27</v>
      </c>
      <c r="BD23" s="62">
        <v>425</v>
      </c>
      <c r="BE23" s="63">
        <v>603</v>
      </c>
      <c r="BF23" s="60">
        <v>74</v>
      </c>
      <c r="BG23" s="61">
        <v>98</v>
      </c>
      <c r="BH23" s="62">
        <v>172</v>
      </c>
      <c r="BI23" s="231"/>
      <c r="BJ23" s="61">
        <v>157</v>
      </c>
      <c r="BK23" s="61">
        <v>80</v>
      </c>
      <c r="BL23" s="61">
        <v>66</v>
      </c>
      <c r="BM23" s="61">
        <v>60</v>
      </c>
      <c r="BN23" s="61">
        <v>22</v>
      </c>
      <c r="BO23" s="62">
        <v>385</v>
      </c>
      <c r="BP23" s="63">
        <v>557</v>
      </c>
      <c r="BQ23" s="60">
        <v>33</v>
      </c>
      <c r="BR23" s="61">
        <v>44</v>
      </c>
      <c r="BS23" s="62">
        <v>77</v>
      </c>
      <c r="BT23" s="231"/>
      <c r="BU23" s="61">
        <v>80</v>
      </c>
      <c r="BV23" s="61">
        <v>63</v>
      </c>
      <c r="BW23" s="61">
        <v>30</v>
      </c>
      <c r="BX23" s="61">
        <v>34</v>
      </c>
      <c r="BY23" s="61">
        <v>15</v>
      </c>
      <c r="BZ23" s="62">
        <v>222</v>
      </c>
      <c r="CA23" s="63">
        <v>299</v>
      </c>
      <c r="CB23" s="60">
        <v>9</v>
      </c>
      <c r="CC23" s="61">
        <v>13</v>
      </c>
      <c r="CD23" s="62">
        <v>22</v>
      </c>
      <c r="CE23" s="231"/>
      <c r="CF23" s="61">
        <v>25</v>
      </c>
      <c r="CG23" s="61">
        <v>13</v>
      </c>
      <c r="CH23" s="61">
        <v>11</v>
      </c>
      <c r="CI23" s="61">
        <v>9</v>
      </c>
      <c r="CJ23" s="61">
        <v>11</v>
      </c>
      <c r="CK23" s="62">
        <v>69</v>
      </c>
      <c r="CL23" s="63">
        <v>91</v>
      </c>
      <c r="CM23" s="60">
        <v>287</v>
      </c>
      <c r="CN23" s="61">
        <v>342</v>
      </c>
      <c r="CO23" s="62">
        <v>629</v>
      </c>
      <c r="CP23" s="231"/>
      <c r="CQ23" s="61">
        <v>585</v>
      </c>
      <c r="CR23" s="61">
        <v>369</v>
      </c>
      <c r="CS23" s="61">
        <v>280</v>
      </c>
      <c r="CT23" s="61">
        <v>243</v>
      </c>
      <c r="CU23" s="61">
        <v>125</v>
      </c>
      <c r="CV23" s="62">
        <v>1602</v>
      </c>
      <c r="CW23" s="63">
        <v>2231</v>
      </c>
      <c r="CX23" s="113">
        <v>470</v>
      </c>
      <c r="CY23" s="72">
        <v>615</v>
      </c>
      <c r="CZ23" s="73">
        <v>1085</v>
      </c>
      <c r="DA23" s="228"/>
      <c r="DB23" s="72">
        <v>876</v>
      </c>
      <c r="DC23" s="72">
        <v>575</v>
      </c>
      <c r="DD23" s="72">
        <v>465</v>
      </c>
      <c r="DE23" s="72">
        <v>440</v>
      </c>
      <c r="DF23" s="72">
        <v>275</v>
      </c>
      <c r="DG23" s="74">
        <v>2631</v>
      </c>
      <c r="DH23" s="75">
        <v>3716</v>
      </c>
      <c r="DI23" s="60">
        <v>9</v>
      </c>
      <c r="DJ23" s="61">
        <v>13</v>
      </c>
      <c r="DK23" s="62">
        <v>22</v>
      </c>
      <c r="DL23" s="231"/>
      <c r="DM23" s="61">
        <v>29</v>
      </c>
      <c r="DN23" s="61">
        <v>12</v>
      </c>
      <c r="DO23" s="61">
        <v>9</v>
      </c>
      <c r="DP23" s="61">
        <v>7</v>
      </c>
      <c r="DQ23" s="61">
        <v>5</v>
      </c>
      <c r="DR23" s="62">
        <v>62</v>
      </c>
      <c r="DS23" s="63">
        <v>84</v>
      </c>
      <c r="DT23" s="60">
        <v>33</v>
      </c>
      <c r="DU23" s="61">
        <v>44</v>
      </c>
      <c r="DV23" s="62">
        <v>77</v>
      </c>
      <c r="DW23" s="231"/>
      <c r="DX23" s="61">
        <v>62</v>
      </c>
      <c r="DY23" s="61">
        <v>31</v>
      </c>
      <c r="DZ23" s="61">
        <v>26</v>
      </c>
      <c r="EA23" s="61">
        <v>28</v>
      </c>
      <c r="EB23" s="61">
        <v>20</v>
      </c>
      <c r="EC23" s="62">
        <v>167</v>
      </c>
      <c r="ED23" s="63">
        <v>244</v>
      </c>
      <c r="EE23" s="60">
        <v>84</v>
      </c>
      <c r="EF23" s="61">
        <v>94</v>
      </c>
      <c r="EG23" s="62">
        <v>178</v>
      </c>
      <c r="EH23" s="231"/>
      <c r="EI23" s="61">
        <v>143</v>
      </c>
      <c r="EJ23" s="61">
        <v>75</v>
      </c>
      <c r="EK23" s="61">
        <v>41</v>
      </c>
      <c r="EL23" s="61">
        <v>30</v>
      </c>
      <c r="EM23" s="61">
        <v>37</v>
      </c>
      <c r="EN23" s="62">
        <v>326</v>
      </c>
      <c r="EO23" s="63">
        <v>504</v>
      </c>
      <c r="EP23" s="60">
        <v>177</v>
      </c>
      <c r="EQ23" s="61">
        <v>178</v>
      </c>
      <c r="ER23" s="62">
        <v>355</v>
      </c>
      <c r="ES23" s="231"/>
      <c r="ET23" s="61">
        <v>191</v>
      </c>
      <c r="EU23" s="61">
        <v>129</v>
      </c>
      <c r="EV23" s="61">
        <v>98</v>
      </c>
      <c r="EW23" s="61">
        <v>76</v>
      </c>
      <c r="EX23" s="61">
        <v>58</v>
      </c>
      <c r="EY23" s="62">
        <v>552</v>
      </c>
      <c r="EZ23" s="63">
        <v>907</v>
      </c>
      <c r="FA23" s="60">
        <v>121</v>
      </c>
      <c r="FB23" s="61">
        <v>176</v>
      </c>
      <c r="FC23" s="62">
        <v>297</v>
      </c>
      <c r="FD23" s="231"/>
      <c r="FE23" s="61">
        <v>252</v>
      </c>
      <c r="FF23" s="61">
        <v>159</v>
      </c>
      <c r="FG23" s="61">
        <v>115</v>
      </c>
      <c r="FH23" s="61">
        <v>123</v>
      </c>
      <c r="FI23" s="61">
        <v>67</v>
      </c>
      <c r="FJ23" s="62">
        <v>716</v>
      </c>
      <c r="FK23" s="63">
        <v>1013</v>
      </c>
      <c r="FL23" s="60">
        <v>46</v>
      </c>
      <c r="FM23" s="61">
        <v>110</v>
      </c>
      <c r="FN23" s="62">
        <v>156</v>
      </c>
      <c r="FO23" s="231"/>
      <c r="FP23" s="61">
        <v>199</v>
      </c>
      <c r="FQ23" s="61">
        <v>169</v>
      </c>
      <c r="FR23" s="61">
        <v>176</v>
      </c>
      <c r="FS23" s="61">
        <v>176</v>
      </c>
      <c r="FT23" s="61">
        <v>88</v>
      </c>
      <c r="FU23" s="62">
        <v>808</v>
      </c>
      <c r="FV23" s="63">
        <v>964</v>
      </c>
      <c r="FW23" s="60">
        <v>5</v>
      </c>
      <c r="FX23" s="61">
        <v>14</v>
      </c>
      <c r="FY23" s="62">
        <v>19</v>
      </c>
      <c r="FZ23" s="231"/>
      <c r="GA23" s="61">
        <v>15</v>
      </c>
      <c r="GB23" s="61">
        <v>14</v>
      </c>
      <c r="GC23" s="61">
        <v>6</v>
      </c>
      <c r="GD23" s="61">
        <v>11</v>
      </c>
      <c r="GE23" s="61">
        <v>9</v>
      </c>
      <c r="GF23" s="62">
        <v>55</v>
      </c>
      <c r="GG23" s="63">
        <v>74</v>
      </c>
      <c r="GH23" s="60">
        <v>475</v>
      </c>
      <c r="GI23" s="61">
        <v>629</v>
      </c>
      <c r="GJ23" s="62">
        <v>1104</v>
      </c>
      <c r="GK23" s="231"/>
      <c r="GL23" s="61">
        <v>891</v>
      </c>
      <c r="GM23" s="61">
        <v>589</v>
      </c>
      <c r="GN23" s="61">
        <v>471</v>
      </c>
      <c r="GO23" s="61">
        <v>451</v>
      </c>
      <c r="GP23" s="61">
        <v>284</v>
      </c>
      <c r="GQ23" s="62">
        <v>2686</v>
      </c>
      <c r="GR23" s="63">
        <v>3790</v>
      </c>
      <c r="GS23" s="113">
        <v>748</v>
      </c>
      <c r="GT23" s="72">
        <v>944</v>
      </c>
      <c r="GU23" s="73">
        <v>1692</v>
      </c>
      <c r="GV23" s="228"/>
      <c r="GW23" s="72">
        <v>1436</v>
      </c>
      <c r="GX23" s="72">
        <v>931</v>
      </c>
      <c r="GY23" s="72">
        <v>734</v>
      </c>
      <c r="GZ23" s="72">
        <v>674</v>
      </c>
      <c r="HA23" s="72">
        <v>389</v>
      </c>
      <c r="HB23" s="74">
        <v>4164</v>
      </c>
      <c r="HC23" s="75">
        <v>5856</v>
      </c>
      <c r="HD23" s="60">
        <v>19</v>
      </c>
      <c r="HE23" s="61">
        <v>21</v>
      </c>
      <c r="HF23" s="62">
        <v>40</v>
      </c>
      <c r="HG23" s="231"/>
      <c r="HH23" s="61">
        <v>52</v>
      </c>
      <c r="HI23" s="61">
        <v>29</v>
      </c>
      <c r="HJ23" s="61">
        <v>22</v>
      </c>
      <c r="HK23" s="61">
        <v>18</v>
      </c>
      <c r="HL23" s="61">
        <v>10</v>
      </c>
      <c r="HM23" s="62">
        <v>131</v>
      </c>
      <c r="HN23" s="63">
        <v>171</v>
      </c>
      <c r="HO23" s="60">
        <v>56</v>
      </c>
      <c r="HP23" s="61">
        <v>70</v>
      </c>
      <c r="HQ23" s="62">
        <v>126</v>
      </c>
      <c r="HR23" s="231"/>
      <c r="HS23" s="61">
        <v>117</v>
      </c>
      <c r="HT23" s="61">
        <v>73</v>
      </c>
      <c r="HU23" s="61">
        <v>63</v>
      </c>
      <c r="HV23" s="61">
        <v>57</v>
      </c>
      <c r="HW23" s="61">
        <v>38</v>
      </c>
      <c r="HX23" s="62">
        <v>348</v>
      </c>
      <c r="HY23" s="63">
        <v>474</v>
      </c>
      <c r="HZ23" s="60">
        <v>137</v>
      </c>
      <c r="IA23" s="61">
        <v>154</v>
      </c>
      <c r="IB23" s="62">
        <v>291</v>
      </c>
      <c r="IC23" s="231"/>
      <c r="ID23" s="61">
        <v>219</v>
      </c>
      <c r="IE23" s="61">
        <v>136</v>
      </c>
      <c r="IF23" s="61">
        <v>85</v>
      </c>
      <c r="IG23" s="61">
        <v>73</v>
      </c>
      <c r="IH23" s="61">
        <v>64</v>
      </c>
      <c r="II23" s="62">
        <v>577</v>
      </c>
      <c r="IJ23" s="63">
        <v>868</v>
      </c>
      <c r="IK23" s="60">
        <v>262</v>
      </c>
      <c r="IL23" s="61">
        <v>271</v>
      </c>
      <c r="IM23" s="62">
        <v>533</v>
      </c>
      <c r="IN23" s="231"/>
      <c r="IO23" s="61">
        <v>360</v>
      </c>
      <c r="IP23" s="61">
        <v>222</v>
      </c>
      <c r="IQ23" s="61">
        <v>177</v>
      </c>
      <c r="IR23" s="61">
        <v>133</v>
      </c>
      <c r="IS23" s="61">
        <v>85</v>
      </c>
      <c r="IT23" s="62">
        <v>977</v>
      </c>
      <c r="IU23" s="63">
        <v>1510</v>
      </c>
      <c r="IV23" s="60">
        <v>195</v>
      </c>
      <c r="IW23" s="61">
        <v>274</v>
      </c>
      <c r="IX23" s="62">
        <v>469</v>
      </c>
      <c r="IY23" s="231"/>
      <c r="IZ23" s="61">
        <v>409</v>
      </c>
      <c r="JA23" s="61">
        <v>239</v>
      </c>
      <c r="JB23" s="61">
        <v>181</v>
      </c>
      <c r="JC23" s="61">
        <v>183</v>
      </c>
      <c r="JD23" s="61">
        <v>89</v>
      </c>
      <c r="JE23" s="62">
        <v>1101</v>
      </c>
      <c r="JF23" s="63">
        <v>1570</v>
      </c>
      <c r="JG23" s="60">
        <v>79</v>
      </c>
      <c r="JH23" s="61">
        <v>154</v>
      </c>
      <c r="JI23" s="62">
        <v>233</v>
      </c>
      <c r="JJ23" s="231"/>
      <c r="JK23" s="61">
        <v>279</v>
      </c>
      <c r="JL23" s="61">
        <v>232</v>
      </c>
      <c r="JM23" s="61">
        <v>206</v>
      </c>
      <c r="JN23" s="61">
        <v>210</v>
      </c>
      <c r="JO23" s="61">
        <v>103</v>
      </c>
      <c r="JP23" s="62">
        <v>1030</v>
      </c>
      <c r="JQ23" s="63">
        <v>1263</v>
      </c>
      <c r="JR23" s="60">
        <v>14</v>
      </c>
      <c r="JS23" s="61">
        <v>27</v>
      </c>
      <c r="JT23" s="62">
        <v>41</v>
      </c>
      <c r="JU23" s="231"/>
      <c r="JV23" s="61">
        <v>40</v>
      </c>
      <c r="JW23" s="61">
        <v>27</v>
      </c>
      <c r="JX23" s="61">
        <v>17</v>
      </c>
      <c r="JY23" s="61">
        <v>20</v>
      </c>
      <c r="JZ23" s="61">
        <v>20</v>
      </c>
      <c r="KA23" s="62">
        <v>124</v>
      </c>
      <c r="KB23" s="63">
        <v>165</v>
      </c>
      <c r="KC23" s="60">
        <v>762</v>
      </c>
      <c r="KD23" s="61">
        <v>971</v>
      </c>
      <c r="KE23" s="62">
        <v>1733</v>
      </c>
      <c r="KF23" s="231"/>
      <c r="KG23" s="61">
        <v>1476</v>
      </c>
      <c r="KH23" s="61">
        <v>958</v>
      </c>
      <c r="KI23" s="61">
        <v>751</v>
      </c>
      <c r="KJ23" s="61">
        <v>694</v>
      </c>
      <c r="KK23" s="61">
        <v>409</v>
      </c>
      <c r="KL23" s="62">
        <v>4288</v>
      </c>
      <c r="KM23" s="63">
        <v>6021</v>
      </c>
    </row>
    <row r="24" spans="2:299" ht="21" customHeight="1" x14ac:dyDescent="0.2">
      <c r="B24" s="472" t="s">
        <v>21</v>
      </c>
      <c r="C24" s="293">
        <v>306</v>
      </c>
      <c r="D24" s="72">
        <v>243</v>
      </c>
      <c r="E24" s="73">
        <v>549</v>
      </c>
      <c r="F24" s="228"/>
      <c r="G24" s="72">
        <v>451</v>
      </c>
      <c r="H24" s="72">
        <v>422</v>
      </c>
      <c r="I24" s="72">
        <v>292</v>
      </c>
      <c r="J24" s="72">
        <v>232</v>
      </c>
      <c r="K24" s="72">
        <v>149</v>
      </c>
      <c r="L24" s="74">
        <v>1546</v>
      </c>
      <c r="M24" s="75">
        <v>2095</v>
      </c>
      <c r="N24" s="60">
        <v>13</v>
      </c>
      <c r="O24" s="61">
        <v>19</v>
      </c>
      <c r="P24" s="62">
        <v>32</v>
      </c>
      <c r="Q24" s="231"/>
      <c r="R24" s="61">
        <v>21</v>
      </c>
      <c r="S24" s="61">
        <v>17</v>
      </c>
      <c r="T24" s="61">
        <v>11</v>
      </c>
      <c r="U24" s="61">
        <v>18</v>
      </c>
      <c r="V24" s="61">
        <v>16</v>
      </c>
      <c r="W24" s="62">
        <v>83</v>
      </c>
      <c r="X24" s="63">
        <v>115</v>
      </c>
      <c r="Y24" s="60">
        <v>32</v>
      </c>
      <c r="Z24" s="61">
        <v>29</v>
      </c>
      <c r="AA24" s="62">
        <v>61</v>
      </c>
      <c r="AB24" s="231"/>
      <c r="AC24" s="61">
        <v>40</v>
      </c>
      <c r="AD24" s="61">
        <v>47</v>
      </c>
      <c r="AE24" s="61">
        <v>31</v>
      </c>
      <c r="AF24" s="61">
        <v>32</v>
      </c>
      <c r="AG24" s="61">
        <v>20</v>
      </c>
      <c r="AH24" s="62">
        <v>170</v>
      </c>
      <c r="AI24" s="63">
        <v>231</v>
      </c>
      <c r="AJ24" s="60">
        <v>61</v>
      </c>
      <c r="AK24" s="61">
        <v>41</v>
      </c>
      <c r="AL24" s="62">
        <v>102</v>
      </c>
      <c r="AM24" s="231"/>
      <c r="AN24" s="61">
        <v>81</v>
      </c>
      <c r="AO24" s="61">
        <v>69</v>
      </c>
      <c r="AP24" s="61">
        <v>60</v>
      </c>
      <c r="AQ24" s="61">
        <v>47</v>
      </c>
      <c r="AR24" s="61">
        <v>23</v>
      </c>
      <c r="AS24" s="62">
        <v>280</v>
      </c>
      <c r="AT24" s="63">
        <v>382</v>
      </c>
      <c r="AU24" s="60">
        <v>85</v>
      </c>
      <c r="AV24" s="61">
        <v>52</v>
      </c>
      <c r="AW24" s="62">
        <v>137</v>
      </c>
      <c r="AX24" s="231"/>
      <c r="AY24" s="61">
        <v>122</v>
      </c>
      <c r="AZ24" s="61">
        <v>128</v>
      </c>
      <c r="BA24" s="61">
        <v>75</v>
      </c>
      <c r="BB24" s="61">
        <v>55</v>
      </c>
      <c r="BC24" s="61">
        <v>27</v>
      </c>
      <c r="BD24" s="62">
        <v>407</v>
      </c>
      <c r="BE24" s="63">
        <v>544</v>
      </c>
      <c r="BF24" s="60">
        <v>80</v>
      </c>
      <c r="BG24" s="61">
        <v>68</v>
      </c>
      <c r="BH24" s="62">
        <v>148</v>
      </c>
      <c r="BI24" s="231"/>
      <c r="BJ24" s="61">
        <v>133</v>
      </c>
      <c r="BK24" s="61">
        <v>99</v>
      </c>
      <c r="BL24" s="61">
        <v>63</v>
      </c>
      <c r="BM24" s="61">
        <v>50</v>
      </c>
      <c r="BN24" s="61">
        <v>44</v>
      </c>
      <c r="BO24" s="62">
        <v>389</v>
      </c>
      <c r="BP24" s="63">
        <v>537</v>
      </c>
      <c r="BQ24" s="60">
        <v>35</v>
      </c>
      <c r="BR24" s="61">
        <v>34</v>
      </c>
      <c r="BS24" s="62">
        <v>69</v>
      </c>
      <c r="BT24" s="231"/>
      <c r="BU24" s="61">
        <v>54</v>
      </c>
      <c r="BV24" s="61">
        <v>62</v>
      </c>
      <c r="BW24" s="61">
        <v>52</v>
      </c>
      <c r="BX24" s="61">
        <v>30</v>
      </c>
      <c r="BY24" s="61">
        <v>19</v>
      </c>
      <c r="BZ24" s="62">
        <v>217</v>
      </c>
      <c r="CA24" s="63">
        <v>286</v>
      </c>
      <c r="CB24" s="60">
        <v>9</v>
      </c>
      <c r="CC24" s="61">
        <v>13</v>
      </c>
      <c r="CD24" s="62">
        <v>22</v>
      </c>
      <c r="CE24" s="231"/>
      <c r="CF24" s="61">
        <v>5</v>
      </c>
      <c r="CG24" s="61">
        <v>23</v>
      </c>
      <c r="CH24" s="61">
        <v>9</v>
      </c>
      <c r="CI24" s="61">
        <v>12</v>
      </c>
      <c r="CJ24" s="61">
        <v>10</v>
      </c>
      <c r="CK24" s="62">
        <v>59</v>
      </c>
      <c r="CL24" s="63">
        <v>81</v>
      </c>
      <c r="CM24" s="60">
        <v>315</v>
      </c>
      <c r="CN24" s="61">
        <v>256</v>
      </c>
      <c r="CO24" s="62">
        <v>571</v>
      </c>
      <c r="CP24" s="231"/>
      <c r="CQ24" s="61">
        <v>456</v>
      </c>
      <c r="CR24" s="61">
        <v>445</v>
      </c>
      <c r="CS24" s="61">
        <v>301</v>
      </c>
      <c r="CT24" s="61">
        <v>244</v>
      </c>
      <c r="CU24" s="61">
        <v>159</v>
      </c>
      <c r="CV24" s="62">
        <v>1605</v>
      </c>
      <c r="CW24" s="63">
        <v>2176</v>
      </c>
      <c r="CX24" s="113">
        <v>601</v>
      </c>
      <c r="CY24" s="72">
        <v>567</v>
      </c>
      <c r="CZ24" s="73">
        <v>1168</v>
      </c>
      <c r="DA24" s="228"/>
      <c r="DB24" s="72">
        <v>737</v>
      </c>
      <c r="DC24" s="72">
        <v>699</v>
      </c>
      <c r="DD24" s="72">
        <v>572</v>
      </c>
      <c r="DE24" s="72">
        <v>469</v>
      </c>
      <c r="DF24" s="72">
        <v>372</v>
      </c>
      <c r="DG24" s="74">
        <v>2849</v>
      </c>
      <c r="DH24" s="75">
        <v>4017</v>
      </c>
      <c r="DI24" s="60">
        <v>15</v>
      </c>
      <c r="DJ24" s="61">
        <v>17</v>
      </c>
      <c r="DK24" s="62">
        <v>32</v>
      </c>
      <c r="DL24" s="231"/>
      <c r="DM24" s="61">
        <v>17</v>
      </c>
      <c r="DN24" s="61">
        <v>21</v>
      </c>
      <c r="DO24" s="61">
        <v>9</v>
      </c>
      <c r="DP24" s="61">
        <v>7</v>
      </c>
      <c r="DQ24" s="61">
        <v>14</v>
      </c>
      <c r="DR24" s="62">
        <v>68</v>
      </c>
      <c r="DS24" s="63">
        <v>100</v>
      </c>
      <c r="DT24" s="60">
        <v>46</v>
      </c>
      <c r="DU24" s="61">
        <v>40</v>
      </c>
      <c r="DV24" s="62">
        <v>86</v>
      </c>
      <c r="DW24" s="231"/>
      <c r="DX24" s="61">
        <v>39</v>
      </c>
      <c r="DY24" s="61">
        <v>40</v>
      </c>
      <c r="DZ24" s="61">
        <v>33</v>
      </c>
      <c r="EA24" s="61">
        <v>21</v>
      </c>
      <c r="EB24" s="61">
        <v>29</v>
      </c>
      <c r="EC24" s="62">
        <v>162</v>
      </c>
      <c r="ED24" s="63">
        <v>248</v>
      </c>
      <c r="EE24" s="60">
        <v>93</v>
      </c>
      <c r="EF24" s="61">
        <v>91</v>
      </c>
      <c r="EG24" s="62">
        <v>184</v>
      </c>
      <c r="EH24" s="231"/>
      <c r="EI24" s="61">
        <v>99</v>
      </c>
      <c r="EJ24" s="61">
        <v>79</v>
      </c>
      <c r="EK24" s="61">
        <v>65</v>
      </c>
      <c r="EL24" s="61">
        <v>51</v>
      </c>
      <c r="EM24" s="61">
        <v>39</v>
      </c>
      <c r="EN24" s="62">
        <v>333</v>
      </c>
      <c r="EO24" s="63">
        <v>517</v>
      </c>
      <c r="EP24" s="60">
        <v>194</v>
      </c>
      <c r="EQ24" s="61">
        <v>178</v>
      </c>
      <c r="ER24" s="62">
        <v>372</v>
      </c>
      <c r="ES24" s="231"/>
      <c r="ET24" s="61">
        <v>207</v>
      </c>
      <c r="EU24" s="61">
        <v>151</v>
      </c>
      <c r="EV24" s="61">
        <v>110</v>
      </c>
      <c r="EW24" s="61">
        <v>108</v>
      </c>
      <c r="EX24" s="61">
        <v>71</v>
      </c>
      <c r="EY24" s="62">
        <v>647</v>
      </c>
      <c r="EZ24" s="63">
        <v>1019</v>
      </c>
      <c r="FA24" s="60">
        <v>171</v>
      </c>
      <c r="FB24" s="61">
        <v>162</v>
      </c>
      <c r="FC24" s="62">
        <v>333</v>
      </c>
      <c r="FD24" s="231"/>
      <c r="FE24" s="61">
        <v>210</v>
      </c>
      <c r="FF24" s="61">
        <v>220</v>
      </c>
      <c r="FG24" s="61">
        <v>172</v>
      </c>
      <c r="FH24" s="61">
        <v>114</v>
      </c>
      <c r="FI24" s="61">
        <v>85</v>
      </c>
      <c r="FJ24" s="62">
        <v>801</v>
      </c>
      <c r="FK24" s="63">
        <v>1134</v>
      </c>
      <c r="FL24" s="60">
        <v>82</v>
      </c>
      <c r="FM24" s="61">
        <v>79</v>
      </c>
      <c r="FN24" s="62">
        <v>161</v>
      </c>
      <c r="FO24" s="231"/>
      <c r="FP24" s="61">
        <v>165</v>
      </c>
      <c r="FQ24" s="61">
        <v>188</v>
      </c>
      <c r="FR24" s="61">
        <v>183</v>
      </c>
      <c r="FS24" s="61">
        <v>168</v>
      </c>
      <c r="FT24" s="61">
        <v>134</v>
      </c>
      <c r="FU24" s="62">
        <v>838</v>
      </c>
      <c r="FV24" s="63">
        <v>999</v>
      </c>
      <c r="FW24" s="60">
        <v>7</v>
      </c>
      <c r="FX24" s="61">
        <v>11</v>
      </c>
      <c r="FY24" s="62">
        <v>18</v>
      </c>
      <c r="FZ24" s="231"/>
      <c r="GA24" s="61">
        <v>5</v>
      </c>
      <c r="GB24" s="61">
        <v>19</v>
      </c>
      <c r="GC24" s="61">
        <v>15</v>
      </c>
      <c r="GD24" s="61">
        <v>8</v>
      </c>
      <c r="GE24" s="61">
        <v>7</v>
      </c>
      <c r="GF24" s="62">
        <v>54</v>
      </c>
      <c r="GG24" s="63">
        <v>72</v>
      </c>
      <c r="GH24" s="60">
        <v>608</v>
      </c>
      <c r="GI24" s="61">
        <v>578</v>
      </c>
      <c r="GJ24" s="62">
        <v>1186</v>
      </c>
      <c r="GK24" s="231"/>
      <c r="GL24" s="61">
        <v>742</v>
      </c>
      <c r="GM24" s="61">
        <v>718</v>
      </c>
      <c r="GN24" s="61">
        <v>587</v>
      </c>
      <c r="GO24" s="61">
        <v>477</v>
      </c>
      <c r="GP24" s="61">
        <v>379</v>
      </c>
      <c r="GQ24" s="62">
        <v>2903</v>
      </c>
      <c r="GR24" s="63">
        <v>4089</v>
      </c>
      <c r="GS24" s="113">
        <v>907</v>
      </c>
      <c r="GT24" s="72">
        <v>810</v>
      </c>
      <c r="GU24" s="73">
        <v>1717</v>
      </c>
      <c r="GV24" s="228"/>
      <c r="GW24" s="72">
        <v>1188</v>
      </c>
      <c r="GX24" s="72">
        <v>1121</v>
      </c>
      <c r="GY24" s="72">
        <v>864</v>
      </c>
      <c r="GZ24" s="72">
        <v>701</v>
      </c>
      <c r="HA24" s="72">
        <v>521</v>
      </c>
      <c r="HB24" s="74">
        <v>4395</v>
      </c>
      <c r="HC24" s="75">
        <v>6112</v>
      </c>
      <c r="HD24" s="60">
        <v>28</v>
      </c>
      <c r="HE24" s="61">
        <v>36</v>
      </c>
      <c r="HF24" s="62">
        <v>64</v>
      </c>
      <c r="HG24" s="231"/>
      <c r="HH24" s="61">
        <v>38</v>
      </c>
      <c r="HI24" s="61">
        <v>38</v>
      </c>
      <c r="HJ24" s="61">
        <v>20</v>
      </c>
      <c r="HK24" s="61">
        <v>25</v>
      </c>
      <c r="HL24" s="61">
        <v>30</v>
      </c>
      <c r="HM24" s="62">
        <v>151</v>
      </c>
      <c r="HN24" s="63">
        <v>215</v>
      </c>
      <c r="HO24" s="60">
        <v>78</v>
      </c>
      <c r="HP24" s="61">
        <v>69</v>
      </c>
      <c r="HQ24" s="62">
        <v>147</v>
      </c>
      <c r="HR24" s="231"/>
      <c r="HS24" s="61">
        <v>79</v>
      </c>
      <c r="HT24" s="61">
        <v>87</v>
      </c>
      <c r="HU24" s="61">
        <v>64</v>
      </c>
      <c r="HV24" s="61">
        <v>53</v>
      </c>
      <c r="HW24" s="61">
        <v>49</v>
      </c>
      <c r="HX24" s="62">
        <v>332</v>
      </c>
      <c r="HY24" s="63">
        <v>479</v>
      </c>
      <c r="HZ24" s="60">
        <v>154</v>
      </c>
      <c r="IA24" s="61">
        <v>132</v>
      </c>
      <c r="IB24" s="62">
        <v>286</v>
      </c>
      <c r="IC24" s="231"/>
      <c r="ID24" s="61">
        <v>180</v>
      </c>
      <c r="IE24" s="61">
        <v>148</v>
      </c>
      <c r="IF24" s="61">
        <v>125</v>
      </c>
      <c r="IG24" s="61">
        <v>98</v>
      </c>
      <c r="IH24" s="61">
        <v>62</v>
      </c>
      <c r="II24" s="62">
        <v>613</v>
      </c>
      <c r="IJ24" s="63">
        <v>899</v>
      </c>
      <c r="IK24" s="60">
        <v>279</v>
      </c>
      <c r="IL24" s="61">
        <v>230</v>
      </c>
      <c r="IM24" s="62">
        <v>509</v>
      </c>
      <c r="IN24" s="231"/>
      <c r="IO24" s="61">
        <v>329</v>
      </c>
      <c r="IP24" s="61">
        <v>279</v>
      </c>
      <c r="IQ24" s="61">
        <v>185</v>
      </c>
      <c r="IR24" s="61">
        <v>163</v>
      </c>
      <c r="IS24" s="61">
        <v>98</v>
      </c>
      <c r="IT24" s="62">
        <v>1054</v>
      </c>
      <c r="IU24" s="63">
        <v>1563</v>
      </c>
      <c r="IV24" s="60">
        <v>251</v>
      </c>
      <c r="IW24" s="61">
        <v>230</v>
      </c>
      <c r="IX24" s="62">
        <v>481</v>
      </c>
      <c r="IY24" s="231"/>
      <c r="IZ24" s="61">
        <v>343</v>
      </c>
      <c r="JA24" s="61">
        <v>319</v>
      </c>
      <c r="JB24" s="61">
        <v>235</v>
      </c>
      <c r="JC24" s="61">
        <v>164</v>
      </c>
      <c r="JD24" s="61">
        <v>129</v>
      </c>
      <c r="JE24" s="62">
        <v>1190</v>
      </c>
      <c r="JF24" s="63">
        <v>1671</v>
      </c>
      <c r="JG24" s="60">
        <v>117</v>
      </c>
      <c r="JH24" s="61">
        <v>113</v>
      </c>
      <c r="JI24" s="62">
        <v>230</v>
      </c>
      <c r="JJ24" s="231"/>
      <c r="JK24" s="61">
        <v>219</v>
      </c>
      <c r="JL24" s="61">
        <v>250</v>
      </c>
      <c r="JM24" s="61">
        <v>235</v>
      </c>
      <c r="JN24" s="61">
        <v>198</v>
      </c>
      <c r="JO24" s="61">
        <v>153</v>
      </c>
      <c r="JP24" s="62">
        <v>1055</v>
      </c>
      <c r="JQ24" s="63">
        <v>1285</v>
      </c>
      <c r="JR24" s="60">
        <v>16</v>
      </c>
      <c r="JS24" s="61">
        <v>24</v>
      </c>
      <c r="JT24" s="62">
        <v>40</v>
      </c>
      <c r="JU24" s="231"/>
      <c r="JV24" s="61">
        <v>10</v>
      </c>
      <c r="JW24" s="61">
        <v>42</v>
      </c>
      <c r="JX24" s="61">
        <v>24</v>
      </c>
      <c r="JY24" s="61">
        <v>20</v>
      </c>
      <c r="JZ24" s="61">
        <v>17</v>
      </c>
      <c r="KA24" s="62">
        <v>113</v>
      </c>
      <c r="KB24" s="63">
        <v>153</v>
      </c>
      <c r="KC24" s="60">
        <v>923</v>
      </c>
      <c r="KD24" s="61">
        <v>834</v>
      </c>
      <c r="KE24" s="62">
        <v>1757</v>
      </c>
      <c r="KF24" s="231"/>
      <c r="KG24" s="61">
        <v>1198</v>
      </c>
      <c r="KH24" s="61">
        <v>1163</v>
      </c>
      <c r="KI24" s="61">
        <v>888</v>
      </c>
      <c r="KJ24" s="61">
        <v>721</v>
      </c>
      <c r="KK24" s="61">
        <v>538</v>
      </c>
      <c r="KL24" s="62">
        <v>4508</v>
      </c>
      <c r="KM24" s="63">
        <v>6265</v>
      </c>
    </row>
    <row r="25" spans="2:299" ht="21" customHeight="1" x14ac:dyDescent="0.2">
      <c r="B25" s="472" t="s">
        <v>22</v>
      </c>
      <c r="C25" s="293">
        <v>70</v>
      </c>
      <c r="D25" s="72">
        <v>77</v>
      </c>
      <c r="E25" s="73">
        <v>147</v>
      </c>
      <c r="F25" s="228"/>
      <c r="G25" s="72">
        <v>184</v>
      </c>
      <c r="H25" s="72">
        <v>145</v>
      </c>
      <c r="I25" s="72">
        <v>99</v>
      </c>
      <c r="J25" s="72">
        <v>74</v>
      </c>
      <c r="K25" s="72">
        <v>47</v>
      </c>
      <c r="L25" s="74">
        <v>549</v>
      </c>
      <c r="M25" s="75">
        <v>696</v>
      </c>
      <c r="N25" s="60">
        <v>1</v>
      </c>
      <c r="O25" s="61">
        <v>4</v>
      </c>
      <c r="P25" s="62">
        <v>5</v>
      </c>
      <c r="Q25" s="231"/>
      <c r="R25" s="61">
        <v>5</v>
      </c>
      <c r="S25" s="61">
        <v>4</v>
      </c>
      <c r="T25" s="61">
        <v>1</v>
      </c>
      <c r="U25" s="61">
        <v>3</v>
      </c>
      <c r="V25" s="61">
        <v>2</v>
      </c>
      <c r="W25" s="62">
        <v>15</v>
      </c>
      <c r="X25" s="63">
        <v>20</v>
      </c>
      <c r="Y25" s="60">
        <v>9</v>
      </c>
      <c r="Z25" s="61">
        <v>7</v>
      </c>
      <c r="AA25" s="62">
        <v>16</v>
      </c>
      <c r="AB25" s="231"/>
      <c r="AC25" s="61">
        <v>17</v>
      </c>
      <c r="AD25" s="61">
        <v>11</v>
      </c>
      <c r="AE25" s="61">
        <v>4</v>
      </c>
      <c r="AF25" s="61">
        <v>6</v>
      </c>
      <c r="AG25" s="61">
        <v>8</v>
      </c>
      <c r="AH25" s="62">
        <v>46</v>
      </c>
      <c r="AI25" s="63">
        <v>62</v>
      </c>
      <c r="AJ25" s="60">
        <v>6</v>
      </c>
      <c r="AK25" s="61">
        <v>10</v>
      </c>
      <c r="AL25" s="62">
        <v>16</v>
      </c>
      <c r="AM25" s="231"/>
      <c r="AN25" s="61">
        <v>24</v>
      </c>
      <c r="AO25" s="61">
        <v>21</v>
      </c>
      <c r="AP25" s="61">
        <v>19</v>
      </c>
      <c r="AQ25" s="61">
        <v>16</v>
      </c>
      <c r="AR25" s="61">
        <v>12</v>
      </c>
      <c r="AS25" s="62">
        <v>92</v>
      </c>
      <c r="AT25" s="63">
        <v>108</v>
      </c>
      <c r="AU25" s="60">
        <v>18</v>
      </c>
      <c r="AV25" s="61">
        <v>25</v>
      </c>
      <c r="AW25" s="62">
        <v>43</v>
      </c>
      <c r="AX25" s="231"/>
      <c r="AY25" s="61">
        <v>31</v>
      </c>
      <c r="AZ25" s="61">
        <v>42</v>
      </c>
      <c r="BA25" s="61">
        <v>28</v>
      </c>
      <c r="BB25" s="61">
        <v>17</v>
      </c>
      <c r="BC25" s="61">
        <v>9</v>
      </c>
      <c r="BD25" s="62">
        <v>127</v>
      </c>
      <c r="BE25" s="63">
        <v>170</v>
      </c>
      <c r="BF25" s="60">
        <v>24</v>
      </c>
      <c r="BG25" s="61">
        <v>22</v>
      </c>
      <c r="BH25" s="62">
        <v>46</v>
      </c>
      <c r="BI25" s="231"/>
      <c r="BJ25" s="61">
        <v>55</v>
      </c>
      <c r="BK25" s="61">
        <v>37</v>
      </c>
      <c r="BL25" s="61">
        <v>26</v>
      </c>
      <c r="BM25" s="61">
        <v>13</v>
      </c>
      <c r="BN25" s="61">
        <v>8</v>
      </c>
      <c r="BO25" s="62">
        <v>139</v>
      </c>
      <c r="BP25" s="63">
        <v>185</v>
      </c>
      <c r="BQ25" s="60">
        <v>12</v>
      </c>
      <c r="BR25" s="61">
        <v>9</v>
      </c>
      <c r="BS25" s="62">
        <v>21</v>
      </c>
      <c r="BT25" s="231"/>
      <c r="BU25" s="61">
        <v>52</v>
      </c>
      <c r="BV25" s="61">
        <v>30</v>
      </c>
      <c r="BW25" s="61">
        <v>21</v>
      </c>
      <c r="BX25" s="61">
        <v>19</v>
      </c>
      <c r="BY25" s="61">
        <v>8</v>
      </c>
      <c r="BZ25" s="62">
        <v>130</v>
      </c>
      <c r="CA25" s="63">
        <v>151</v>
      </c>
      <c r="CB25" s="60">
        <v>2</v>
      </c>
      <c r="CC25" s="61">
        <v>5</v>
      </c>
      <c r="CD25" s="62">
        <v>7</v>
      </c>
      <c r="CE25" s="231"/>
      <c r="CF25" s="61">
        <v>8</v>
      </c>
      <c r="CG25" s="61">
        <v>5</v>
      </c>
      <c r="CH25" s="61">
        <v>0</v>
      </c>
      <c r="CI25" s="61">
        <v>3</v>
      </c>
      <c r="CJ25" s="61">
        <v>4</v>
      </c>
      <c r="CK25" s="62">
        <v>20</v>
      </c>
      <c r="CL25" s="63">
        <v>27</v>
      </c>
      <c r="CM25" s="60">
        <v>72</v>
      </c>
      <c r="CN25" s="61">
        <v>82</v>
      </c>
      <c r="CO25" s="62">
        <v>154</v>
      </c>
      <c r="CP25" s="231"/>
      <c r="CQ25" s="61">
        <v>192</v>
      </c>
      <c r="CR25" s="61">
        <v>150</v>
      </c>
      <c r="CS25" s="61">
        <v>99</v>
      </c>
      <c r="CT25" s="61">
        <v>77</v>
      </c>
      <c r="CU25" s="61">
        <v>51</v>
      </c>
      <c r="CV25" s="62">
        <v>569</v>
      </c>
      <c r="CW25" s="63">
        <v>723</v>
      </c>
      <c r="CX25" s="113">
        <v>109</v>
      </c>
      <c r="CY25" s="72">
        <v>223</v>
      </c>
      <c r="CZ25" s="73">
        <v>332</v>
      </c>
      <c r="DA25" s="228"/>
      <c r="DB25" s="72">
        <v>325</v>
      </c>
      <c r="DC25" s="72">
        <v>285</v>
      </c>
      <c r="DD25" s="72">
        <v>209</v>
      </c>
      <c r="DE25" s="72">
        <v>203</v>
      </c>
      <c r="DF25" s="72">
        <v>96</v>
      </c>
      <c r="DG25" s="74">
        <v>1118</v>
      </c>
      <c r="DH25" s="75">
        <v>1450</v>
      </c>
      <c r="DI25" s="60">
        <v>6</v>
      </c>
      <c r="DJ25" s="61">
        <v>9</v>
      </c>
      <c r="DK25" s="62">
        <v>15</v>
      </c>
      <c r="DL25" s="231"/>
      <c r="DM25" s="61">
        <v>1</v>
      </c>
      <c r="DN25" s="61">
        <v>6</v>
      </c>
      <c r="DO25" s="61">
        <v>3</v>
      </c>
      <c r="DP25" s="61">
        <v>1</v>
      </c>
      <c r="DQ25" s="61">
        <v>2</v>
      </c>
      <c r="DR25" s="62">
        <v>13</v>
      </c>
      <c r="DS25" s="63">
        <v>28</v>
      </c>
      <c r="DT25" s="60">
        <v>4</v>
      </c>
      <c r="DU25" s="61">
        <v>4</v>
      </c>
      <c r="DV25" s="62">
        <v>8</v>
      </c>
      <c r="DW25" s="231"/>
      <c r="DX25" s="61">
        <v>15</v>
      </c>
      <c r="DY25" s="61">
        <v>12</v>
      </c>
      <c r="DZ25" s="61">
        <v>5</v>
      </c>
      <c r="EA25" s="61">
        <v>4</v>
      </c>
      <c r="EB25" s="61">
        <v>4</v>
      </c>
      <c r="EC25" s="62">
        <v>40</v>
      </c>
      <c r="ED25" s="63">
        <v>48</v>
      </c>
      <c r="EE25" s="60">
        <v>28</v>
      </c>
      <c r="EF25" s="61">
        <v>34</v>
      </c>
      <c r="EG25" s="62">
        <v>62</v>
      </c>
      <c r="EH25" s="231"/>
      <c r="EI25" s="61">
        <v>41</v>
      </c>
      <c r="EJ25" s="61">
        <v>37</v>
      </c>
      <c r="EK25" s="61">
        <v>16</v>
      </c>
      <c r="EL25" s="61">
        <v>21</v>
      </c>
      <c r="EM25" s="61">
        <v>16</v>
      </c>
      <c r="EN25" s="62">
        <v>131</v>
      </c>
      <c r="EO25" s="63">
        <v>193</v>
      </c>
      <c r="EP25" s="60">
        <v>32</v>
      </c>
      <c r="EQ25" s="61">
        <v>68</v>
      </c>
      <c r="ER25" s="62">
        <v>100</v>
      </c>
      <c r="ES25" s="231"/>
      <c r="ET25" s="61">
        <v>70</v>
      </c>
      <c r="EU25" s="61">
        <v>57</v>
      </c>
      <c r="EV25" s="61">
        <v>45</v>
      </c>
      <c r="EW25" s="61">
        <v>34</v>
      </c>
      <c r="EX25" s="61">
        <v>18</v>
      </c>
      <c r="EY25" s="62">
        <v>224</v>
      </c>
      <c r="EZ25" s="63">
        <v>324</v>
      </c>
      <c r="FA25" s="60">
        <v>28</v>
      </c>
      <c r="FB25" s="61">
        <v>62</v>
      </c>
      <c r="FC25" s="62">
        <v>90</v>
      </c>
      <c r="FD25" s="231"/>
      <c r="FE25" s="61">
        <v>105</v>
      </c>
      <c r="FF25" s="61">
        <v>81</v>
      </c>
      <c r="FG25" s="61">
        <v>49</v>
      </c>
      <c r="FH25" s="61">
        <v>50</v>
      </c>
      <c r="FI25" s="61">
        <v>27</v>
      </c>
      <c r="FJ25" s="62">
        <v>312</v>
      </c>
      <c r="FK25" s="63">
        <v>402</v>
      </c>
      <c r="FL25" s="60">
        <v>11</v>
      </c>
      <c r="FM25" s="61">
        <v>46</v>
      </c>
      <c r="FN25" s="62">
        <v>57</v>
      </c>
      <c r="FO25" s="231"/>
      <c r="FP25" s="61">
        <v>93</v>
      </c>
      <c r="FQ25" s="61">
        <v>92</v>
      </c>
      <c r="FR25" s="61">
        <v>91</v>
      </c>
      <c r="FS25" s="61">
        <v>93</v>
      </c>
      <c r="FT25" s="61">
        <v>29</v>
      </c>
      <c r="FU25" s="62">
        <v>398</v>
      </c>
      <c r="FV25" s="63">
        <v>455</v>
      </c>
      <c r="FW25" s="60">
        <v>1</v>
      </c>
      <c r="FX25" s="61">
        <v>2</v>
      </c>
      <c r="FY25" s="62">
        <v>3</v>
      </c>
      <c r="FZ25" s="231"/>
      <c r="GA25" s="61">
        <v>1</v>
      </c>
      <c r="GB25" s="61">
        <v>6</v>
      </c>
      <c r="GC25" s="61">
        <v>5</v>
      </c>
      <c r="GD25" s="61">
        <v>2</v>
      </c>
      <c r="GE25" s="61">
        <v>1</v>
      </c>
      <c r="GF25" s="62">
        <v>15</v>
      </c>
      <c r="GG25" s="63">
        <v>18</v>
      </c>
      <c r="GH25" s="60">
        <v>110</v>
      </c>
      <c r="GI25" s="61">
        <v>225</v>
      </c>
      <c r="GJ25" s="62">
        <v>335</v>
      </c>
      <c r="GK25" s="231"/>
      <c r="GL25" s="61">
        <v>326</v>
      </c>
      <c r="GM25" s="61">
        <v>291</v>
      </c>
      <c r="GN25" s="61">
        <v>214</v>
      </c>
      <c r="GO25" s="61">
        <v>205</v>
      </c>
      <c r="GP25" s="61">
        <v>97</v>
      </c>
      <c r="GQ25" s="62">
        <v>1133</v>
      </c>
      <c r="GR25" s="63">
        <v>1468</v>
      </c>
      <c r="GS25" s="113">
        <v>179</v>
      </c>
      <c r="GT25" s="72">
        <v>300</v>
      </c>
      <c r="GU25" s="73">
        <v>479</v>
      </c>
      <c r="GV25" s="228"/>
      <c r="GW25" s="72">
        <v>509</v>
      </c>
      <c r="GX25" s="72">
        <v>430</v>
      </c>
      <c r="GY25" s="72">
        <v>308</v>
      </c>
      <c r="GZ25" s="72">
        <v>277</v>
      </c>
      <c r="HA25" s="72">
        <v>143</v>
      </c>
      <c r="HB25" s="74">
        <v>1667</v>
      </c>
      <c r="HC25" s="75">
        <v>2146</v>
      </c>
      <c r="HD25" s="60">
        <v>7</v>
      </c>
      <c r="HE25" s="61">
        <v>13</v>
      </c>
      <c r="HF25" s="62">
        <v>20</v>
      </c>
      <c r="HG25" s="231"/>
      <c r="HH25" s="61">
        <v>6</v>
      </c>
      <c r="HI25" s="61">
        <v>10</v>
      </c>
      <c r="HJ25" s="61">
        <v>4</v>
      </c>
      <c r="HK25" s="61">
        <v>4</v>
      </c>
      <c r="HL25" s="61">
        <v>4</v>
      </c>
      <c r="HM25" s="62">
        <v>28</v>
      </c>
      <c r="HN25" s="63">
        <v>48</v>
      </c>
      <c r="HO25" s="60">
        <v>13</v>
      </c>
      <c r="HP25" s="61">
        <v>11</v>
      </c>
      <c r="HQ25" s="62">
        <v>24</v>
      </c>
      <c r="HR25" s="231"/>
      <c r="HS25" s="61">
        <v>32</v>
      </c>
      <c r="HT25" s="61">
        <v>23</v>
      </c>
      <c r="HU25" s="61">
        <v>9</v>
      </c>
      <c r="HV25" s="61">
        <v>10</v>
      </c>
      <c r="HW25" s="61">
        <v>12</v>
      </c>
      <c r="HX25" s="62">
        <v>86</v>
      </c>
      <c r="HY25" s="63">
        <v>110</v>
      </c>
      <c r="HZ25" s="60">
        <v>34</v>
      </c>
      <c r="IA25" s="61">
        <v>44</v>
      </c>
      <c r="IB25" s="62">
        <v>78</v>
      </c>
      <c r="IC25" s="231"/>
      <c r="ID25" s="61">
        <v>65</v>
      </c>
      <c r="IE25" s="61">
        <v>58</v>
      </c>
      <c r="IF25" s="61">
        <v>35</v>
      </c>
      <c r="IG25" s="61">
        <v>37</v>
      </c>
      <c r="IH25" s="61">
        <v>28</v>
      </c>
      <c r="II25" s="62">
        <v>223</v>
      </c>
      <c r="IJ25" s="63">
        <v>301</v>
      </c>
      <c r="IK25" s="60">
        <v>50</v>
      </c>
      <c r="IL25" s="61">
        <v>93</v>
      </c>
      <c r="IM25" s="62">
        <v>143</v>
      </c>
      <c r="IN25" s="231"/>
      <c r="IO25" s="61">
        <v>101</v>
      </c>
      <c r="IP25" s="61">
        <v>99</v>
      </c>
      <c r="IQ25" s="61">
        <v>73</v>
      </c>
      <c r="IR25" s="61">
        <v>51</v>
      </c>
      <c r="IS25" s="61">
        <v>27</v>
      </c>
      <c r="IT25" s="62">
        <v>351</v>
      </c>
      <c r="IU25" s="63">
        <v>494</v>
      </c>
      <c r="IV25" s="60">
        <v>52</v>
      </c>
      <c r="IW25" s="61">
        <v>84</v>
      </c>
      <c r="IX25" s="62">
        <v>136</v>
      </c>
      <c r="IY25" s="231"/>
      <c r="IZ25" s="61">
        <v>160</v>
      </c>
      <c r="JA25" s="61">
        <v>118</v>
      </c>
      <c r="JB25" s="61">
        <v>75</v>
      </c>
      <c r="JC25" s="61">
        <v>63</v>
      </c>
      <c r="JD25" s="61">
        <v>35</v>
      </c>
      <c r="JE25" s="62">
        <v>451</v>
      </c>
      <c r="JF25" s="63">
        <v>587</v>
      </c>
      <c r="JG25" s="60">
        <v>23</v>
      </c>
      <c r="JH25" s="61">
        <v>55</v>
      </c>
      <c r="JI25" s="62">
        <v>78</v>
      </c>
      <c r="JJ25" s="231"/>
      <c r="JK25" s="61">
        <v>145</v>
      </c>
      <c r="JL25" s="61">
        <v>122</v>
      </c>
      <c r="JM25" s="61">
        <v>112</v>
      </c>
      <c r="JN25" s="61">
        <v>112</v>
      </c>
      <c r="JO25" s="61">
        <v>37</v>
      </c>
      <c r="JP25" s="62">
        <v>528</v>
      </c>
      <c r="JQ25" s="63">
        <v>606</v>
      </c>
      <c r="JR25" s="60">
        <v>3</v>
      </c>
      <c r="JS25" s="61">
        <v>7</v>
      </c>
      <c r="JT25" s="62">
        <v>10</v>
      </c>
      <c r="JU25" s="231"/>
      <c r="JV25" s="61">
        <v>9</v>
      </c>
      <c r="JW25" s="61">
        <v>11</v>
      </c>
      <c r="JX25" s="61">
        <v>5</v>
      </c>
      <c r="JY25" s="61">
        <v>5</v>
      </c>
      <c r="JZ25" s="61">
        <v>5</v>
      </c>
      <c r="KA25" s="62">
        <v>35</v>
      </c>
      <c r="KB25" s="63">
        <v>45</v>
      </c>
      <c r="KC25" s="60">
        <v>182</v>
      </c>
      <c r="KD25" s="61">
        <v>307</v>
      </c>
      <c r="KE25" s="62">
        <v>489</v>
      </c>
      <c r="KF25" s="231"/>
      <c r="KG25" s="61">
        <v>518</v>
      </c>
      <c r="KH25" s="61">
        <v>441</v>
      </c>
      <c r="KI25" s="61">
        <v>313</v>
      </c>
      <c r="KJ25" s="61">
        <v>282</v>
      </c>
      <c r="KK25" s="61">
        <v>148</v>
      </c>
      <c r="KL25" s="62">
        <v>1702</v>
      </c>
      <c r="KM25" s="63">
        <v>2191</v>
      </c>
    </row>
    <row r="26" spans="2:299" ht="21" customHeight="1" x14ac:dyDescent="0.2">
      <c r="B26" s="472" t="s">
        <v>23</v>
      </c>
      <c r="C26" s="293">
        <v>193</v>
      </c>
      <c r="D26" s="72">
        <v>202</v>
      </c>
      <c r="E26" s="73">
        <v>395</v>
      </c>
      <c r="F26" s="228"/>
      <c r="G26" s="72">
        <v>313</v>
      </c>
      <c r="H26" s="72">
        <v>281</v>
      </c>
      <c r="I26" s="72">
        <v>172</v>
      </c>
      <c r="J26" s="72">
        <v>161</v>
      </c>
      <c r="K26" s="72">
        <v>95</v>
      </c>
      <c r="L26" s="74">
        <v>1022</v>
      </c>
      <c r="M26" s="75">
        <v>1417</v>
      </c>
      <c r="N26" s="60">
        <v>7</v>
      </c>
      <c r="O26" s="61">
        <v>8</v>
      </c>
      <c r="P26" s="62">
        <v>15</v>
      </c>
      <c r="Q26" s="231"/>
      <c r="R26" s="61">
        <v>10</v>
      </c>
      <c r="S26" s="61">
        <v>14</v>
      </c>
      <c r="T26" s="61">
        <v>4</v>
      </c>
      <c r="U26" s="61">
        <v>7</v>
      </c>
      <c r="V26" s="61">
        <v>5</v>
      </c>
      <c r="W26" s="62">
        <v>40</v>
      </c>
      <c r="X26" s="63">
        <v>55</v>
      </c>
      <c r="Y26" s="60">
        <v>25</v>
      </c>
      <c r="Z26" s="61">
        <v>21</v>
      </c>
      <c r="AA26" s="62">
        <v>46</v>
      </c>
      <c r="AB26" s="231"/>
      <c r="AC26" s="61">
        <v>31</v>
      </c>
      <c r="AD26" s="61">
        <v>31</v>
      </c>
      <c r="AE26" s="61">
        <v>18</v>
      </c>
      <c r="AF26" s="61">
        <v>14</v>
      </c>
      <c r="AG26" s="61">
        <v>12</v>
      </c>
      <c r="AH26" s="62">
        <v>106</v>
      </c>
      <c r="AI26" s="63">
        <v>152</v>
      </c>
      <c r="AJ26" s="60">
        <v>45</v>
      </c>
      <c r="AK26" s="61">
        <v>33</v>
      </c>
      <c r="AL26" s="62">
        <v>78</v>
      </c>
      <c r="AM26" s="231"/>
      <c r="AN26" s="61">
        <v>54</v>
      </c>
      <c r="AO26" s="61">
        <v>46</v>
      </c>
      <c r="AP26" s="61">
        <v>26</v>
      </c>
      <c r="AQ26" s="61">
        <v>28</v>
      </c>
      <c r="AR26" s="61">
        <v>25</v>
      </c>
      <c r="AS26" s="62">
        <v>179</v>
      </c>
      <c r="AT26" s="63">
        <v>257</v>
      </c>
      <c r="AU26" s="60">
        <v>43</v>
      </c>
      <c r="AV26" s="61">
        <v>74</v>
      </c>
      <c r="AW26" s="62">
        <v>117</v>
      </c>
      <c r="AX26" s="231"/>
      <c r="AY26" s="61">
        <v>99</v>
      </c>
      <c r="AZ26" s="61">
        <v>74</v>
      </c>
      <c r="BA26" s="61">
        <v>50</v>
      </c>
      <c r="BB26" s="61">
        <v>48</v>
      </c>
      <c r="BC26" s="61">
        <v>18</v>
      </c>
      <c r="BD26" s="62">
        <v>289</v>
      </c>
      <c r="BE26" s="63">
        <v>406</v>
      </c>
      <c r="BF26" s="60">
        <v>59</v>
      </c>
      <c r="BG26" s="61">
        <v>51</v>
      </c>
      <c r="BH26" s="62">
        <v>110</v>
      </c>
      <c r="BI26" s="231"/>
      <c r="BJ26" s="61">
        <v>85</v>
      </c>
      <c r="BK26" s="61">
        <v>71</v>
      </c>
      <c r="BL26" s="61">
        <v>49</v>
      </c>
      <c r="BM26" s="61">
        <v>43</v>
      </c>
      <c r="BN26" s="61">
        <v>25</v>
      </c>
      <c r="BO26" s="62">
        <v>273</v>
      </c>
      <c r="BP26" s="63">
        <v>383</v>
      </c>
      <c r="BQ26" s="60">
        <v>14</v>
      </c>
      <c r="BR26" s="61">
        <v>15</v>
      </c>
      <c r="BS26" s="62">
        <v>29</v>
      </c>
      <c r="BT26" s="231"/>
      <c r="BU26" s="61">
        <v>34</v>
      </c>
      <c r="BV26" s="61">
        <v>45</v>
      </c>
      <c r="BW26" s="61">
        <v>25</v>
      </c>
      <c r="BX26" s="61">
        <v>21</v>
      </c>
      <c r="BY26" s="61">
        <v>10</v>
      </c>
      <c r="BZ26" s="62">
        <v>135</v>
      </c>
      <c r="CA26" s="63">
        <v>164</v>
      </c>
      <c r="CB26" s="60">
        <v>4</v>
      </c>
      <c r="CC26" s="61">
        <v>9</v>
      </c>
      <c r="CD26" s="62">
        <v>13</v>
      </c>
      <c r="CE26" s="231"/>
      <c r="CF26" s="61">
        <v>6</v>
      </c>
      <c r="CG26" s="61">
        <v>12</v>
      </c>
      <c r="CH26" s="61">
        <v>9</v>
      </c>
      <c r="CI26" s="61">
        <v>7</v>
      </c>
      <c r="CJ26" s="61">
        <v>3</v>
      </c>
      <c r="CK26" s="62">
        <v>37</v>
      </c>
      <c r="CL26" s="63">
        <v>50</v>
      </c>
      <c r="CM26" s="60">
        <v>197</v>
      </c>
      <c r="CN26" s="61">
        <v>211</v>
      </c>
      <c r="CO26" s="62">
        <v>408</v>
      </c>
      <c r="CP26" s="231"/>
      <c r="CQ26" s="61">
        <v>319</v>
      </c>
      <c r="CR26" s="61">
        <v>293</v>
      </c>
      <c r="CS26" s="61">
        <v>181</v>
      </c>
      <c r="CT26" s="61">
        <v>168</v>
      </c>
      <c r="CU26" s="61">
        <v>98</v>
      </c>
      <c r="CV26" s="62">
        <v>1059</v>
      </c>
      <c r="CW26" s="63">
        <v>1467</v>
      </c>
      <c r="CX26" s="113">
        <v>319</v>
      </c>
      <c r="CY26" s="72">
        <v>421</v>
      </c>
      <c r="CZ26" s="73">
        <v>740</v>
      </c>
      <c r="DA26" s="228"/>
      <c r="DB26" s="72">
        <v>527</v>
      </c>
      <c r="DC26" s="72">
        <v>428</v>
      </c>
      <c r="DD26" s="72">
        <v>304</v>
      </c>
      <c r="DE26" s="72">
        <v>365</v>
      </c>
      <c r="DF26" s="72">
        <v>239</v>
      </c>
      <c r="DG26" s="74">
        <v>1863</v>
      </c>
      <c r="DH26" s="75">
        <v>2603</v>
      </c>
      <c r="DI26" s="60">
        <v>11</v>
      </c>
      <c r="DJ26" s="61">
        <v>12</v>
      </c>
      <c r="DK26" s="62">
        <v>23</v>
      </c>
      <c r="DL26" s="231"/>
      <c r="DM26" s="61">
        <v>12</v>
      </c>
      <c r="DN26" s="61">
        <v>6</v>
      </c>
      <c r="DO26" s="61">
        <v>7</v>
      </c>
      <c r="DP26" s="61">
        <v>10</v>
      </c>
      <c r="DQ26" s="61">
        <v>4</v>
      </c>
      <c r="DR26" s="62">
        <v>39</v>
      </c>
      <c r="DS26" s="63">
        <v>62</v>
      </c>
      <c r="DT26" s="60">
        <v>26</v>
      </c>
      <c r="DU26" s="61">
        <v>39</v>
      </c>
      <c r="DV26" s="62">
        <v>65</v>
      </c>
      <c r="DW26" s="231"/>
      <c r="DX26" s="61">
        <v>25</v>
      </c>
      <c r="DY26" s="61">
        <v>29</v>
      </c>
      <c r="DZ26" s="61">
        <v>16</v>
      </c>
      <c r="EA26" s="61">
        <v>20</v>
      </c>
      <c r="EB26" s="61">
        <v>12</v>
      </c>
      <c r="EC26" s="62">
        <v>102</v>
      </c>
      <c r="ED26" s="63">
        <v>167</v>
      </c>
      <c r="EE26" s="60">
        <v>69</v>
      </c>
      <c r="EF26" s="61">
        <v>80</v>
      </c>
      <c r="EG26" s="62">
        <v>149</v>
      </c>
      <c r="EH26" s="231"/>
      <c r="EI26" s="61">
        <v>75</v>
      </c>
      <c r="EJ26" s="61">
        <v>60</v>
      </c>
      <c r="EK26" s="61">
        <v>40</v>
      </c>
      <c r="EL26" s="61">
        <v>55</v>
      </c>
      <c r="EM26" s="61">
        <v>30</v>
      </c>
      <c r="EN26" s="62">
        <v>260</v>
      </c>
      <c r="EO26" s="63">
        <v>409</v>
      </c>
      <c r="EP26" s="60">
        <v>116</v>
      </c>
      <c r="EQ26" s="61">
        <v>120</v>
      </c>
      <c r="ER26" s="62">
        <v>236</v>
      </c>
      <c r="ES26" s="231"/>
      <c r="ET26" s="61">
        <v>150</v>
      </c>
      <c r="EU26" s="61">
        <v>107</v>
      </c>
      <c r="EV26" s="61">
        <v>72</v>
      </c>
      <c r="EW26" s="61">
        <v>65</v>
      </c>
      <c r="EX26" s="61">
        <v>54</v>
      </c>
      <c r="EY26" s="62">
        <v>448</v>
      </c>
      <c r="EZ26" s="63">
        <v>684</v>
      </c>
      <c r="FA26" s="60">
        <v>69</v>
      </c>
      <c r="FB26" s="61">
        <v>111</v>
      </c>
      <c r="FC26" s="62">
        <v>180</v>
      </c>
      <c r="FD26" s="231"/>
      <c r="FE26" s="61">
        <v>166</v>
      </c>
      <c r="FF26" s="61">
        <v>123</v>
      </c>
      <c r="FG26" s="61">
        <v>89</v>
      </c>
      <c r="FH26" s="61">
        <v>100</v>
      </c>
      <c r="FI26" s="61">
        <v>55</v>
      </c>
      <c r="FJ26" s="62">
        <v>533</v>
      </c>
      <c r="FK26" s="63">
        <v>713</v>
      </c>
      <c r="FL26" s="60">
        <v>28</v>
      </c>
      <c r="FM26" s="61">
        <v>59</v>
      </c>
      <c r="FN26" s="62">
        <v>87</v>
      </c>
      <c r="FO26" s="231"/>
      <c r="FP26" s="61">
        <v>99</v>
      </c>
      <c r="FQ26" s="61">
        <v>103</v>
      </c>
      <c r="FR26" s="61">
        <v>80</v>
      </c>
      <c r="FS26" s="61">
        <v>115</v>
      </c>
      <c r="FT26" s="61">
        <v>84</v>
      </c>
      <c r="FU26" s="62">
        <v>481</v>
      </c>
      <c r="FV26" s="63">
        <v>568</v>
      </c>
      <c r="FW26" s="60">
        <v>5</v>
      </c>
      <c r="FX26" s="61">
        <v>7</v>
      </c>
      <c r="FY26" s="62">
        <v>12</v>
      </c>
      <c r="FZ26" s="231"/>
      <c r="GA26" s="61">
        <v>5</v>
      </c>
      <c r="GB26" s="61">
        <v>10</v>
      </c>
      <c r="GC26" s="61">
        <v>5</v>
      </c>
      <c r="GD26" s="61">
        <v>3</v>
      </c>
      <c r="GE26" s="61">
        <v>6</v>
      </c>
      <c r="GF26" s="62">
        <v>29</v>
      </c>
      <c r="GG26" s="63">
        <v>41</v>
      </c>
      <c r="GH26" s="60">
        <v>324</v>
      </c>
      <c r="GI26" s="61">
        <v>428</v>
      </c>
      <c r="GJ26" s="62">
        <v>752</v>
      </c>
      <c r="GK26" s="231"/>
      <c r="GL26" s="61">
        <v>532</v>
      </c>
      <c r="GM26" s="61">
        <v>438</v>
      </c>
      <c r="GN26" s="61">
        <v>309</v>
      </c>
      <c r="GO26" s="61">
        <v>368</v>
      </c>
      <c r="GP26" s="61">
        <v>245</v>
      </c>
      <c r="GQ26" s="62">
        <v>1892</v>
      </c>
      <c r="GR26" s="63">
        <v>2644</v>
      </c>
      <c r="GS26" s="113">
        <v>512</v>
      </c>
      <c r="GT26" s="72">
        <v>623</v>
      </c>
      <c r="GU26" s="73">
        <v>1135</v>
      </c>
      <c r="GV26" s="228"/>
      <c r="GW26" s="72">
        <v>840</v>
      </c>
      <c r="GX26" s="72">
        <v>709</v>
      </c>
      <c r="GY26" s="72">
        <v>476</v>
      </c>
      <c r="GZ26" s="72">
        <v>526</v>
      </c>
      <c r="HA26" s="72">
        <v>334</v>
      </c>
      <c r="HB26" s="74">
        <v>2885</v>
      </c>
      <c r="HC26" s="75">
        <v>4020</v>
      </c>
      <c r="HD26" s="60">
        <v>18</v>
      </c>
      <c r="HE26" s="61">
        <v>20</v>
      </c>
      <c r="HF26" s="62">
        <v>38</v>
      </c>
      <c r="HG26" s="231"/>
      <c r="HH26" s="61">
        <v>22</v>
      </c>
      <c r="HI26" s="61">
        <v>20</v>
      </c>
      <c r="HJ26" s="61">
        <v>11</v>
      </c>
      <c r="HK26" s="61">
        <v>17</v>
      </c>
      <c r="HL26" s="61">
        <v>9</v>
      </c>
      <c r="HM26" s="62">
        <v>79</v>
      </c>
      <c r="HN26" s="63">
        <v>117</v>
      </c>
      <c r="HO26" s="60">
        <v>51</v>
      </c>
      <c r="HP26" s="61">
        <v>60</v>
      </c>
      <c r="HQ26" s="62">
        <v>111</v>
      </c>
      <c r="HR26" s="231"/>
      <c r="HS26" s="61">
        <v>56</v>
      </c>
      <c r="HT26" s="61">
        <v>60</v>
      </c>
      <c r="HU26" s="61">
        <v>34</v>
      </c>
      <c r="HV26" s="61">
        <v>34</v>
      </c>
      <c r="HW26" s="61">
        <v>24</v>
      </c>
      <c r="HX26" s="62">
        <v>208</v>
      </c>
      <c r="HY26" s="63">
        <v>319</v>
      </c>
      <c r="HZ26" s="60">
        <v>114</v>
      </c>
      <c r="IA26" s="61">
        <v>113</v>
      </c>
      <c r="IB26" s="62">
        <v>227</v>
      </c>
      <c r="IC26" s="231"/>
      <c r="ID26" s="61">
        <v>129</v>
      </c>
      <c r="IE26" s="61">
        <v>106</v>
      </c>
      <c r="IF26" s="61">
        <v>66</v>
      </c>
      <c r="IG26" s="61">
        <v>83</v>
      </c>
      <c r="IH26" s="61">
        <v>55</v>
      </c>
      <c r="II26" s="62">
        <v>439</v>
      </c>
      <c r="IJ26" s="63">
        <v>666</v>
      </c>
      <c r="IK26" s="60">
        <v>159</v>
      </c>
      <c r="IL26" s="61">
        <v>194</v>
      </c>
      <c r="IM26" s="62">
        <v>353</v>
      </c>
      <c r="IN26" s="231"/>
      <c r="IO26" s="61">
        <v>249</v>
      </c>
      <c r="IP26" s="61">
        <v>181</v>
      </c>
      <c r="IQ26" s="61">
        <v>122</v>
      </c>
      <c r="IR26" s="61">
        <v>113</v>
      </c>
      <c r="IS26" s="61">
        <v>72</v>
      </c>
      <c r="IT26" s="62">
        <v>737</v>
      </c>
      <c r="IU26" s="63">
        <v>1090</v>
      </c>
      <c r="IV26" s="60">
        <v>128</v>
      </c>
      <c r="IW26" s="61">
        <v>162</v>
      </c>
      <c r="IX26" s="62">
        <v>290</v>
      </c>
      <c r="IY26" s="231"/>
      <c r="IZ26" s="61">
        <v>251</v>
      </c>
      <c r="JA26" s="61">
        <v>194</v>
      </c>
      <c r="JB26" s="61">
        <v>138</v>
      </c>
      <c r="JC26" s="61">
        <v>143</v>
      </c>
      <c r="JD26" s="61">
        <v>80</v>
      </c>
      <c r="JE26" s="62">
        <v>806</v>
      </c>
      <c r="JF26" s="63">
        <v>1096</v>
      </c>
      <c r="JG26" s="60">
        <v>42</v>
      </c>
      <c r="JH26" s="61">
        <v>74</v>
      </c>
      <c r="JI26" s="62">
        <v>116</v>
      </c>
      <c r="JJ26" s="231"/>
      <c r="JK26" s="61">
        <v>133</v>
      </c>
      <c r="JL26" s="61">
        <v>148</v>
      </c>
      <c r="JM26" s="61">
        <v>105</v>
      </c>
      <c r="JN26" s="61">
        <v>136</v>
      </c>
      <c r="JO26" s="61">
        <v>94</v>
      </c>
      <c r="JP26" s="62">
        <v>616</v>
      </c>
      <c r="JQ26" s="63">
        <v>732</v>
      </c>
      <c r="JR26" s="60">
        <v>9</v>
      </c>
      <c r="JS26" s="61">
        <v>16</v>
      </c>
      <c r="JT26" s="62">
        <v>25</v>
      </c>
      <c r="JU26" s="231"/>
      <c r="JV26" s="61">
        <v>11</v>
      </c>
      <c r="JW26" s="61">
        <v>22</v>
      </c>
      <c r="JX26" s="61">
        <v>14</v>
      </c>
      <c r="JY26" s="61">
        <v>10</v>
      </c>
      <c r="JZ26" s="61">
        <v>9</v>
      </c>
      <c r="KA26" s="62">
        <v>66</v>
      </c>
      <c r="KB26" s="63">
        <v>91</v>
      </c>
      <c r="KC26" s="60">
        <v>521</v>
      </c>
      <c r="KD26" s="61">
        <v>639</v>
      </c>
      <c r="KE26" s="62">
        <v>1160</v>
      </c>
      <c r="KF26" s="231"/>
      <c r="KG26" s="61">
        <v>851</v>
      </c>
      <c r="KH26" s="61">
        <v>731</v>
      </c>
      <c r="KI26" s="61">
        <v>490</v>
      </c>
      <c r="KJ26" s="61">
        <v>536</v>
      </c>
      <c r="KK26" s="61">
        <v>343</v>
      </c>
      <c r="KL26" s="62">
        <v>2951</v>
      </c>
      <c r="KM26" s="63">
        <v>4111</v>
      </c>
    </row>
    <row r="27" spans="2:299" ht="21" customHeight="1" x14ac:dyDescent="0.2">
      <c r="B27" s="472" t="s">
        <v>24</v>
      </c>
      <c r="C27" s="293">
        <v>117</v>
      </c>
      <c r="D27" s="72">
        <v>80</v>
      </c>
      <c r="E27" s="73">
        <v>197</v>
      </c>
      <c r="F27" s="228"/>
      <c r="G27" s="72">
        <v>158</v>
      </c>
      <c r="H27" s="72">
        <v>102</v>
      </c>
      <c r="I27" s="72">
        <v>63</v>
      </c>
      <c r="J27" s="72">
        <v>66</v>
      </c>
      <c r="K27" s="72">
        <v>47</v>
      </c>
      <c r="L27" s="74">
        <v>436</v>
      </c>
      <c r="M27" s="75">
        <v>633</v>
      </c>
      <c r="N27" s="60">
        <v>4</v>
      </c>
      <c r="O27" s="61">
        <v>3</v>
      </c>
      <c r="P27" s="62">
        <v>7</v>
      </c>
      <c r="Q27" s="231"/>
      <c r="R27" s="61">
        <v>6</v>
      </c>
      <c r="S27" s="61">
        <v>3</v>
      </c>
      <c r="T27" s="61">
        <v>1</v>
      </c>
      <c r="U27" s="61">
        <v>0</v>
      </c>
      <c r="V27" s="61">
        <v>5</v>
      </c>
      <c r="W27" s="62">
        <v>15</v>
      </c>
      <c r="X27" s="63">
        <v>22</v>
      </c>
      <c r="Y27" s="60">
        <v>7</v>
      </c>
      <c r="Z27" s="61">
        <v>6</v>
      </c>
      <c r="AA27" s="62">
        <v>13</v>
      </c>
      <c r="AB27" s="231"/>
      <c r="AC27" s="61">
        <v>12</v>
      </c>
      <c r="AD27" s="61">
        <v>10</v>
      </c>
      <c r="AE27" s="61">
        <v>4</v>
      </c>
      <c r="AF27" s="61">
        <v>6</v>
      </c>
      <c r="AG27" s="61">
        <v>8</v>
      </c>
      <c r="AH27" s="62">
        <v>40</v>
      </c>
      <c r="AI27" s="63">
        <v>53</v>
      </c>
      <c r="AJ27" s="60">
        <v>12</v>
      </c>
      <c r="AK27" s="61">
        <v>11</v>
      </c>
      <c r="AL27" s="62">
        <v>23</v>
      </c>
      <c r="AM27" s="231"/>
      <c r="AN27" s="61">
        <v>23</v>
      </c>
      <c r="AO27" s="61">
        <v>19</v>
      </c>
      <c r="AP27" s="61">
        <v>11</v>
      </c>
      <c r="AQ27" s="61">
        <v>10</v>
      </c>
      <c r="AR27" s="61">
        <v>4</v>
      </c>
      <c r="AS27" s="62">
        <v>67</v>
      </c>
      <c r="AT27" s="63">
        <v>90</v>
      </c>
      <c r="AU27" s="60">
        <v>25</v>
      </c>
      <c r="AV27" s="61">
        <v>19</v>
      </c>
      <c r="AW27" s="62">
        <v>44</v>
      </c>
      <c r="AX27" s="231"/>
      <c r="AY27" s="61">
        <v>37</v>
      </c>
      <c r="AZ27" s="61">
        <v>17</v>
      </c>
      <c r="BA27" s="61">
        <v>17</v>
      </c>
      <c r="BB27" s="61">
        <v>16</v>
      </c>
      <c r="BC27" s="61">
        <v>14</v>
      </c>
      <c r="BD27" s="62">
        <v>101</v>
      </c>
      <c r="BE27" s="63">
        <v>145</v>
      </c>
      <c r="BF27" s="60">
        <v>36</v>
      </c>
      <c r="BG27" s="61">
        <v>24</v>
      </c>
      <c r="BH27" s="62">
        <v>60</v>
      </c>
      <c r="BI27" s="231"/>
      <c r="BJ27" s="61">
        <v>44</v>
      </c>
      <c r="BK27" s="61">
        <v>28</v>
      </c>
      <c r="BL27" s="61">
        <v>13</v>
      </c>
      <c r="BM27" s="61">
        <v>23</v>
      </c>
      <c r="BN27" s="61">
        <v>8</v>
      </c>
      <c r="BO27" s="62">
        <v>116</v>
      </c>
      <c r="BP27" s="63">
        <v>176</v>
      </c>
      <c r="BQ27" s="60">
        <v>33</v>
      </c>
      <c r="BR27" s="61">
        <v>17</v>
      </c>
      <c r="BS27" s="62">
        <v>50</v>
      </c>
      <c r="BT27" s="231"/>
      <c r="BU27" s="61">
        <v>36</v>
      </c>
      <c r="BV27" s="61">
        <v>25</v>
      </c>
      <c r="BW27" s="61">
        <v>17</v>
      </c>
      <c r="BX27" s="61">
        <v>11</v>
      </c>
      <c r="BY27" s="61">
        <v>8</v>
      </c>
      <c r="BZ27" s="62">
        <v>97</v>
      </c>
      <c r="CA27" s="63">
        <v>147</v>
      </c>
      <c r="CB27" s="60">
        <v>3</v>
      </c>
      <c r="CC27" s="61">
        <v>2</v>
      </c>
      <c r="CD27" s="62">
        <v>5</v>
      </c>
      <c r="CE27" s="231"/>
      <c r="CF27" s="61">
        <v>4</v>
      </c>
      <c r="CG27" s="61">
        <v>6</v>
      </c>
      <c r="CH27" s="61">
        <v>2</v>
      </c>
      <c r="CI27" s="61">
        <v>3</v>
      </c>
      <c r="CJ27" s="61">
        <v>1</v>
      </c>
      <c r="CK27" s="62">
        <v>16</v>
      </c>
      <c r="CL27" s="63">
        <v>21</v>
      </c>
      <c r="CM27" s="60">
        <v>120</v>
      </c>
      <c r="CN27" s="61">
        <v>82</v>
      </c>
      <c r="CO27" s="62">
        <v>202</v>
      </c>
      <c r="CP27" s="231"/>
      <c r="CQ27" s="61">
        <v>162</v>
      </c>
      <c r="CR27" s="61">
        <v>108</v>
      </c>
      <c r="CS27" s="61">
        <v>65</v>
      </c>
      <c r="CT27" s="61">
        <v>69</v>
      </c>
      <c r="CU27" s="61">
        <v>48</v>
      </c>
      <c r="CV27" s="62">
        <v>452</v>
      </c>
      <c r="CW27" s="63">
        <v>654</v>
      </c>
      <c r="CX27" s="113">
        <v>222</v>
      </c>
      <c r="CY27" s="72">
        <v>168</v>
      </c>
      <c r="CZ27" s="73">
        <v>390</v>
      </c>
      <c r="DA27" s="228"/>
      <c r="DB27" s="72">
        <v>269</v>
      </c>
      <c r="DC27" s="72">
        <v>182</v>
      </c>
      <c r="DD27" s="72">
        <v>156</v>
      </c>
      <c r="DE27" s="72">
        <v>183</v>
      </c>
      <c r="DF27" s="72">
        <v>116</v>
      </c>
      <c r="DG27" s="74">
        <v>906</v>
      </c>
      <c r="DH27" s="75">
        <v>1296</v>
      </c>
      <c r="DI27" s="60">
        <v>3</v>
      </c>
      <c r="DJ27" s="61">
        <v>3</v>
      </c>
      <c r="DK27" s="62">
        <v>6</v>
      </c>
      <c r="DL27" s="231"/>
      <c r="DM27" s="61">
        <v>3</v>
      </c>
      <c r="DN27" s="61">
        <v>1</v>
      </c>
      <c r="DO27" s="61">
        <v>2</v>
      </c>
      <c r="DP27" s="61">
        <v>2</v>
      </c>
      <c r="DQ27" s="61">
        <v>3</v>
      </c>
      <c r="DR27" s="62">
        <v>11</v>
      </c>
      <c r="DS27" s="63">
        <v>17</v>
      </c>
      <c r="DT27" s="60">
        <v>12</v>
      </c>
      <c r="DU27" s="61">
        <v>5</v>
      </c>
      <c r="DV27" s="62">
        <v>17</v>
      </c>
      <c r="DW27" s="231"/>
      <c r="DX27" s="61">
        <v>9</v>
      </c>
      <c r="DY27" s="61">
        <v>6</v>
      </c>
      <c r="DZ27" s="61">
        <v>4</v>
      </c>
      <c r="EA27" s="61">
        <v>7</v>
      </c>
      <c r="EB27" s="61">
        <v>2</v>
      </c>
      <c r="EC27" s="62">
        <v>28</v>
      </c>
      <c r="ED27" s="63">
        <v>45</v>
      </c>
      <c r="EE27" s="60">
        <v>29</v>
      </c>
      <c r="EF27" s="61">
        <v>26</v>
      </c>
      <c r="EG27" s="62">
        <v>55</v>
      </c>
      <c r="EH27" s="231"/>
      <c r="EI27" s="61">
        <v>21</v>
      </c>
      <c r="EJ27" s="61">
        <v>19</v>
      </c>
      <c r="EK27" s="61">
        <v>14</v>
      </c>
      <c r="EL27" s="61">
        <v>12</v>
      </c>
      <c r="EM27" s="61">
        <v>8</v>
      </c>
      <c r="EN27" s="62">
        <v>74</v>
      </c>
      <c r="EO27" s="63">
        <v>129</v>
      </c>
      <c r="EP27" s="60">
        <v>59</v>
      </c>
      <c r="EQ27" s="61">
        <v>39</v>
      </c>
      <c r="ER27" s="62">
        <v>98</v>
      </c>
      <c r="ES27" s="231"/>
      <c r="ET27" s="61">
        <v>69</v>
      </c>
      <c r="EU27" s="61">
        <v>35</v>
      </c>
      <c r="EV27" s="61">
        <v>22</v>
      </c>
      <c r="EW27" s="61">
        <v>30</v>
      </c>
      <c r="EX27" s="61">
        <v>16</v>
      </c>
      <c r="EY27" s="62">
        <v>172</v>
      </c>
      <c r="EZ27" s="63">
        <v>270</v>
      </c>
      <c r="FA27" s="60">
        <v>73</v>
      </c>
      <c r="FB27" s="61">
        <v>54</v>
      </c>
      <c r="FC27" s="62">
        <v>127</v>
      </c>
      <c r="FD27" s="231"/>
      <c r="FE27" s="61">
        <v>86</v>
      </c>
      <c r="FF27" s="61">
        <v>53</v>
      </c>
      <c r="FG27" s="61">
        <v>37</v>
      </c>
      <c r="FH27" s="61">
        <v>41</v>
      </c>
      <c r="FI27" s="61">
        <v>24</v>
      </c>
      <c r="FJ27" s="62">
        <v>241</v>
      </c>
      <c r="FK27" s="63">
        <v>368</v>
      </c>
      <c r="FL27" s="60">
        <v>46</v>
      </c>
      <c r="FM27" s="61">
        <v>41</v>
      </c>
      <c r="FN27" s="62">
        <v>87</v>
      </c>
      <c r="FO27" s="231"/>
      <c r="FP27" s="61">
        <v>81</v>
      </c>
      <c r="FQ27" s="61">
        <v>68</v>
      </c>
      <c r="FR27" s="61">
        <v>77</v>
      </c>
      <c r="FS27" s="61">
        <v>91</v>
      </c>
      <c r="FT27" s="61">
        <v>63</v>
      </c>
      <c r="FU27" s="62">
        <v>380</v>
      </c>
      <c r="FV27" s="63">
        <v>467</v>
      </c>
      <c r="FW27" s="60">
        <v>2</v>
      </c>
      <c r="FX27" s="61">
        <v>2</v>
      </c>
      <c r="FY27" s="62">
        <v>4</v>
      </c>
      <c r="FZ27" s="231"/>
      <c r="GA27" s="61">
        <v>0</v>
      </c>
      <c r="GB27" s="61">
        <v>3</v>
      </c>
      <c r="GC27" s="61">
        <v>2</v>
      </c>
      <c r="GD27" s="61">
        <v>1</v>
      </c>
      <c r="GE27" s="61">
        <v>4</v>
      </c>
      <c r="GF27" s="62">
        <v>10</v>
      </c>
      <c r="GG27" s="63">
        <v>14</v>
      </c>
      <c r="GH27" s="60">
        <v>224</v>
      </c>
      <c r="GI27" s="61">
        <v>170</v>
      </c>
      <c r="GJ27" s="62">
        <v>394</v>
      </c>
      <c r="GK27" s="231"/>
      <c r="GL27" s="61">
        <v>269</v>
      </c>
      <c r="GM27" s="61">
        <v>185</v>
      </c>
      <c r="GN27" s="61">
        <v>158</v>
      </c>
      <c r="GO27" s="61">
        <v>184</v>
      </c>
      <c r="GP27" s="61">
        <v>120</v>
      </c>
      <c r="GQ27" s="62">
        <v>916</v>
      </c>
      <c r="GR27" s="63">
        <v>1310</v>
      </c>
      <c r="GS27" s="113">
        <v>339</v>
      </c>
      <c r="GT27" s="72">
        <v>248</v>
      </c>
      <c r="GU27" s="73">
        <v>587</v>
      </c>
      <c r="GV27" s="228"/>
      <c r="GW27" s="72">
        <v>427</v>
      </c>
      <c r="GX27" s="72">
        <v>284</v>
      </c>
      <c r="GY27" s="72">
        <v>219</v>
      </c>
      <c r="GZ27" s="72">
        <v>249</v>
      </c>
      <c r="HA27" s="72">
        <v>163</v>
      </c>
      <c r="HB27" s="74">
        <v>1342</v>
      </c>
      <c r="HC27" s="75">
        <v>1929</v>
      </c>
      <c r="HD27" s="60">
        <v>7</v>
      </c>
      <c r="HE27" s="61">
        <v>6</v>
      </c>
      <c r="HF27" s="62">
        <v>13</v>
      </c>
      <c r="HG27" s="231"/>
      <c r="HH27" s="61">
        <v>9</v>
      </c>
      <c r="HI27" s="61">
        <v>4</v>
      </c>
      <c r="HJ27" s="61">
        <v>3</v>
      </c>
      <c r="HK27" s="61">
        <v>2</v>
      </c>
      <c r="HL27" s="61">
        <v>8</v>
      </c>
      <c r="HM27" s="62">
        <v>26</v>
      </c>
      <c r="HN27" s="63">
        <v>39</v>
      </c>
      <c r="HO27" s="60">
        <v>19</v>
      </c>
      <c r="HP27" s="61">
        <v>11</v>
      </c>
      <c r="HQ27" s="62">
        <v>30</v>
      </c>
      <c r="HR27" s="231"/>
      <c r="HS27" s="61">
        <v>21</v>
      </c>
      <c r="HT27" s="61">
        <v>16</v>
      </c>
      <c r="HU27" s="61">
        <v>8</v>
      </c>
      <c r="HV27" s="61">
        <v>13</v>
      </c>
      <c r="HW27" s="61">
        <v>10</v>
      </c>
      <c r="HX27" s="62">
        <v>68</v>
      </c>
      <c r="HY27" s="63">
        <v>98</v>
      </c>
      <c r="HZ27" s="60">
        <v>41</v>
      </c>
      <c r="IA27" s="61">
        <v>37</v>
      </c>
      <c r="IB27" s="62">
        <v>78</v>
      </c>
      <c r="IC27" s="231"/>
      <c r="ID27" s="61">
        <v>44</v>
      </c>
      <c r="IE27" s="61">
        <v>38</v>
      </c>
      <c r="IF27" s="61">
        <v>25</v>
      </c>
      <c r="IG27" s="61">
        <v>22</v>
      </c>
      <c r="IH27" s="61">
        <v>12</v>
      </c>
      <c r="II27" s="62">
        <v>141</v>
      </c>
      <c r="IJ27" s="63">
        <v>219</v>
      </c>
      <c r="IK27" s="60">
        <v>84</v>
      </c>
      <c r="IL27" s="61">
        <v>58</v>
      </c>
      <c r="IM27" s="62">
        <v>142</v>
      </c>
      <c r="IN27" s="231"/>
      <c r="IO27" s="61">
        <v>106</v>
      </c>
      <c r="IP27" s="61">
        <v>52</v>
      </c>
      <c r="IQ27" s="61">
        <v>39</v>
      </c>
      <c r="IR27" s="61">
        <v>46</v>
      </c>
      <c r="IS27" s="61">
        <v>30</v>
      </c>
      <c r="IT27" s="62">
        <v>273</v>
      </c>
      <c r="IU27" s="63">
        <v>415</v>
      </c>
      <c r="IV27" s="60">
        <v>109</v>
      </c>
      <c r="IW27" s="61">
        <v>78</v>
      </c>
      <c r="IX27" s="62">
        <v>187</v>
      </c>
      <c r="IY27" s="231"/>
      <c r="IZ27" s="61">
        <v>130</v>
      </c>
      <c r="JA27" s="61">
        <v>81</v>
      </c>
      <c r="JB27" s="61">
        <v>50</v>
      </c>
      <c r="JC27" s="61">
        <v>64</v>
      </c>
      <c r="JD27" s="61">
        <v>32</v>
      </c>
      <c r="JE27" s="62">
        <v>357</v>
      </c>
      <c r="JF27" s="63">
        <v>544</v>
      </c>
      <c r="JG27" s="60">
        <v>79</v>
      </c>
      <c r="JH27" s="61">
        <v>58</v>
      </c>
      <c r="JI27" s="62">
        <v>137</v>
      </c>
      <c r="JJ27" s="231"/>
      <c r="JK27" s="61">
        <v>117</v>
      </c>
      <c r="JL27" s="61">
        <v>93</v>
      </c>
      <c r="JM27" s="61">
        <v>94</v>
      </c>
      <c r="JN27" s="61">
        <v>102</v>
      </c>
      <c r="JO27" s="61">
        <v>71</v>
      </c>
      <c r="JP27" s="62">
        <v>477</v>
      </c>
      <c r="JQ27" s="63">
        <v>614</v>
      </c>
      <c r="JR27" s="60">
        <v>5</v>
      </c>
      <c r="JS27" s="61">
        <v>4</v>
      </c>
      <c r="JT27" s="62">
        <v>9</v>
      </c>
      <c r="JU27" s="231"/>
      <c r="JV27" s="61">
        <v>4</v>
      </c>
      <c r="JW27" s="61">
        <v>9</v>
      </c>
      <c r="JX27" s="61">
        <v>4</v>
      </c>
      <c r="JY27" s="61">
        <v>4</v>
      </c>
      <c r="JZ27" s="61">
        <v>5</v>
      </c>
      <c r="KA27" s="62">
        <v>26</v>
      </c>
      <c r="KB27" s="63">
        <v>35</v>
      </c>
      <c r="KC27" s="60">
        <v>344</v>
      </c>
      <c r="KD27" s="61">
        <v>252</v>
      </c>
      <c r="KE27" s="62">
        <v>596</v>
      </c>
      <c r="KF27" s="231"/>
      <c r="KG27" s="61">
        <v>431</v>
      </c>
      <c r="KH27" s="61">
        <v>293</v>
      </c>
      <c r="KI27" s="61">
        <v>223</v>
      </c>
      <c r="KJ27" s="61">
        <v>253</v>
      </c>
      <c r="KK27" s="61">
        <v>168</v>
      </c>
      <c r="KL27" s="62">
        <v>1368</v>
      </c>
      <c r="KM27" s="63">
        <v>1964</v>
      </c>
    </row>
    <row r="28" spans="2:299" ht="21" customHeight="1" x14ac:dyDescent="0.2">
      <c r="B28" s="472" t="s">
        <v>25</v>
      </c>
      <c r="C28" s="293">
        <v>118</v>
      </c>
      <c r="D28" s="72">
        <v>105</v>
      </c>
      <c r="E28" s="73">
        <v>223</v>
      </c>
      <c r="F28" s="228"/>
      <c r="G28" s="72">
        <v>205</v>
      </c>
      <c r="H28" s="72">
        <v>142</v>
      </c>
      <c r="I28" s="72">
        <v>93</v>
      </c>
      <c r="J28" s="72">
        <v>117</v>
      </c>
      <c r="K28" s="72">
        <v>60</v>
      </c>
      <c r="L28" s="74">
        <v>617</v>
      </c>
      <c r="M28" s="75">
        <v>840</v>
      </c>
      <c r="N28" s="60">
        <v>5</v>
      </c>
      <c r="O28" s="61">
        <v>5</v>
      </c>
      <c r="P28" s="62">
        <v>10</v>
      </c>
      <c r="Q28" s="231"/>
      <c r="R28" s="61">
        <v>6</v>
      </c>
      <c r="S28" s="61">
        <v>8</v>
      </c>
      <c r="T28" s="61">
        <v>5</v>
      </c>
      <c r="U28" s="61">
        <v>3</v>
      </c>
      <c r="V28" s="61">
        <v>2</v>
      </c>
      <c r="W28" s="62">
        <v>24</v>
      </c>
      <c r="X28" s="63">
        <v>34</v>
      </c>
      <c r="Y28" s="60">
        <v>14</v>
      </c>
      <c r="Z28" s="61">
        <v>10</v>
      </c>
      <c r="AA28" s="62">
        <v>24</v>
      </c>
      <c r="AB28" s="231"/>
      <c r="AC28" s="61">
        <v>21</v>
      </c>
      <c r="AD28" s="61">
        <v>17</v>
      </c>
      <c r="AE28" s="61">
        <v>9</v>
      </c>
      <c r="AF28" s="61">
        <v>17</v>
      </c>
      <c r="AG28" s="61">
        <v>2</v>
      </c>
      <c r="AH28" s="62">
        <v>66</v>
      </c>
      <c r="AI28" s="63">
        <v>90</v>
      </c>
      <c r="AJ28" s="60">
        <v>21</v>
      </c>
      <c r="AK28" s="61">
        <v>21</v>
      </c>
      <c r="AL28" s="62">
        <v>42</v>
      </c>
      <c r="AM28" s="231"/>
      <c r="AN28" s="61">
        <v>37</v>
      </c>
      <c r="AO28" s="61">
        <v>28</v>
      </c>
      <c r="AP28" s="61">
        <v>13</v>
      </c>
      <c r="AQ28" s="61">
        <v>22</v>
      </c>
      <c r="AR28" s="61">
        <v>8</v>
      </c>
      <c r="AS28" s="62">
        <v>108</v>
      </c>
      <c r="AT28" s="63">
        <v>150</v>
      </c>
      <c r="AU28" s="60">
        <v>39</v>
      </c>
      <c r="AV28" s="61">
        <v>35</v>
      </c>
      <c r="AW28" s="62">
        <v>74</v>
      </c>
      <c r="AX28" s="231"/>
      <c r="AY28" s="61">
        <v>63</v>
      </c>
      <c r="AZ28" s="61">
        <v>35</v>
      </c>
      <c r="BA28" s="61">
        <v>27</v>
      </c>
      <c r="BB28" s="61">
        <v>35</v>
      </c>
      <c r="BC28" s="61">
        <v>21</v>
      </c>
      <c r="BD28" s="62">
        <v>181</v>
      </c>
      <c r="BE28" s="63">
        <v>255</v>
      </c>
      <c r="BF28" s="60">
        <v>28</v>
      </c>
      <c r="BG28" s="61">
        <v>25</v>
      </c>
      <c r="BH28" s="62">
        <v>53</v>
      </c>
      <c r="BI28" s="231"/>
      <c r="BJ28" s="61">
        <v>49</v>
      </c>
      <c r="BK28" s="61">
        <v>35</v>
      </c>
      <c r="BL28" s="61">
        <v>29</v>
      </c>
      <c r="BM28" s="61">
        <v>24</v>
      </c>
      <c r="BN28" s="61">
        <v>15</v>
      </c>
      <c r="BO28" s="62">
        <v>152</v>
      </c>
      <c r="BP28" s="63">
        <v>205</v>
      </c>
      <c r="BQ28" s="60">
        <v>11</v>
      </c>
      <c r="BR28" s="61">
        <v>9</v>
      </c>
      <c r="BS28" s="62">
        <v>20</v>
      </c>
      <c r="BT28" s="231"/>
      <c r="BU28" s="61">
        <v>29</v>
      </c>
      <c r="BV28" s="61">
        <v>19</v>
      </c>
      <c r="BW28" s="61">
        <v>10</v>
      </c>
      <c r="BX28" s="61">
        <v>16</v>
      </c>
      <c r="BY28" s="61">
        <v>12</v>
      </c>
      <c r="BZ28" s="62">
        <v>86</v>
      </c>
      <c r="CA28" s="63">
        <v>106</v>
      </c>
      <c r="CB28" s="60">
        <v>1</v>
      </c>
      <c r="CC28" s="61">
        <v>2</v>
      </c>
      <c r="CD28" s="62">
        <v>3</v>
      </c>
      <c r="CE28" s="231"/>
      <c r="CF28" s="61">
        <v>4</v>
      </c>
      <c r="CG28" s="61">
        <v>11</v>
      </c>
      <c r="CH28" s="61">
        <v>1</v>
      </c>
      <c r="CI28" s="61">
        <v>4</v>
      </c>
      <c r="CJ28" s="61">
        <v>4</v>
      </c>
      <c r="CK28" s="62">
        <v>24</v>
      </c>
      <c r="CL28" s="63">
        <v>27</v>
      </c>
      <c r="CM28" s="60">
        <v>119</v>
      </c>
      <c r="CN28" s="61">
        <v>107</v>
      </c>
      <c r="CO28" s="62">
        <v>226</v>
      </c>
      <c r="CP28" s="231"/>
      <c r="CQ28" s="61">
        <v>209</v>
      </c>
      <c r="CR28" s="61">
        <v>153</v>
      </c>
      <c r="CS28" s="61">
        <v>94</v>
      </c>
      <c r="CT28" s="61">
        <v>121</v>
      </c>
      <c r="CU28" s="61">
        <v>64</v>
      </c>
      <c r="CV28" s="62">
        <v>641</v>
      </c>
      <c r="CW28" s="63">
        <v>867</v>
      </c>
      <c r="CX28" s="113">
        <v>208</v>
      </c>
      <c r="CY28" s="72">
        <v>225</v>
      </c>
      <c r="CZ28" s="73">
        <v>433</v>
      </c>
      <c r="DA28" s="228"/>
      <c r="DB28" s="72">
        <v>318</v>
      </c>
      <c r="DC28" s="72">
        <v>217</v>
      </c>
      <c r="DD28" s="72">
        <v>184</v>
      </c>
      <c r="DE28" s="72">
        <v>173</v>
      </c>
      <c r="DF28" s="72">
        <v>103</v>
      </c>
      <c r="DG28" s="74">
        <v>995</v>
      </c>
      <c r="DH28" s="75">
        <v>1428</v>
      </c>
      <c r="DI28" s="60">
        <v>3</v>
      </c>
      <c r="DJ28" s="61">
        <v>4</v>
      </c>
      <c r="DK28" s="62">
        <v>7</v>
      </c>
      <c r="DL28" s="231"/>
      <c r="DM28" s="61">
        <v>7</v>
      </c>
      <c r="DN28" s="61">
        <v>7</v>
      </c>
      <c r="DO28" s="61">
        <v>5</v>
      </c>
      <c r="DP28" s="61">
        <v>1</v>
      </c>
      <c r="DQ28" s="61">
        <v>2</v>
      </c>
      <c r="DR28" s="62">
        <v>22</v>
      </c>
      <c r="DS28" s="63">
        <v>29</v>
      </c>
      <c r="DT28" s="60">
        <v>20</v>
      </c>
      <c r="DU28" s="61">
        <v>18</v>
      </c>
      <c r="DV28" s="62">
        <v>38</v>
      </c>
      <c r="DW28" s="231"/>
      <c r="DX28" s="61">
        <v>24</v>
      </c>
      <c r="DY28" s="61">
        <v>18</v>
      </c>
      <c r="DZ28" s="61">
        <v>12</v>
      </c>
      <c r="EA28" s="61">
        <v>7</v>
      </c>
      <c r="EB28" s="61">
        <v>11</v>
      </c>
      <c r="EC28" s="62">
        <v>72</v>
      </c>
      <c r="ED28" s="63">
        <v>110</v>
      </c>
      <c r="EE28" s="60">
        <v>34</v>
      </c>
      <c r="EF28" s="61">
        <v>28</v>
      </c>
      <c r="EG28" s="62">
        <v>62</v>
      </c>
      <c r="EH28" s="231"/>
      <c r="EI28" s="61">
        <v>56</v>
      </c>
      <c r="EJ28" s="61">
        <v>28</v>
      </c>
      <c r="EK28" s="61">
        <v>25</v>
      </c>
      <c r="EL28" s="61">
        <v>22</v>
      </c>
      <c r="EM28" s="61">
        <v>15</v>
      </c>
      <c r="EN28" s="62">
        <v>146</v>
      </c>
      <c r="EO28" s="63">
        <v>208</v>
      </c>
      <c r="EP28" s="60">
        <v>68</v>
      </c>
      <c r="EQ28" s="61">
        <v>67</v>
      </c>
      <c r="ER28" s="62">
        <v>135</v>
      </c>
      <c r="ES28" s="231"/>
      <c r="ET28" s="61">
        <v>78</v>
      </c>
      <c r="EU28" s="61">
        <v>46</v>
      </c>
      <c r="EV28" s="61">
        <v>45</v>
      </c>
      <c r="EW28" s="61">
        <v>34</v>
      </c>
      <c r="EX28" s="61">
        <v>15</v>
      </c>
      <c r="EY28" s="62">
        <v>218</v>
      </c>
      <c r="EZ28" s="63">
        <v>353</v>
      </c>
      <c r="FA28" s="60">
        <v>56</v>
      </c>
      <c r="FB28" s="61">
        <v>64</v>
      </c>
      <c r="FC28" s="62">
        <v>120</v>
      </c>
      <c r="FD28" s="231"/>
      <c r="FE28" s="61">
        <v>83</v>
      </c>
      <c r="FF28" s="61">
        <v>60</v>
      </c>
      <c r="FG28" s="61">
        <v>49</v>
      </c>
      <c r="FH28" s="61">
        <v>46</v>
      </c>
      <c r="FI28" s="61">
        <v>25</v>
      </c>
      <c r="FJ28" s="62">
        <v>263</v>
      </c>
      <c r="FK28" s="63">
        <v>383</v>
      </c>
      <c r="FL28" s="60">
        <v>27</v>
      </c>
      <c r="FM28" s="61">
        <v>44</v>
      </c>
      <c r="FN28" s="62">
        <v>71</v>
      </c>
      <c r="FO28" s="231"/>
      <c r="FP28" s="61">
        <v>70</v>
      </c>
      <c r="FQ28" s="61">
        <v>58</v>
      </c>
      <c r="FR28" s="61">
        <v>48</v>
      </c>
      <c r="FS28" s="61">
        <v>63</v>
      </c>
      <c r="FT28" s="61">
        <v>35</v>
      </c>
      <c r="FU28" s="62">
        <v>274</v>
      </c>
      <c r="FV28" s="63">
        <v>345</v>
      </c>
      <c r="FW28" s="60">
        <v>1</v>
      </c>
      <c r="FX28" s="61">
        <v>4</v>
      </c>
      <c r="FY28" s="62">
        <v>5</v>
      </c>
      <c r="FZ28" s="231"/>
      <c r="GA28" s="61">
        <v>3</v>
      </c>
      <c r="GB28" s="61">
        <v>4</v>
      </c>
      <c r="GC28" s="61">
        <v>2</v>
      </c>
      <c r="GD28" s="61">
        <v>1</v>
      </c>
      <c r="GE28" s="61">
        <v>6</v>
      </c>
      <c r="GF28" s="62">
        <v>16</v>
      </c>
      <c r="GG28" s="63">
        <v>21</v>
      </c>
      <c r="GH28" s="60">
        <v>209</v>
      </c>
      <c r="GI28" s="61">
        <v>229</v>
      </c>
      <c r="GJ28" s="62">
        <v>438</v>
      </c>
      <c r="GK28" s="231"/>
      <c r="GL28" s="61">
        <v>321</v>
      </c>
      <c r="GM28" s="61">
        <v>221</v>
      </c>
      <c r="GN28" s="61">
        <v>186</v>
      </c>
      <c r="GO28" s="61">
        <v>174</v>
      </c>
      <c r="GP28" s="61">
        <v>109</v>
      </c>
      <c r="GQ28" s="62">
        <v>1011</v>
      </c>
      <c r="GR28" s="63">
        <v>1449</v>
      </c>
      <c r="GS28" s="113">
        <v>326</v>
      </c>
      <c r="GT28" s="72">
        <v>330</v>
      </c>
      <c r="GU28" s="73">
        <v>656</v>
      </c>
      <c r="GV28" s="228"/>
      <c r="GW28" s="72">
        <v>523</v>
      </c>
      <c r="GX28" s="72">
        <v>359</v>
      </c>
      <c r="GY28" s="72">
        <v>277</v>
      </c>
      <c r="GZ28" s="72">
        <v>290</v>
      </c>
      <c r="HA28" s="72">
        <v>163</v>
      </c>
      <c r="HB28" s="74">
        <v>1612</v>
      </c>
      <c r="HC28" s="75">
        <v>2268</v>
      </c>
      <c r="HD28" s="60">
        <v>8</v>
      </c>
      <c r="HE28" s="61">
        <v>9</v>
      </c>
      <c r="HF28" s="62">
        <v>17</v>
      </c>
      <c r="HG28" s="231"/>
      <c r="HH28" s="61">
        <v>13</v>
      </c>
      <c r="HI28" s="61">
        <v>15</v>
      </c>
      <c r="HJ28" s="61">
        <v>10</v>
      </c>
      <c r="HK28" s="61">
        <v>4</v>
      </c>
      <c r="HL28" s="61">
        <v>4</v>
      </c>
      <c r="HM28" s="62">
        <v>46</v>
      </c>
      <c r="HN28" s="63">
        <v>63</v>
      </c>
      <c r="HO28" s="60">
        <v>34</v>
      </c>
      <c r="HP28" s="61">
        <v>28</v>
      </c>
      <c r="HQ28" s="62">
        <v>62</v>
      </c>
      <c r="HR28" s="231"/>
      <c r="HS28" s="61">
        <v>45</v>
      </c>
      <c r="HT28" s="61">
        <v>35</v>
      </c>
      <c r="HU28" s="61">
        <v>21</v>
      </c>
      <c r="HV28" s="61">
        <v>24</v>
      </c>
      <c r="HW28" s="61">
        <v>13</v>
      </c>
      <c r="HX28" s="62">
        <v>138</v>
      </c>
      <c r="HY28" s="63">
        <v>200</v>
      </c>
      <c r="HZ28" s="60">
        <v>55</v>
      </c>
      <c r="IA28" s="61">
        <v>49</v>
      </c>
      <c r="IB28" s="62">
        <v>104</v>
      </c>
      <c r="IC28" s="231"/>
      <c r="ID28" s="61">
        <v>93</v>
      </c>
      <c r="IE28" s="61">
        <v>56</v>
      </c>
      <c r="IF28" s="61">
        <v>38</v>
      </c>
      <c r="IG28" s="61">
        <v>44</v>
      </c>
      <c r="IH28" s="61">
        <v>23</v>
      </c>
      <c r="II28" s="62">
        <v>254</v>
      </c>
      <c r="IJ28" s="63">
        <v>358</v>
      </c>
      <c r="IK28" s="60">
        <v>107</v>
      </c>
      <c r="IL28" s="61">
        <v>102</v>
      </c>
      <c r="IM28" s="62">
        <v>209</v>
      </c>
      <c r="IN28" s="231"/>
      <c r="IO28" s="61">
        <v>141</v>
      </c>
      <c r="IP28" s="61">
        <v>81</v>
      </c>
      <c r="IQ28" s="61">
        <v>72</v>
      </c>
      <c r="IR28" s="61">
        <v>69</v>
      </c>
      <c r="IS28" s="61">
        <v>36</v>
      </c>
      <c r="IT28" s="62">
        <v>399</v>
      </c>
      <c r="IU28" s="63">
        <v>608</v>
      </c>
      <c r="IV28" s="60">
        <v>84</v>
      </c>
      <c r="IW28" s="61">
        <v>89</v>
      </c>
      <c r="IX28" s="62">
        <v>173</v>
      </c>
      <c r="IY28" s="231"/>
      <c r="IZ28" s="61">
        <v>132</v>
      </c>
      <c r="JA28" s="61">
        <v>95</v>
      </c>
      <c r="JB28" s="61">
        <v>78</v>
      </c>
      <c r="JC28" s="61">
        <v>70</v>
      </c>
      <c r="JD28" s="61">
        <v>40</v>
      </c>
      <c r="JE28" s="62">
        <v>415</v>
      </c>
      <c r="JF28" s="63">
        <v>588</v>
      </c>
      <c r="JG28" s="60">
        <v>38</v>
      </c>
      <c r="JH28" s="61">
        <v>53</v>
      </c>
      <c r="JI28" s="62">
        <v>91</v>
      </c>
      <c r="JJ28" s="231"/>
      <c r="JK28" s="61">
        <v>99</v>
      </c>
      <c r="JL28" s="61">
        <v>77</v>
      </c>
      <c r="JM28" s="61">
        <v>58</v>
      </c>
      <c r="JN28" s="61">
        <v>79</v>
      </c>
      <c r="JO28" s="61">
        <v>47</v>
      </c>
      <c r="JP28" s="62">
        <v>360</v>
      </c>
      <c r="JQ28" s="63">
        <v>451</v>
      </c>
      <c r="JR28" s="60">
        <v>2</v>
      </c>
      <c r="JS28" s="61">
        <v>6</v>
      </c>
      <c r="JT28" s="62">
        <v>8</v>
      </c>
      <c r="JU28" s="231"/>
      <c r="JV28" s="61">
        <v>7</v>
      </c>
      <c r="JW28" s="61">
        <v>15</v>
      </c>
      <c r="JX28" s="61">
        <v>3</v>
      </c>
      <c r="JY28" s="61">
        <v>5</v>
      </c>
      <c r="JZ28" s="61">
        <v>10</v>
      </c>
      <c r="KA28" s="62">
        <v>40</v>
      </c>
      <c r="KB28" s="63">
        <v>48</v>
      </c>
      <c r="KC28" s="60">
        <v>328</v>
      </c>
      <c r="KD28" s="61">
        <v>336</v>
      </c>
      <c r="KE28" s="62">
        <v>664</v>
      </c>
      <c r="KF28" s="231"/>
      <c r="KG28" s="61">
        <v>530</v>
      </c>
      <c r="KH28" s="61">
        <v>374</v>
      </c>
      <c r="KI28" s="61">
        <v>280</v>
      </c>
      <c r="KJ28" s="61">
        <v>295</v>
      </c>
      <c r="KK28" s="61">
        <v>173</v>
      </c>
      <c r="KL28" s="62">
        <v>1652</v>
      </c>
      <c r="KM28" s="63">
        <v>2316</v>
      </c>
    </row>
    <row r="29" spans="2:299" ht="21" customHeight="1" x14ac:dyDescent="0.2">
      <c r="B29" s="472" t="s">
        <v>26</v>
      </c>
      <c r="C29" s="293">
        <v>78</v>
      </c>
      <c r="D29" s="72">
        <v>66</v>
      </c>
      <c r="E29" s="73">
        <v>144</v>
      </c>
      <c r="F29" s="228"/>
      <c r="G29" s="72">
        <v>141</v>
      </c>
      <c r="H29" s="72">
        <v>110</v>
      </c>
      <c r="I29" s="72">
        <v>104</v>
      </c>
      <c r="J29" s="72">
        <v>71</v>
      </c>
      <c r="K29" s="72">
        <v>47</v>
      </c>
      <c r="L29" s="74">
        <v>473</v>
      </c>
      <c r="M29" s="75">
        <v>617</v>
      </c>
      <c r="N29" s="60">
        <v>2</v>
      </c>
      <c r="O29" s="61">
        <v>3</v>
      </c>
      <c r="P29" s="62">
        <v>5</v>
      </c>
      <c r="Q29" s="231"/>
      <c r="R29" s="61">
        <v>5</v>
      </c>
      <c r="S29" s="61">
        <v>1</v>
      </c>
      <c r="T29" s="61">
        <v>8</v>
      </c>
      <c r="U29" s="61">
        <v>2</v>
      </c>
      <c r="V29" s="61">
        <v>4</v>
      </c>
      <c r="W29" s="62">
        <v>20</v>
      </c>
      <c r="X29" s="63">
        <v>25</v>
      </c>
      <c r="Y29" s="60">
        <v>7</v>
      </c>
      <c r="Z29" s="61">
        <v>6</v>
      </c>
      <c r="AA29" s="62">
        <v>13</v>
      </c>
      <c r="AB29" s="231"/>
      <c r="AC29" s="61">
        <v>12</v>
      </c>
      <c r="AD29" s="61">
        <v>14</v>
      </c>
      <c r="AE29" s="61">
        <v>8</v>
      </c>
      <c r="AF29" s="61">
        <v>8</v>
      </c>
      <c r="AG29" s="61">
        <v>9</v>
      </c>
      <c r="AH29" s="62">
        <v>51</v>
      </c>
      <c r="AI29" s="63">
        <v>64</v>
      </c>
      <c r="AJ29" s="60">
        <v>6</v>
      </c>
      <c r="AK29" s="61">
        <v>14</v>
      </c>
      <c r="AL29" s="62">
        <v>20</v>
      </c>
      <c r="AM29" s="231"/>
      <c r="AN29" s="61">
        <v>20</v>
      </c>
      <c r="AO29" s="61">
        <v>10</v>
      </c>
      <c r="AP29" s="61">
        <v>15</v>
      </c>
      <c r="AQ29" s="61">
        <v>12</v>
      </c>
      <c r="AR29" s="61">
        <v>8</v>
      </c>
      <c r="AS29" s="62">
        <v>65</v>
      </c>
      <c r="AT29" s="63">
        <v>85</v>
      </c>
      <c r="AU29" s="60">
        <v>22</v>
      </c>
      <c r="AV29" s="61">
        <v>15</v>
      </c>
      <c r="AW29" s="62">
        <v>37</v>
      </c>
      <c r="AX29" s="231"/>
      <c r="AY29" s="61">
        <v>46</v>
      </c>
      <c r="AZ29" s="61">
        <v>27</v>
      </c>
      <c r="BA29" s="61">
        <v>25</v>
      </c>
      <c r="BB29" s="61">
        <v>22</v>
      </c>
      <c r="BC29" s="61">
        <v>8</v>
      </c>
      <c r="BD29" s="62">
        <v>128</v>
      </c>
      <c r="BE29" s="63">
        <v>165</v>
      </c>
      <c r="BF29" s="60">
        <v>21</v>
      </c>
      <c r="BG29" s="61">
        <v>20</v>
      </c>
      <c r="BH29" s="62">
        <v>41</v>
      </c>
      <c r="BI29" s="231"/>
      <c r="BJ29" s="61">
        <v>31</v>
      </c>
      <c r="BK29" s="61">
        <v>32</v>
      </c>
      <c r="BL29" s="61">
        <v>29</v>
      </c>
      <c r="BM29" s="61">
        <v>18</v>
      </c>
      <c r="BN29" s="61">
        <v>8</v>
      </c>
      <c r="BO29" s="62">
        <v>118</v>
      </c>
      <c r="BP29" s="63">
        <v>159</v>
      </c>
      <c r="BQ29" s="60">
        <v>20</v>
      </c>
      <c r="BR29" s="61">
        <v>8</v>
      </c>
      <c r="BS29" s="62">
        <v>28</v>
      </c>
      <c r="BT29" s="231"/>
      <c r="BU29" s="61">
        <v>27</v>
      </c>
      <c r="BV29" s="61">
        <v>26</v>
      </c>
      <c r="BW29" s="61">
        <v>19</v>
      </c>
      <c r="BX29" s="61">
        <v>9</v>
      </c>
      <c r="BY29" s="61">
        <v>10</v>
      </c>
      <c r="BZ29" s="62">
        <v>91</v>
      </c>
      <c r="CA29" s="63">
        <v>119</v>
      </c>
      <c r="CB29" s="60">
        <v>4</v>
      </c>
      <c r="CC29" s="61">
        <v>0</v>
      </c>
      <c r="CD29" s="62">
        <v>4</v>
      </c>
      <c r="CE29" s="231"/>
      <c r="CF29" s="61">
        <v>5</v>
      </c>
      <c r="CG29" s="61">
        <v>5</v>
      </c>
      <c r="CH29" s="61">
        <v>3</v>
      </c>
      <c r="CI29" s="61">
        <v>1</v>
      </c>
      <c r="CJ29" s="61">
        <v>2</v>
      </c>
      <c r="CK29" s="62">
        <v>16</v>
      </c>
      <c r="CL29" s="63">
        <v>20</v>
      </c>
      <c r="CM29" s="60">
        <v>82</v>
      </c>
      <c r="CN29" s="61">
        <v>66</v>
      </c>
      <c r="CO29" s="62">
        <v>148</v>
      </c>
      <c r="CP29" s="231"/>
      <c r="CQ29" s="61">
        <v>146</v>
      </c>
      <c r="CR29" s="61">
        <v>115</v>
      </c>
      <c r="CS29" s="61">
        <v>107</v>
      </c>
      <c r="CT29" s="61">
        <v>72</v>
      </c>
      <c r="CU29" s="61">
        <v>49</v>
      </c>
      <c r="CV29" s="62">
        <v>489</v>
      </c>
      <c r="CW29" s="63">
        <v>637</v>
      </c>
      <c r="CX29" s="113">
        <v>178</v>
      </c>
      <c r="CY29" s="72">
        <v>210</v>
      </c>
      <c r="CZ29" s="73">
        <v>388</v>
      </c>
      <c r="DA29" s="228"/>
      <c r="DB29" s="72">
        <v>263</v>
      </c>
      <c r="DC29" s="72">
        <v>223</v>
      </c>
      <c r="DD29" s="72">
        <v>175</v>
      </c>
      <c r="DE29" s="72">
        <v>140</v>
      </c>
      <c r="DF29" s="72">
        <v>110</v>
      </c>
      <c r="DG29" s="74">
        <v>911</v>
      </c>
      <c r="DH29" s="75">
        <v>1299</v>
      </c>
      <c r="DI29" s="60">
        <v>2</v>
      </c>
      <c r="DJ29" s="61">
        <v>6</v>
      </c>
      <c r="DK29" s="62">
        <v>8</v>
      </c>
      <c r="DL29" s="231"/>
      <c r="DM29" s="61">
        <v>5</v>
      </c>
      <c r="DN29" s="61">
        <v>3</v>
      </c>
      <c r="DO29" s="61">
        <v>3</v>
      </c>
      <c r="DP29" s="61">
        <v>2</v>
      </c>
      <c r="DQ29" s="61">
        <v>1</v>
      </c>
      <c r="DR29" s="62">
        <v>14</v>
      </c>
      <c r="DS29" s="63">
        <v>22</v>
      </c>
      <c r="DT29" s="60">
        <v>12</v>
      </c>
      <c r="DU29" s="61">
        <v>12</v>
      </c>
      <c r="DV29" s="62">
        <v>24</v>
      </c>
      <c r="DW29" s="231"/>
      <c r="DX29" s="61">
        <v>15</v>
      </c>
      <c r="DY29" s="61">
        <v>13</v>
      </c>
      <c r="DZ29" s="61">
        <v>3</v>
      </c>
      <c r="EA29" s="61">
        <v>6</v>
      </c>
      <c r="EB29" s="61">
        <v>5</v>
      </c>
      <c r="EC29" s="62">
        <v>42</v>
      </c>
      <c r="ED29" s="63">
        <v>66</v>
      </c>
      <c r="EE29" s="60">
        <v>18</v>
      </c>
      <c r="EF29" s="61">
        <v>33</v>
      </c>
      <c r="EG29" s="62">
        <v>51</v>
      </c>
      <c r="EH29" s="231"/>
      <c r="EI29" s="61">
        <v>37</v>
      </c>
      <c r="EJ29" s="61">
        <v>27</v>
      </c>
      <c r="EK29" s="61">
        <v>12</v>
      </c>
      <c r="EL29" s="61">
        <v>14</v>
      </c>
      <c r="EM29" s="61">
        <v>7</v>
      </c>
      <c r="EN29" s="62">
        <v>97</v>
      </c>
      <c r="EO29" s="63">
        <v>148</v>
      </c>
      <c r="EP29" s="60">
        <v>45</v>
      </c>
      <c r="EQ29" s="61">
        <v>53</v>
      </c>
      <c r="ER29" s="62">
        <v>98</v>
      </c>
      <c r="ES29" s="231"/>
      <c r="ET29" s="61">
        <v>58</v>
      </c>
      <c r="EU29" s="61">
        <v>41</v>
      </c>
      <c r="EV29" s="61">
        <v>39</v>
      </c>
      <c r="EW29" s="61">
        <v>16</v>
      </c>
      <c r="EX29" s="61">
        <v>20</v>
      </c>
      <c r="EY29" s="62">
        <v>174</v>
      </c>
      <c r="EZ29" s="63">
        <v>272</v>
      </c>
      <c r="FA29" s="60">
        <v>63</v>
      </c>
      <c r="FB29" s="61">
        <v>63</v>
      </c>
      <c r="FC29" s="62">
        <v>126</v>
      </c>
      <c r="FD29" s="231"/>
      <c r="FE29" s="61">
        <v>77</v>
      </c>
      <c r="FF29" s="61">
        <v>55</v>
      </c>
      <c r="FG29" s="61">
        <v>46</v>
      </c>
      <c r="FH29" s="61">
        <v>32</v>
      </c>
      <c r="FI29" s="61">
        <v>24</v>
      </c>
      <c r="FJ29" s="62">
        <v>234</v>
      </c>
      <c r="FK29" s="63">
        <v>360</v>
      </c>
      <c r="FL29" s="60">
        <v>38</v>
      </c>
      <c r="FM29" s="61">
        <v>43</v>
      </c>
      <c r="FN29" s="62">
        <v>81</v>
      </c>
      <c r="FO29" s="231"/>
      <c r="FP29" s="61">
        <v>71</v>
      </c>
      <c r="FQ29" s="61">
        <v>84</v>
      </c>
      <c r="FR29" s="61">
        <v>72</v>
      </c>
      <c r="FS29" s="61">
        <v>70</v>
      </c>
      <c r="FT29" s="61">
        <v>53</v>
      </c>
      <c r="FU29" s="62">
        <v>350</v>
      </c>
      <c r="FV29" s="63">
        <v>431</v>
      </c>
      <c r="FW29" s="60">
        <v>0</v>
      </c>
      <c r="FX29" s="61">
        <v>1</v>
      </c>
      <c r="FY29" s="62">
        <v>1</v>
      </c>
      <c r="FZ29" s="231"/>
      <c r="GA29" s="61">
        <v>5</v>
      </c>
      <c r="GB29" s="61">
        <v>2</v>
      </c>
      <c r="GC29" s="61">
        <v>4</v>
      </c>
      <c r="GD29" s="61">
        <v>5</v>
      </c>
      <c r="GE29" s="61">
        <v>2</v>
      </c>
      <c r="GF29" s="62">
        <v>18</v>
      </c>
      <c r="GG29" s="63">
        <v>19</v>
      </c>
      <c r="GH29" s="60">
        <v>178</v>
      </c>
      <c r="GI29" s="61">
        <v>211</v>
      </c>
      <c r="GJ29" s="62">
        <v>389</v>
      </c>
      <c r="GK29" s="231"/>
      <c r="GL29" s="61">
        <v>268</v>
      </c>
      <c r="GM29" s="61">
        <v>225</v>
      </c>
      <c r="GN29" s="61">
        <v>179</v>
      </c>
      <c r="GO29" s="61">
        <v>145</v>
      </c>
      <c r="GP29" s="61">
        <v>112</v>
      </c>
      <c r="GQ29" s="62">
        <v>929</v>
      </c>
      <c r="GR29" s="63">
        <v>1318</v>
      </c>
      <c r="GS29" s="113">
        <v>256</v>
      </c>
      <c r="GT29" s="72">
        <v>276</v>
      </c>
      <c r="GU29" s="73">
        <v>532</v>
      </c>
      <c r="GV29" s="228"/>
      <c r="GW29" s="72">
        <v>404</v>
      </c>
      <c r="GX29" s="72">
        <v>333</v>
      </c>
      <c r="GY29" s="72">
        <v>279</v>
      </c>
      <c r="GZ29" s="72">
        <v>211</v>
      </c>
      <c r="HA29" s="72">
        <v>157</v>
      </c>
      <c r="HB29" s="74">
        <v>1384</v>
      </c>
      <c r="HC29" s="75">
        <v>1916</v>
      </c>
      <c r="HD29" s="60">
        <v>4</v>
      </c>
      <c r="HE29" s="61">
        <v>9</v>
      </c>
      <c r="HF29" s="62">
        <v>13</v>
      </c>
      <c r="HG29" s="231"/>
      <c r="HH29" s="61">
        <v>10</v>
      </c>
      <c r="HI29" s="61">
        <v>4</v>
      </c>
      <c r="HJ29" s="61">
        <v>11</v>
      </c>
      <c r="HK29" s="61">
        <v>4</v>
      </c>
      <c r="HL29" s="61">
        <v>5</v>
      </c>
      <c r="HM29" s="62">
        <v>34</v>
      </c>
      <c r="HN29" s="63">
        <v>47</v>
      </c>
      <c r="HO29" s="60">
        <v>19</v>
      </c>
      <c r="HP29" s="61">
        <v>18</v>
      </c>
      <c r="HQ29" s="62">
        <v>37</v>
      </c>
      <c r="HR29" s="231"/>
      <c r="HS29" s="61">
        <v>27</v>
      </c>
      <c r="HT29" s="61">
        <v>27</v>
      </c>
      <c r="HU29" s="61">
        <v>11</v>
      </c>
      <c r="HV29" s="61">
        <v>14</v>
      </c>
      <c r="HW29" s="61">
        <v>14</v>
      </c>
      <c r="HX29" s="62">
        <v>93</v>
      </c>
      <c r="HY29" s="63">
        <v>130</v>
      </c>
      <c r="HZ29" s="60">
        <v>24</v>
      </c>
      <c r="IA29" s="61">
        <v>47</v>
      </c>
      <c r="IB29" s="62">
        <v>71</v>
      </c>
      <c r="IC29" s="231"/>
      <c r="ID29" s="61">
        <v>57</v>
      </c>
      <c r="IE29" s="61">
        <v>37</v>
      </c>
      <c r="IF29" s="61">
        <v>27</v>
      </c>
      <c r="IG29" s="61">
        <v>26</v>
      </c>
      <c r="IH29" s="61">
        <v>15</v>
      </c>
      <c r="II29" s="62">
        <v>162</v>
      </c>
      <c r="IJ29" s="63">
        <v>233</v>
      </c>
      <c r="IK29" s="60">
        <v>67</v>
      </c>
      <c r="IL29" s="61">
        <v>68</v>
      </c>
      <c r="IM29" s="62">
        <v>135</v>
      </c>
      <c r="IN29" s="231"/>
      <c r="IO29" s="61">
        <v>104</v>
      </c>
      <c r="IP29" s="61">
        <v>68</v>
      </c>
      <c r="IQ29" s="61">
        <v>64</v>
      </c>
      <c r="IR29" s="61">
        <v>38</v>
      </c>
      <c r="IS29" s="61">
        <v>28</v>
      </c>
      <c r="IT29" s="62">
        <v>302</v>
      </c>
      <c r="IU29" s="63">
        <v>437</v>
      </c>
      <c r="IV29" s="60">
        <v>84</v>
      </c>
      <c r="IW29" s="61">
        <v>83</v>
      </c>
      <c r="IX29" s="62">
        <v>167</v>
      </c>
      <c r="IY29" s="231"/>
      <c r="IZ29" s="61">
        <v>108</v>
      </c>
      <c r="JA29" s="61">
        <v>87</v>
      </c>
      <c r="JB29" s="61">
        <v>75</v>
      </c>
      <c r="JC29" s="61">
        <v>50</v>
      </c>
      <c r="JD29" s="61">
        <v>32</v>
      </c>
      <c r="JE29" s="62">
        <v>352</v>
      </c>
      <c r="JF29" s="63">
        <v>519</v>
      </c>
      <c r="JG29" s="60">
        <v>58</v>
      </c>
      <c r="JH29" s="61">
        <v>51</v>
      </c>
      <c r="JI29" s="62">
        <v>109</v>
      </c>
      <c r="JJ29" s="231"/>
      <c r="JK29" s="61">
        <v>98</v>
      </c>
      <c r="JL29" s="61">
        <v>110</v>
      </c>
      <c r="JM29" s="61">
        <v>91</v>
      </c>
      <c r="JN29" s="61">
        <v>79</v>
      </c>
      <c r="JO29" s="61">
        <v>63</v>
      </c>
      <c r="JP29" s="62">
        <v>441</v>
      </c>
      <c r="JQ29" s="63">
        <v>550</v>
      </c>
      <c r="JR29" s="60">
        <v>4</v>
      </c>
      <c r="JS29" s="61">
        <v>1</v>
      </c>
      <c r="JT29" s="62">
        <v>5</v>
      </c>
      <c r="JU29" s="231"/>
      <c r="JV29" s="61">
        <v>10</v>
      </c>
      <c r="JW29" s="61">
        <v>7</v>
      </c>
      <c r="JX29" s="61">
        <v>7</v>
      </c>
      <c r="JY29" s="61">
        <v>6</v>
      </c>
      <c r="JZ29" s="61">
        <v>4</v>
      </c>
      <c r="KA29" s="62">
        <v>34</v>
      </c>
      <c r="KB29" s="63">
        <v>39</v>
      </c>
      <c r="KC29" s="60">
        <v>260</v>
      </c>
      <c r="KD29" s="61">
        <v>277</v>
      </c>
      <c r="KE29" s="62">
        <v>537</v>
      </c>
      <c r="KF29" s="231"/>
      <c r="KG29" s="61">
        <v>414</v>
      </c>
      <c r="KH29" s="61">
        <v>340</v>
      </c>
      <c r="KI29" s="61">
        <v>286</v>
      </c>
      <c r="KJ29" s="61">
        <v>217</v>
      </c>
      <c r="KK29" s="61">
        <v>161</v>
      </c>
      <c r="KL29" s="62">
        <v>1418</v>
      </c>
      <c r="KM29" s="63">
        <v>1955</v>
      </c>
    </row>
    <row r="30" spans="2:299" ht="21" customHeight="1" x14ac:dyDescent="0.2">
      <c r="B30" s="472" t="s">
        <v>27</v>
      </c>
      <c r="C30" s="293">
        <v>90</v>
      </c>
      <c r="D30" s="72">
        <v>116</v>
      </c>
      <c r="E30" s="73">
        <v>206</v>
      </c>
      <c r="F30" s="228"/>
      <c r="G30" s="72">
        <v>106</v>
      </c>
      <c r="H30" s="72">
        <v>94</v>
      </c>
      <c r="I30" s="72">
        <v>57</v>
      </c>
      <c r="J30" s="72">
        <v>69</v>
      </c>
      <c r="K30" s="72">
        <v>33</v>
      </c>
      <c r="L30" s="74">
        <v>359</v>
      </c>
      <c r="M30" s="75">
        <v>565</v>
      </c>
      <c r="N30" s="60">
        <v>3</v>
      </c>
      <c r="O30" s="61">
        <v>6</v>
      </c>
      <c r="P30" s="62">
        <v>9</v>
      </c>
      <c r="Q30" s="231"/>
      <c r="R30" s="61">
        <v>2</v>
      </c>
      <c r="S30" s="61">
        <v>3</v>
      </c>
      <c r="T30" s="61">
        <v>0</v>
      </c>
      <c r="U30" s="61">
        <v>0</v>
      </c>
      <c r="V30" s="61">
        <v>0</v>
      </c>
      <c r="W30" s="62">
        <v>5</v>
      </c>
      <c r="X30" s="63">
        <v>14</v>
      </c>
      <c r="Y30" s="60">
        <v>8</v>
      </c>
      <c r="Z30" s="61">
        <v>7</v>
      </c>
      <c r="AA30" s="62">
        <v>15</v>
      </c>
      <c r="AB30" s="231"/>
      <c r="AC30" s="61">
        <v>9</v>
      </c>
      <c r="AD30" s="61">
        <v>15</v>
      </c>
      <c r="AE30" s="61">
        <v>6</v>
      </c>
      <c r="AF30" s="61">
        <v>6</v>
      </c>
      <c r="AG30" s="61">
        <v>1</v>
      </c>
      <c r="AH30" s="62">
        <v>37</v>
      </c>
      <c r="AI30" s="63">
        <v>52</v>
      </c>
      <c r="AJ30" s="60">
        <v>19</v>
      </c>
      <c r="AK30" s="61">
        <v>22</v>
      </c>
      <c r="AL30" s="62">
        <v>41</v>
      </c>
      <c r="AM30" s="231"/>
      <c r="AN30" s="61">
        <v>18</v>
      </c>
      <c r="AO30" s="61">
        <v>17</v>
      </c>
      <c r="AP30" s="61">
        <v>9</v>
      </c>
      <c r="AQ30" s="61">
        <v>12</v>
      </c>
      <c r="AR30" s="61">
        <v>6</v>
      </c>
      <c r="AS30" s="62">
        <v>62</v>
      </c>
      <c r="AT30" s="63">
        <v>103</v>
      </c>
      <c r="AU30" s="60">
        <v>19</v>
      </c>
      <c r="AV30" s="61">
        <v>28</v>
      </c>
      <c r="AW30" s="62">
        <v>47</v>
      </c>
      <c r="AX30" s="231"/>
      <c r="AY30" s="61">
        <v>26</v>
      </c>
      <c r="AZ30" s="61">
        <v>18</v>
      </c>
      <c r="BA30" s="61">
        <v>12</v>
      </c>
      <c r="BB30" s="61">
        <v>12</v>
      </c>
      <c r="BC30" s="61">
        <v>7</v>
      </c>
      <c r="BD30" s="62">
        <v>75</v>
      </c>
      <c r="BE30" s="63">
        <v>122</v>
      </c>
      <c r="BF30" s="60">
        <v>27</v>
      </c>
      <c r="BG30" s="61">
        <v>29</v>
      </c>
      <c r="BH30" s="62">
        <v>56</v>
      </c>
      <c r="BI30" s="231"/>
      <c r="BJ30" s="61">
        <v>26</v>
      </c>
      <c r="BK30" s="61">
        <v>14</v>
      </c>
      <c r="BL30" s="61">
        <v>18</v>
      </c>
      <c r="BM30" s="61">
        <v>20</v>
      </c>
      <c r="BN30" s="61">
        <v>14</v>
      </c>
      <c r="BO30" s="62">
        <v>92</v>
      </c>
      <c r="BP30" s="63">
        <v>148</v>
      </c>
      <c r="BQ30" s="60">
        <v>14</v>
      </c>
      <c r="BR30" s="61">
        <v>24</v>
      </c>
      <c r="BS30" s="62">
        <v>38</v>
      </c>
      <c r="BT30" s="231"/>
      <c r="BU30" s="61">
        <v>25</v>
      </c>
      <c r="BV30" s="61">
        <v>27</v>
      </c>
      <c r="BW30" s="61">
        <v>12</v>
      </c>
      <c r="BX30" s="61">
        <v>19</v>
      </c>
      <c r="BY30" s="61">
        <v>5</v>
      </c>
      <c r="BZ30" s="62">
        <v>88</v>
      </c>
      <c r="CA30" s="63">
        <v>126</v>
      </c>
      <c r="CB30" s="60">
        <v>3</v>
      </c>
      <c r="CC30" s="61">
        <v>0</v>
      </c>
      <c r="CD30" s="62">
        <v>3</v>
      </c>
      <c r="CE30" s="231"/>
      <c r="CF30" s="61">
        <v>3</v>
      </c>
      <c r="CG30" s="61">
        <v>3</v>
      </c>
      <c r="CH30" s="61">
        <v>6</v>
      </c>
      <c r="CI30" s="61">
        <v>2</v>
      </c>
      <c r="CJ30" s="61">
        <v>2</v>
      </c>
      <c r="CK30" s="62">
        <v>16</v>
      </c>
      <c r="CL30" s="63">
        <v>19</v>
      </c>
      <c r="CM30" s="60">
        <v>93</v>
      </c>
      <c r="CN30" s="61">
        <v>116</v>
      </c>
      <c r="CO30" s="62">
        <v>209</v>
      </c>
      <c r="CP30" s="231"/>
      <c r="CQ30" s="61">
        <v>109</v>
      </c>
      <c r="CR30" s="61">
        <v>97</v>
      </c>
      <c r="CS30" s="61">
        <v>63</v>
      </c>
      <c r="CT30" s="61">
        <v>71</v>
      </c>
      <c r="CU30" s="61">
        <v>35</v>
      </c>
      <c r="CV30" s="62">
        <v>375</v>
      </c>
      <c r="CW30" s="63">
        <v>584</v>
      </c>
      <c r="CX30" s="113">
        <v>255</v>
      </c>
      <c r="CY30" s="72">
        <v>203</v>
      </c>
      <c r="CZ30" s="73">
        <v>458</v>
      </c>
      <c r="DA30" s="228"/>
      <c r="DB30" s="72">
        <v>227</v>
      </c>
      <c r="DC30" s="72">
        <v>132</v>
      </c>
      <c r="DD30" s="72">
        <v>147</v>
      </c>
      <c r="DE30" s="72">
        <v>130</v>
      </c>
      <c r="DF30" s="72">
        <v>112</v>
      </c>
      <c r="DG30" s="74">
        <v>748</v>
      </c>
      <c r="DH30" s="75">
        <v>1206</v>
      </c>
      <c r="DI30" s="60">
        <v>3</v>
      </c>
      <c r="DJ30" s="61">
        <v>5</v>
      </c>
      <c r="DK30" s="62">
        <v>8</v>
      </c>
      <c r="DL30" s="231"/>
      <c r="DM30" s="61">
        <v>1</v>
      </c>
      <c r="DN30" s="61">
        <v>0</v>
      </c>
      <c r="DO30" s="61">
        <v>1</v>
      </c>
      <c r="DP30" s="61">
        <v>2</v>
      </c>
      <c r="DQ30" s="61">
        <v>2</v>
      </c>
      <c r="DR30" s="62">
        <v>6</v>
      </c>
      <c r="DS30" s="63">
        <v>14</v>
      </c>
      <c r="DT30" s="60">
        <v>16</v>
      </c>
      <c r="DU30" s="61">
        <v>17</v>
      </c>
      <c r="DV30" s="62">
        <v>33</v>
      </c>
      <c r="DW30" s="231"/>
      <c r="DX30" s="61">
        <v>8</v>
      </c>
      <c r="DY30" s="61">
        <v>9</v>
      </c>
      <c r="DZ30" s="61">
        <v>9</v>
      </c>
      <c r="EA30" s="61">
        <v>4</v>
      </c>
      <c r="EB30" s="61">
        <v>1</v>
      </c>
      <c r="EC30" s="62">
        <v>31</v>
      </c>
      <c r="ED30" s="63">
        <v>64</v>
      </c>
      <c r="EE30" s="60">
        <v>33</v>
      </c>
      <c r="EF30" s="61">
        <v>20</v>
      </c>
      <c r="EG30" s="62">
        <v>53</v>
      </c>
      <c r="EH30" s="231"/>
      <c r="EI30" s="61">
        <v>24</v>
      </c>
      <c r="EJ30" s="61">
        <v>14</v>
      </c>
      <c r="EK30" s="61">
        <v>13</v>
      </c>
      <c r="EL30" s="61">
        <v>12</v>
      </c>
      <c r="EM30" s="61">
        <v>9</v>
      </c>
      <c r="EN30" s="62">
        <v>72</v>
      </c>
      <c r="EO30" s="63">
        <v>125</v>
      </c>
      <c r="EP30" s="60">
        <v>72</v>
      </c>
      <c r="EQ30" s="61">
        <v>45</v>
      </c>
      <c r="ER30" s="62">
        <v>117</v>
      </c>
      <c r="ES30" s="231"/>
      <c r="ET30" s="61">
        <v>44</v>
      </c>
      <c r="EU30" s="61">
        <v>24</v>
      </c>
      <c r="EV30" s="61">
        <v>27</v>
      </c>
      <c r="EW30" s="61">
        <v>19</v>
      </c>
      <c r="EX30" s="61">
        <v>21</v>
      </c>
      <c r="EY30" s="62">
        <v>135</v>
      </c>
      <c r="EZ30" s="63">
        <v>252</v>
      </c>
      <c r="FA30" s="60">
        <v>76</v>
      </c>
      <c r="FB30" s="61">
        <v>64</v>
      </c>
      <c r="FC30" s="62">
        <v>140</v>
      </c>
      <c r="FD30" s="231"/>
      <c r="FE30" s="61">
        <v>69</v>
      </c>
      <c r="FF30" s="61">
        <v>36</v>
      </c>
      <c r="FG30" s="61">
        <v>34</v>
      </c>
      <c r="FH30" s="61">
        <v>24</v>
      </c>
      <c r="FI30" s="61">
        <v>35</v>
      </c>
      <c r="FJ30" s="62">
        <v>198</v>
      </c>
      <c r="FK30" s="63">
        <v>338</v>
      </c>
      <c r="FL30" s="60">
        <v>55</v>
      </c>
      <c r="FM30" s="61">
        <v>52</v>
      </c>
      <c r="FN30" s="62">
        <v>107</v>
      </c>
      <c r="FO30" s="231"/>
      <c r="FP30" s="61">
        <v>81</v>
      </c>
      <c r="FQ30" s="61">
        <v>49</v>
      </c>
      <c r="FR30" s="61">
        <v>63</v>
      </c>
      <c r="FS30" s="61">
        <v>69</v>
      </c>
      <c r="FT30" s="61">
        <v>44</v>
      </c>
      <c r="FU30" s="62">
        <v>306</v>
      </c>
      <c r="FV30" s="63">
        <v>413</v>
      </c>
      <c r="FW30" s="60">
        <v>1</v>
      </c>
      <c r="FX30" s="61">
        <v>3</v>
      </c>
      <c r="FY30" s="62">
        <v>4</v>
      </c>
      <c r="FZ30" s="231"/>
      <c r="GA30" s="61">
        <v>6</v>
      </c>
      <c r="GB30" s="61">
        <v>6</v>
      </c>
      <c r="GC30" s="61">
        <v>1</v>
      </c>
      <c r="GD30" s="61">
        <v>2</v>
      </c>
      <c r="GE30" s="61">
        <v>3</v>
      </c>
      <c r="GF30" s="62">
        <v>18</v>
      </c>
      <c r="GG30" s="63">
        <v>22</v>
      </c>
      <c r="GH30" s="60">
        <v>256</v>
      </c>
      <c r="GI30" s="61">
        <v>206</v>
      </c>
      <c r="GJ30" s="62">
        <v>462</v>
      </c>
      <c r="GK30" s="231"/>
      <c r="GL30" s="61">
        <v>233</v>
      </c>
      <c r="GM30" s="61">
        <v>138</v>
      </c>
      <c r="GN30" s="61">
        <v>148</v>
      </c>
      <c r="GO30" s="61">
        <v>132</v>
      </c>
      <c r="GP30" s="61">
        <v>115</v>
      </c>
      <c r="GQ30" s="62">
        <v>766</v>
      </c>
      <c r="GR30" s="63">
        <v>1228</v>
      </c>
      <c r="GS30" s="113">
        <v>345</v>
      </c>
      <c r="GT30" s="72">
        <v>319</v>
      </c>
      <c r="GU30" s="73">
        <v>664</v>
      </c>
      <c r="GV30" s="228"/>
      <c r="GW30" s="72">
        <v>333</v>
      </c>
      <c r="GX30" s="72">
        <v>226</v>
      </c>
      <c r="GY30" s="72">
        <v>204</v>
      </c>
      <c r="GZ30" s="72">
        <v>199</v>
      </c>
      <c r="HA30" s="72">
        <v>145</v>
      </c>
      <c r="HB30" s="74">
        <v>1107</v>
      </c>
      <c r="HC30" s="75">
        <v>1771</v>
      </c>
      <c r="HD30" s="60">
        <v>6</v>
      </c>
      <c r="HE30" s="61">
        <v>11</v>
      </c>
      <c r="HF30" s="62">
        <v>17</v>
      </c>
      <c r="HG30" s="231"/>
      <c r="HH30" s="61">
        <v>3</v>
      </c>
      <c r="HI30" s="61">
        <v>3</v>
      </c>
      <c r="HJ30" s="61">
        <v>1</v>
      </c>
      <c r="HK30" s="61">
        <v>2</v>
      </c>
      <c r="HL30" s="61">
        <v>2</v>
      </c>
      <c r="HM30" s="62">
        <v>11</v>
      </c>
      <c r="HN30" s="63">
        <v>28</v>
      </c>
      <c r="HO30" s="60">
        <v>24</v>
      </c>
      <c r="HP30" s="61">
        <v>24</v>
      </c>
      <c r="HQ30" s="62">
        <v>48</v>
      </c>
      <c r="HR30" s="231"/>
      <c r="HS30" s="61">
        <v>17</v>
      </c>
      <c r="HT30" s="61">
        <v>24</v>
      </c>
      <c r="HU30" s="61">
        <v>15</v>
      </c>
      <c r="HV30" s="61">
        <v>10</v>
      </c>
      <c r="HW30" s="61">
        <v>2</v>
      </c>
      <c r="HX30" s="62">
        <v>68</v>
      </c>
      <c r="HY30" s="63">
        <v>116</v>
      </c>
      <c r="HZ30" s="60">
        <v>52</v>
      </c>
      <c r="IA30" s="61">
        <v>42</v>
      </c>
      <c r="IB30" s="62">
        <v>94</v>
      </c>
      <c r="IC30" s="231"/>
      <c r="ID30" s="61">
        <v>42</v>
      </c>
      <c r="IE30" s="61">
        <v>31</v>
      </c>
      <c r="IF30" s="61">
        <v>22</v>
      </c>
      <c r="IG30" s="61">
        <v>24</v>
      </c>
      <c r="IH30" s="61">
        <v>15</v>
      </c>
      <c r="II30" s="62">
        <v>134</v>
      </c>
      <c r="IJ30" s="63">
        <v>228</v>
      </c>
      <c r="IK30" s="60">
        <v>91</v>
      </c>
      <c r="IL30" s="61">
        <v>73</v>
      </c>
      <c r="IM30" s="62">
        <v>164</v>
      </c>
      <c r="IN30" s="231"/>
      <c r="IO30" s="61">
        <v>70</v>
      </c>
      <c r="IP30" s="61">
        <v>42</v>
      </c>
      <c r="IQ30" s="61">
        <v>39</v>
      </c>
      <c r="IR30" s="61">
        <v>31</v>
      </c>
      <c r="IS30" s="61">
        <v>28</v>
      </c>
      <c r="IT30" s="62">
        <v>210</v>
      </c>
      <c r="IU30" s="63">
        <v>374</v>
      </c>
      <c r="IV30" s="60">
        <v>103</v>
      </c>
      <c r="IW30" s="61">
        <v>93</v>
      </c>
      <c r="IX30" s="62">
        <v>196</v>
      </c>
      <c r="IY30" s="231"/>
      <c r="IZ30" s="61">
        <v>95</v>
      </c>
      <c r="JA30" s="61">
        <v>50</v>
      </c>
      <c r="JB30" s="61">
        <v>52</v>
      </c>
      <c r="JC30" s="61">
        <v>44</v>
      </c>
      <c r="JD30" s="61">
        <v>49</v>
      </c>
      <c r="JE30" s="62">
        <v>290</v>
      </c>
      <c r="JF30" s="63">
        <v>486</v>
      </c>
      <c r="JG30" s="60">
        <v>69</v>
      </c>
      <c r="JH30" s="61">
        <v>76</v>
      </c>
      <c r="JI30" s="62">
        <v>145</v>
      </c>
      <c r="JJ30" s="231"/>
      <c r="JK30" s="61">
        <v>106</v>
      </c>
      <c r="JL30" s="61">
        <v>76</v>
      </c>
      <c r="JM30" s="61">
        <v>75</v>
      </c>
      <c r="JN30" s="61">
        <v>88</v>
      </c>
      <c r="JO30" s="61">
        <v>49</v>
      </c>
      <c r="JP30" s="62">
        <v>394</v>
      </c>
      <c r="JQ30" s="63">
        <v>539</v>
      </c>
      <c r="JR30" s="60">
        <v>4</v>
      </c>
      <c r="JS30" s="61">
        <v>3</v>
      </c>
      <c r="JT30" s="62">
        <v>7</v>
      </c>
      <c r="JU30" s="231"/>
      <c r="JV30" s="61">
        <v>9</v>
      </c>
      <c r="JW30" s="61">
        <v>9</v>
      </c>
      <c r="JX30" s="61">
        <v>7</v>
      </c>
      <c r="JY30" s="61">
        <v>4</v>
      </c>
      <c r="JZ30" s="61">
        <v>5</v>
      </c>
      <c r="KA30" s="62">
        <v>34</v>
      </c>
      <c r="KB30" s="63">
        <v>41</v>
      </c>
      <c r="KC30" s="60">
        <v>349</v>
      </c>
      <c r="KD30" s="61">
        <v>322</v>
      </c>
      <c r="KE30" s="62">
        <v>671</v>
      </c>
      <c r="KF30" s="231"/>
      <c r="KG30" s="61">
        <v>342</v>
      </c>
      <c r="KH30" s="61">
        <v>235</v>
      </c>
      <c r="KI30" s="61">
        <v>211</v>
      </c>
      <c r="KJ30" s="61">
        <v>203</v>
      </c>
      <c r="KK30" s="61">
        <v>150</v>
      </c>
      <c r="KL30" s="62">
        <v>1141</v>
      </c>
      <c r="KM30" s="63">
        <v>1812</v>
      </c>
    </row>
    <row r="31" spans="2:299" ht="21" customHeight="1" x14ac:dyDescent="0.2">
      <c r="B31" s="472" t="s">
        <v>28</v>
      </c>
      <c r="C31" s="293">
        <v>6</v>
      </c>
      <c r="D31" s="72">
        <v>14</v>
      </c>
      <c r="E31" s="73">
        <v>20</v>
      </c>
      <c r="F31" s="228"/>
      <c r="G31" s="72">
        <v>55</v>
      </c>
      <c r="H31" s="72">
        <v>37</v>
      </c>
      <c r="I31" s="72">
        <v>26</v>
      </c>
      <c r="J31" s="72">
        <v>14</v>
      </c>
      <c r="K31" s="72">
        <v>16</v>
      </c>
      <c r="L31" s="74">
        <v>148</v>
      </c>
      <c r="M31" s="75">
        <v>168</v>
      </c>
      <c r="N31" s="60">
        <v>0</v>
      </c>
      <c r="O31" s="61">
        <v>2</v>
      </c>
      <c r="P31" s="62">
        <v>2</v>
      </c>
      <c r="Q31" s="231"/>
      <c r="R31" s="61">
        <v>2</v>
      </c>
      <c r="S31" s="61">
        <v>1</v>
      </c>
      <c r="T31" s="61">
        <v>2</v>
      </c>
      <c r="U31" s="61">
        <v>2</v>
      </c>
      <c r="V31" s="61">
        <v>1</v>
      </c>
      <c r="W31" s="62">
        <v>8</v>
      </c>
      <c r="X31" s="63">
        <v>10</v>
      </c>
      <c r="Y31" s="60">
        <v>0</v>
      </c>
      <c r="Z31" s="61">
        <v>5</v>
      </c>
      <c r="AA31" s="62">
        <v>5</v>
      </c>
      <c r="AB31" s="231"/>
      <c r="AC31" s="61">
        <v>8</v>
      </c>
      <c r="AD31" s="61">
        <v>3</v>
      </c>
      <c r="AE31" s="61">
        <v>6</v>
      </c>
      <c r="AF31" s="61">
        <v>1</v>
      </c>
      <c r="AG31" s="61">
        <v>0</v>
      </c>
      <c r="AH31" s="62">
        <v>18</v>
      </c>
      <c r="AI31" s="63">
        <v>23</v>
      </c>
      <c r="AJ31" s="60">
        <v>1</v>
      </c>
      <c r="AK31" s="61">
        <v>1</v>
      </c>
      <c r="AL31" s="62">
        <v>2</v>
      </c>
      <c r="AM31" s="231"/>
      <c r="AN31" s="61">
        <v>10</v>
      </c>
      <c r="AO31" s="61">
        <v>6</v>
      </c>
      <c r="AP31" s="61">
        <v>3</v>
      </c>
      <c r="AQ31" s="61">
        <v>2</v>
      </c>
      <c r="AR31" s="61">
        <v>4</v>
      </c>
      <c r="AS31" s="62">
        <v>25</v>
      </c>
      <c r="AT31" s="63">
        <v>27</v>
      </c>
      <c r="AU31" s="60">
        <v>1</v>
      </c>
      <c r="AV31" s="61">
        <v>2</v>
      </c>
      <c r="AW31" s="62">
        <v>3</v>
      </c>
      <c r="AX31" s="231"/>
      <c r="AY31" s="61">
        <v>17</v>
      </c>
      <c r="AZ31" s="61">
        <v>11</v>
      </c>
      <c r="BA31" s="61">
        <v>3</v>
      </c>
      <c r="BB31" s="61">
        <v>3</v>
      </c>
      <c r="BC31" s="61">
        <v>1</v>
      </c>
      <c r="BD31" s="62">
        <v>35</v>
      </c>
      <c r="BE31" s="63">
        <v>38</v>
      </c>
      <c r="BF31" s="60">
        <v>3</v>
      </c>
      <c r="BG31" s="61">
        <v>3</v>
      </c>
      <c r="BH31" s="62">
        <v>6</v>
      </c>
      <c r="BI31" s="231"/>
      <c r="BJ31" s="61">
        <v>10</v>
      </c>
      <c r="BK31" s="61">
        <v>8</v>
      </c>
      <c r="BL31" s="61">
        <v>4</v>
      </c>
      <c r="BM31" s="61">
        <v>1</v>
      </c>
      <c r="BN31" s="61">
        <v>4</v>
      </c>
      <c r="BO31" s="62">
        <v>27</v>
      </c>
      <c r="BP31" s="63">
        <v>33</v>
      </c>
      <c r="BQ31" s="60">
        <v>1</v>
      </c>
      <c r="BR31" s="61">
        <v>1</v>
      </c>
      <c r="BS31" s="62">
        <v>2</v>
      </c>
      <c r="BT31" s="231"/>
      <c r="BU31" s="61">
        <v>8</v>
      </c>
      <c r="BV31" s="61">
        <v>8</v>
      </c>
      <c r="BW31" s="61">
        <v>8</v>
      </c>
      <c r="BX31" s="61">
        <v>5</v>
      </c>
      <c r="BY31" s="61">
        <v>6</v>
      </c>
      <c r="BZ31" s="62">
        <v>35</v>
      </c>
      <c r="CA31" s="63">
        <v>37</v>
      </c>
      <c r="CB31" s="60">
        <v>0</v>
      </c>
      <c r="CC31" s="61">
        <v>1</v>
      </c>
      <c r="CD31" s="62">
        <v>1</v>
      </c>
      <c r="CE31" s="231"/>
      <c r="CF31" s="61">
        <v>0</v>
      </c>
      <c r="CG31" s="61">
        <v>4</v>
      </c>
      <c r="CH31" s="61">
        <v>0</v>
      </c>
      <c r="CI31" s="61">
        <v>0</v>
      </c>
      <c r="CJ31" s="61">
        <v>3</v>
      </c>
      <c r="CK31" s="62">
        <v>7</v>
      </c>
      <c r="CL31" s="63">
        <v>8</v>
      </c>
      <c r="CM31" s="60">
        <v>6</v>
      </c>
      <c r="CN31" s="61">
        <v>15</v>
      </c>
      <c r="CO31" s="62">
        <v>21</v>
      </c>
      <c r="CP31" s="231"/>
      <c r="CQ31" s="61">
        <v>55</v>
      </c>
      <c r="CR31" s="61">
        <v>41</v>
      </c>
      <c r="CS31" s="61">
        <v>26</v>
      </c>
      <c r="CT31" s="61">
        <v>14</v>
      </c>
      <c r="CU31" s="61">
        <v>19</v>
      </c>
      <c r="CV31" s="62">
        <v>155</v>
      </c>
      <c r="CW31" s="63">
        <v>176</v>
      </c>
      <c r="CX31" s="113">
        <v>20</v>
      </c>
      <c r="CY31" s="72">
        <v>43</v>
      </c>
      <c r="CZ31" s="73">
        <v>63</v>
      </c>
      <c r="DA31" s="228"/>
      <c r="DB31" s="72">
        <v>51</v>
      </c>
      <c r="DC31" s="72">
        <v>72</v>
      </c>
      <c r="DD31" s="72">
        <v>54</v>
      </c>
      <c r="DE31" s="72">
        <v>51</v>
      </c>
      <c r="DF31" s="72">
        <v>28</v>
      </c>
      <c r="DG31" s="74">
        <v>256</v>
      </c>
      <c r="DH31" s="75">
        <v>319</v>
      </c>
      <c r="DI31" s="60">
        <v>1</v>
      </c>
      <c r="DJ31" s="61">
        <v>0</v>
      </c>
      <c r="DK31" s="62">
        <v>1</v>
      </c>
      <c r="DL31" s="231"/>
      <c r="DM31" s="61">
        <v>2</v>
      </c>
      <c r="DN31" s="61">
        <v>1</v>
      </c>
      <c r="DO31" s="61">
        <v>1</v>
      </c>
      <c r="DP31" s="61">
        <v>0</v>
      </c>
      <c r="DQ31" s="61">
        <v>0</v>
      </c>
      <c r="DR31" s="62">
        <v>4</v>
      </c>
      <c r="DS31" s="63">
        <v>5</v>
      </c>
      <c r="DT31" s="60">
        <v>3</v>
      </c>
      <c r="DU31" s="61">
        <v>7</v>
      </c>
      <c r="DV31" s="62">
        <v>10</v>
      </c>
      <c r="DW31" s="231"/>
      <c r="DX31" s="61">
        <v>2</v>
      </c>
      <c r="DY31" s="61">
        <v>7</v>
      </c>
      <c r="DZ31" s="61">
        <v>2</v>
      </c>
      <c r="EA31" s="61">
        <v>1</v>
      </c>
      <c r="EB31" s="61">
        <v>0</v>
      </c>
      <c r="EC31" s="62">
        <v>12</v>
      </c>
      <c r="ED31" s="63">
        <v>22</v>
      </c>
      <c r="EE31" s="60">
        <v>4</v>
      </c>
      <c r="EF31" s="61">
        <v>6</v>
      </c>
      <c r="EG31" s="62">
        <v>10</v>
      </c>
      <c r="EH31" s="231"/>
      <c r="EI31" s="61">
        <v>7</v>
      </c>
      <c r="EJ31" s="61">
        <v>9</v>
      </c>
      <c r="EK31" s="61">
        <v>5</v>
      </c>
      <c r="EL31" s="61">
        <v>3</v>
      </c>
      <c r="EM31" s="61">
        <v>6</v>
      </c>
      <c r="EN31" s="62">
        <v>30</v>
      </c>
      <c r="EO31" s="63">
        <v>40</v>
      </c>
      <c r="EP31" s="60">
        <v>7</v>
      </c>
      <c r="EQ31" s="61">
        <v>17</v>
      </c>
      <c r="ER31" s="62">
        <v>24</v>
      </c>
      <c r="ES31" s="231"/>
      <c r="ET31" s="61">
        <v>14</v>
      </c>
      <c r="EU31" s="61">
        <v>12</v>
      </c>
      <c r="EV31" s="61">
        <v>14</v>
      </c>
      <c r="EW31" s="61">
        <v>6</v>
      </c>
      <c r="EX31" s="61">
        <v>6</v>
      </c>
      <c r="EY31" s="62">
        <v>52</v>
      </c>
      <c r="EZ31" s="63">
        <v>76</v>
      </c>
      <c r="FA31" s="60">
        <v>4</v>
      </c>
      <c r="FB31" s="61">
        <v>8</v>
      </c>
      <c r="FC31" s="62">
        <v>12</v>
      </c>
      <c r="FD31" s="231"/>
      <c r="FE31" s="61">
        <v>9</v>
      </c>
      <c r="FF31" s="61">
        <v>30</v>
      </c>
      <c r="FG31" s="61">
        <v>11</v>
      </c>
      <c r="FH31" s="61">
        <v>17</v>
      </c>
      <c r="FI31" s="61">
        <v>8</v>
      </c>
      <c r="FJ31" s="62">
        <v>75</v>
      </c>
      <c r="FK31" s="63">
        <v>87</v>
      </c>
      <c r="FL31" s="60">
        <v>1</v>
      </c>
      <c r="FM31" s="61">
        <v>5</v>
      </c>
      <c r="FN31" s="62">
        <v>6</v>
      </c>
      <c r="FO31" s="231"/>
      <c r="FP31" s="61">
        <v>17</v>
      </c>
      <c r="FQ31" s="61">
        <v>13</v>
      </c>
      <c r="FR31" s="61">
        <v>21</v>
      </c>
      <c r="FS31" s="61">
        <v>24</v>
      </c>
      <c r="FT31" s="61">
        <v>8</v>
      </c>
      <c r="FU31" s="62">
        <v>83</v>
      </c>
      <c r="FV31" s="63">
        <v>89</v>
      </c>
      <c r="FW31" s="60">
        <v>2</v>
      </c>
      <c r="FX31" s="61">
        <v>0</v>
      </c>
      <c r="FY31" s="62">
        <v>2</v>
      </c>
      <c r="FZ31" s="231"/>
      <c r="GA31" s="61">
        <v>1</v>
      </c>
      <c r="GB31" s="61">
        <v>1</v>
      </c>
      <c r="GC31" s="61">
        <v>0</v>
      </c>
      <c r="GD31" s="61">
        <v>0</v>
      </c>
      <c r="GE31" s="61">
        <v>2</v>
      </c>
      <c r="GF31" s="62">
        <v>4</v>
      </c>
      <c r="GG31" s="63">
        <v>6</v>
      </c>
      <c r="GH31" s="60">
        <v>22</v>
      </c>
      <c r="GI31" s="61">
        <v>43</v>
      </c>
      <c r="GJ31" s="62">
        <v>65</v>
      </c>
      <c r="GK31" s="231"/>
      <c r="GL31" s="61">
        <v>52</v>
      </c>
      <c r="GM31" s="61">
        <v>73</v>
      </c>
      <c r="GN31" s="61">
        <v>54</v>
      </c>
      <c r="GO31" s="61">
        <v>51</v>
      </c>
      <c r="GP31" s="61">
        <v>30</v>
      </c>
      <c r="GQ31" s="62">
        <v>260</v>
      </c>
      <c r="GR31" s="63">
        <v>325</v>
      </c>
      <c r="GS31" s="113">
        <v>26</v>
      </c>
      <c r="GT31" s="72">
        <v>57</v>
      </c>
      <c r="GU31" s="73">
        <v>83</v>
      </c>
      <c r="GV31" s="228"/>
      <c r="GW31" s="72">
        <v>106</v>
      </c>
      <c r="GX31" s="72">
        <v>109</v>
      </c>
      <c r="GY31" s="72">
        <v>80</v>
      </c>
      <c r="GZ31" s="72">
        <v>65</v>
      </c>
      <c r="HA31" s="72">
        <v>44</v>
      </c>
      <c r="HB31" s="74">
        <v>404</v>
      </c>
      <c r="HC31" s="75">
        <v>487</v>
      </c>
      <c r="HD31" s="60">
        <v>1</v>
      </c>
      <c r="HE31" s="61">
        <v>2</v>
      </c>
      <c r="HF31" s="62">
        <v>3</v>
      </c>
      <c r="HG31" s="231"/>
      <c r="HH31" s="61">
        <v>4</v>
      </c>
      <c r="HI31" s="61">
        <v>2</v>
      </c>
      <c r="HJ31" s="61">
        <v>3</v>
      </c>
      <c r="HK31" s="61">
        <v>2</v>
      </c>
      <c r="HL31" s="61">
        <v>1</v>
      </c>
      <c r="HM31" s="62">
        <v>12</v>
      </c>
      <c r="HN31" s="63">
        <v>15</v>
      </c>
      <c r="HO31" s="60">
        <v>3</v>
      </c>
      <c r="HP31" s="61">
        <v>12</v>
      </c>
      <c r="HQ31" s="62">
        <v>15</v>
      </c>
      <c r="HR31" s="231"/>
      <c r="HS31" s="61">
        <v>10</v>
      </c>
      <c r="HT31" s="61">
        <v>10</v>
      </c>
      <c r="HU31" s="61">
        <v>8</v>
      </c>
      <c r="HV31" s="61">
        <v>2</v>
      </c>
      <c r="HW31" s="61">
        <v>0</v>
      </c>
      <c r="HX31" s="62">
        <v>30</v>
      </c>
      <c r="HY31" s="63">
        <v>45</v>
      </c>
      <c r="HZ31" s="60">
        <v>5</v>
      </c>
      <c r="IA31" s="61">
        <v>7</v>
      </c>
      <c r="IB31" s="62">
        <v>12</v>
      </c>
      <c r="IC31" s="231"/>
      <c r="ID31" s="61">
        <v>17</v>
      </c>
      <c r="IE31" s="61">
        <v>15</v>
      </c>
      <c r="IF31" s="61">
        <v>8</v>
      </c>
      <c r="IG31" s="61">
        <v>5</v>
      </c>
      <c r="IH31" s="61">
        <v>10</v>
      </c>
      <c r="II31" s="62">
        <v>55</v>
      </c>
      <c r="IJ31" s="63">
        <v>67</v>
      </c>
      <c r="IK31" s="60">
        <v>8</v>
      </c>
      <c r="IL31" s="61">
        <v>19</v>
      </c>
      <c r="IM31" s="62">
        <v>27</v>
      </c>
      <c r="IN31" s="231"/>
      <c r="IO31" s="61">
        <v>31</v>
      </c>
      <c r="IP31" s="61">
        <v>23</v>
      </c>
      <c r="IQ31" s="61">
        <v>17</v>
      </c>
      <c r="IR31" s="61">
        <v>9</v>
      </c>
      <c r="IS31" s="61">
        <v>7</v>
      </c>
      <c r="IT31" s="62">
        <v>87</v>
      </c>
      <c r="IU31" s="63">
        <v>114</v>
      </c>
      <c r="IV31" s="60">
        <v>7</v>
      </c>
      <c r="IW31" s="61">
        <v>11</v>
      </c>
      <c r="IX31" s="62">
        <v>18</v>
      </c>
      <c r="IY31" s="231"/>
      <c r="IZ31" s="61">
        <v>19</v>
      </c>
      <c r="JA31" s="61">
        <v>38</v>
      </c>
      <c r="JB31" s="61">
        <v>15</v>
      </c>
      <c r="JC31" s="61">
        <v>18</v>
      </c>
      <c r="JD31" s="61">
        <v>12</v>
      </c>
      <c r="JE31" s="62">
        <v>102</v>
      </c>
      <c r="JF31" s="63">
        <v>120</v>
      </c>
      <c r="JG31" s="60">
        <v>2</v>
      </c>
      <c r="JH31" s="61">
        <v>6</v>
      </c>
      <c r="JI31" s="62">
        <v>8</v>
      </c>
      <c r="JJ31" s="231"/>
      <c r="JK31" s="61">
        <v>25</v>
      </c>
      <c r="JL31" s="61">
        <v>21</v>
      </c>
      <c r="JM31" s="61">
        <v>29</v>
      </c>
      <c r="JN31" s="61">
        <v>29</v>
      </c>
      <c r="JO31" s="61">
        <v>14</v>
      </c>
      <c r="JP31" s="62">
        <v>118</v>
      </c>
      <c r="JQ31" s="63">
        <v>126</v>
      </c>
      <c r="JR31" s="60">
        <v>2</v>
      </c>
      <c r="JS31" s="61">
        <v>1</v>
      </c>
      <c r="JT31" s="62">
        <v>3</v>
      </c>
      <c r="JU31" s="231"/>
      <c r="JV31" s="61">
        <v>1</v>
      </c>
      <c r="JW31" s="61">
        <v>5</v>
      </c>
      <c r="JX31" s="61">
        <v>0</v>
      </c>
      <c r="JY31" s="61">
        <v>0</v>
      </c>
      <c r="JZ31" s="61">
        <v>5</v>
      </c>
      <c r="KA31" s="62">
        <v>11</v>
      </c>
      <c r="KB31" s="63">
        <v>14</v>
      </c>
      <c r="KC31" s="60">
        <v>28</v>
      </c>
      <c r="KD31" s="61">
        <v>58</v>
      </c>
      <c r="KE31" s="62">
        <v>86</v>
      </c>
      <c r="KF31" s="231"/>
      <c r="KG31" s="61">
        <v>107</v>
      </c>
      <c r="KH31" s="61">
        <v>114</v>
      </c>
      <c r="KI31" s="61">
        <v>80</v>
      </c>
      <c r="KJ31" s="61">
        <v>65</v>
      </c>
      <c r="KK31" s="61">
        <v>49</v>
      </c>
      <c r="KL31" s="62">
        <v>415</v>
      </c>
      <c r="KM31" s="63">
        <v>501</v>
      </c>
    </row>
    <row r="32" spans="2:299" ht="21" customHeight="1" x14ac:dyDescent="0.2">
      <c r="B32" s="472" t="s">
        <v>29</v>
      </c>
      <c r="C32" s="293">
        <v>23</v>
      </c>
      <c r="D32" s="72">
        <v>31</v>
      </c>
      <c r="E32" s="73">
        <v>54</v>
      </c>
      <c r="F32" s="228"/>
      <c r="G32" s="72">
        <v>49</v>
      </c>
      <c r="H32" s="72">
        <v>43</v>
      </c>
      <c r="I32" s="72">
        <v>49</v>
      </c>
      <c r="J32" s="72">
        <v>32</v>
      </c>
      <c r="K32" s="72">
        <v>16</v>
      </c>
      <c r="L32" s="74">
        <v>189</v>
      </c>
      <c r="M32" s="75">
        <v>243</v>
      </c>
      <c r="N32" s="60">
        <v>2</v>
      </c>
      <c r="O32" s="61">
        <v>0</v>
      </c>
      <c r="P32" s="62">
        <v>2</v>
      </c>
      <c r="Q32" s="231"/>
      <c r="R32" s="61">
        <v>4</v>
      </c>
      <c r="S32" s="61">
        <v>0</v>
      </c>
      <c r="T32" s="61">
        <v>3</v>
      </c>
      <c r="U32" s="61">
        <v>1</v>
      </c>
      <c r="V32" s="61">
        <v>2</v>
      </c>
      <c r="W32" s="62">
        <v>10</v>
      </c>
      <c r="X32" s="63">
        <v>12</v>
      </c>
      <c r="Y32" s="60">
        <v>3</v>
      </c>
      <c r="Z32" s="61">
        <v>5</v>
      </c>
      <c r="AA32" s="62">
        <v>8</v>
      </c>
      <c r="AB32" s="231"/>
      <c r="AC32" s="61">
        <v>6</v>
      </c>
      <c r="AD32" s="61">
        <v>3</v>
      </c>
      <c r="AE32" s="61">
        <v>9</v>
      </c>
      <c r="AF32" s="61">
        <v>2</v>
      </c>
      <c r="AG32" s="61">
        <v>1</v>
      </c>
      <c r="AH32" s="62">
        <v>21</v>
      </c>
      <c r="AI32" s="63">
        <v>29</v>
      </c>
      <c r="AJ32" s="60">
        <v>2</v>
      </c>
      <c r="AK32" s="61">
        <v>3</v>
      </c>
      <c r="AL32" s="62">
        <v>5</v>
      </c>
      <c r="AM32" s="231"/>
      <c r="AN32" s="61">
        <v>13</v>
      </c>
      <c r="AO32" s="61">
        <v>10</v>
      </c>
      <c r="AP32" s="61">
        <v>8</v>
      </c>
      <c r="AQ32" s="61">
        <v>6</v>
      </c>
      <c r="AR32" s="61">
        <v>1</v>
      </c>
      <c r="AS32" s="62">
        <v>38</v>
      </c>
      <c r="AT32" s="63">
        <v>43</v>
      </c>
      <c r="AU32" s="60">
        <v>8</v>
      </c>
      <c r="AV32" s="61">
        <v>9</v>
      </c>
      <c r="AW32" s="62">
        <v>17</v>
      </c>
      <c r="AX32" s="231"/>
      <c r="AY32" s="61">
        <v>5</v>
      </c>
      <c r="AZ32" s="61">
        <v>9</v>
      </c>
      <c r="BA32" s="61">
        <v>8</v>
      </c>
      <c r="BB32" s="61">
        <v>7</v>
      </c>
      <c r="BC32" s="61">
        <v>5</v>
      </c>
      <c r="BD32" s="62">
        <v>34</v>
      </c>
      <c r="BE32" s="63">
        <v>51</v>
      </c>
      <c r="BF32" s="60">
        <v>7</v>
      </c>
      <c r="BG32" s="61">
        <v>10</v>
      </c>
      <c r="BH32" s="62">
        <v>17</v>
      </c>
      <c r="BI32" s="231"/>
      <c r="BJ32" s="61">
        <v>12</v>
      </c>
      <c r="BK32" s="61">
        <v>8</v>
      </c>
      <c r="BL32" s="61">
        <v>12</v>
      </c>
      <c r="BM32" s="61">
        <v>10</v>
      </c>
      <c r="BN32" s="61">
        <v>4</v>
      </c>
      <c r="BO32" s="62">
        <v>46</v>
      </c>
      <c r="BP32" s="63">
        <v>63</v>
      </c>
      <c r="BQ32" s="60">
        <v>1</v>
      </c>
      <c r="BR32" s="61">
        <v>4</v>
      </c>
      <c r="BS32" s="62">
        <v>5</v>
      </c>
      <c r="BT32" s="231"/>
      <c r="BU32" s="61">
        <v>9</v>
      </c>
      <c r="BV32" s="61">
        <v>13</v>
      </c>
      <c r="BW32" s="61">
        <v>9</v>
      </c>
      <c r="BX32" s="61">
        <v>6</v>
      </c>
      <c r="BY32" s="61">
        <v>3</v>
      </c>
      <c r="BZ32" s="62">
        <v>40</v>
      </c>
      <c r="CA32" s="63">
        <v>45</v>
      </c>
      <c r="CB32" s="60">
        <v>2</v>
      </c>
      <c r="CC32" s="61">
        <v>1</v>
      </c>
      <c r="CD32" s="62">
        <v>3</v>
      </c>
      <c r="CE32" s="231"/>
      <c r="CF32" s="61">
        <v>3</v>
      </c>
      <c r="CG32" s="61">
        <v>5</v>
      </c>
      <c r="CH32" s="61">
        <v>1</v>
      </c>
      <c r="CI32" s="61">
        <v>1</v>
      </c>
      <c r="CJ32" s="61">
        <v>0</v>
      </c>
      <c r="CK32" s="62">
        <v>10</v>
      </c>
      <c r="CL32" s="63">
        <v>13</v>
      </c>
      <c r="CM32" s="60">
        <v>25</v>
      </c>
      <c r="CN32" s="61">
        <v>32</v>
      </c>
      <c r="CO32" s="62">
        <v>57</v>
      </c>
      <c r="CP32" s="231"/>
      <c r="CQ32" s="61">
        <v>52</v>
      </c>
      <c r="CR32" s="61">
        <v>48</v>
      </c>
      <c r="CS32" s="61">
        <v>50</v>
      </c>
      <c r="CT32" s="61">
        <v>33</v>
      </c>
      <c r="CU32" s="61">
        <v>16</v>
      </c>
      <c r="CV32" s="62">
        <v>199</v>
      </c>
      <c r="CW32" s="63">
        <v>256</v>
      </c>
      <c r="CX32" s="113">
        <v>48</v>
      </c>
      <c r="CY32" s="72">
        <v>47</v>
      </c>
      <c r="CZ32" s="73">
        <v>95</v>
      </c>
      <c r="DA32" s="228"/>
      <c r="DB32" s="72">
        <v>98</v>
      </c>
      <c r="DC32" s="72">
        <v>82</v>
      </c>
      <c r="DD32" s="72">
        <v>72</v>
      </c>
      <c r="DE32" s="72">
        <v>72</v>
      </c>
      <c r="DF32" s="72">
        <v>52</v>
      </c>
      <c r="DG32" s="74">
        <v>376</v>
      </c>
      <c r="DH32" s="75">
        <v>471</v>
      </c>
      <c r="DI32" s="60">
        <v>3</v>
      </c>
      <c r="DJ32" s="61">
        <v>1</v>
      </c>
      <c r="DK32" s="62">
        <v>4</v>
      </c>
      <c r="DL32" s="231"/>
      <c r="DM32" s="61">
        <v>4</v>
      </c>
      <c r="DN32" s="61">
        <v>2</v>
      </c>
      <c r="DO32" s="61">
        <v>1</v>
      </c>
      <c r="DP32" s="61">
        <v>0</v>
      </c>
      <c r="DQ32" s="61">
        <v>3</v>
      </c>
      <c r="DR32" s="62">
        <v>10</v>
      </c>
      <c r="DS32" s="63">
        <v>14</v>
      </c>
      <c r="DT32" s="60">
        <v>2</v>
      </c>
      <c r="DU32" s="61">
        <v>4</v>
      </c>
      <c r="DV32" s="62">
        <v>6</v>
      </c>
      <c r="DW32" s="231"/>
      <c r="DX32" s="61">
        <v>8</v>
      </c>
      <c r="DY32" s="61">
        <v>5</v>
      </c>
      <c r="DZ32" s="61">
        <v>2</v>
      </c>
      <c r="EA32" s="61">
        <v>1</v>
      </c>
      <c r="EB32" s="61">
        <v>3</v>
      </c>
      <c r="EC32" s="62">
        <v>19</v>
      </c>
      <c r="ED32" s="63">
        <v>25</v>
      </c>
      <c r="EE32" s="60">
        <v>10</v>
      </c>
      <c r="EF32" s="61">
        <v>5</v>
      </c>
      <c r="EG32" s="62">
        <v>15</v>
      </c>
      <c r="EH32" s="231"/>
      <c r="EI32" s="61">
        <v>12</v>
      </c>
      <c r="EJ32" s="61">
        <v>5</v>
      </c>
      <c r="EK32" s="61">
        <v>4</v>
      </c>
      <c r="EL32" s="61">
        <v>6</v>
      </c>
      <c r="EM32" s="61">
        <v>3</v>
      </c>
      <c r="EN32" s="62">
        <v>30</v>
      </c>
      <c r="EO32" s="63">
        <v>45</v>
      </c>
      <c r="EP32" s="60">
        <v>14</v>
      </c>
      <c r="EQ32" s="61">
        <v>16</v>
      </c>
      <c r="ER32" s="62">
        <v>30</v>
      </c>
      <c r="ES32" s="231"/>
      <c r="ET32" s="61">
        <v>25</v>
      </c>
      <c r="EU32" s="61">
        <v>21</v>
      </c>
      <c r="EV32" s="61">
        <v>18</v>
      </c>
      <c r="EW32" s="61">
        <v>12</v>
      </c>
      <c r="EX32" s="61">
        <v>9</v>
      </c>
      <c r="EY32" s="62">
        <v>85</v>
      </c>
      <c r="EZ32" s="63">
        <v>115</v>
      </c>
      <c r="FA32" s="60">
        <v>15</v>
      </c>
      <c r="FB32" s="61">
        <v>11</v>
      </c>
      <c r="FC32" s="62">
        <v>26</v>
      </c>
      <c r="FD32" s="231"/>
      <c r="FE32" s="61">
        <v>27</v>
      </c>
      <c r="FF32" s="61">
        <v>23</v>
      </c>
      <c r="FG32" s="61">
        <v>19</v>
      </c>
      <c r="FH32" s="61">
        <v>21</v>
      </c>
      <c r="FI32" s="61">
        <v>15</v>
      </c>
      <c r="FJ32" s="62">
        <v>105</v>
      </c>
      <c r="FK32" s="63">
        <v>131</v>
      </c>
      <c r="FL32" s="60">
        <v>4</v>
      </c>
      <c r="FM32" s="61">
        <v>10</v>
      </c>
      <c r="FN32" s="62">
        <v>14</v>
      </c>
      <c r="FO32" s="231"/>
      <c r="FP32" s="61">
        <v>22</v>
      </c>
      <c r="FQ32" s="61">
        <v>26</v>
      </c>
      <c r="FR32" s="61">
        <v>28</v>
      </c>
      <c r="FS32" s="61">
        <v>32</v>
      </c>
      <c r="FT32" s="61">
        <v>19</v>
      </c>
      <c r="FU32" s="62">
        <v>127</v>
      </c>
      <c r="FV32" s="63">
        <v>141</v>
      </c>
      <c r="FW32" s="60">
        <v>0</v>
      </c>
      <c r="FX32" s="61">
        <v>2</v>
      </c>
      <c r="FY32" s="62">
        <v>2</v>
      </c>
      <c r="FZ32" s="231"/>
      <c r="GA32" s="61">
        <v>1</v>
      </c>
      <c r="GB32" s="61">
        <v>1</v>
      </c>
      <c r="GC32" s="61">
        <v>2</v>
      </c>
      <c r="GD32" s="61">
        <v>0</v>
      </c>
      <c r="GE32" s="61">
        <v>0</v>
      </c>
      <c r="GF32" s="62">
        <v>4</v>
      </c>
      <c r="GG32" s="63">
        <v>6</v>
      </c>
      <c r="GH32" s="60">
        <v>48</v>
      </c>
      <c r="GI32" s="61">
        <v>49</v>
      </c>
      <c r="GJ32" s="62">
        <v>97</v>
      </c>
      <c r="GK32" s="231"/>
      <c r="GL32" s="61">
        <v>99</v>
      </c>
      <c r="GM32" s="61">
        <v>83</v>
      </c>
      <c r="GN32" s="61">
        <v>74</v>
      </c>
      <c r="GO32" s="61">
        <v>72</v>
      </c>
      <c r="GP32" s="61">
        <v>52</v>
      </c>
      <c r="GQ32" s="62">
        <v>380</v>
      </c>
      <c r="GR32" s="63">
        <v>477</v>
      </c>
      <c r="GS32" s="113">
        <v>71</v>
      </c>
      <c r="GT32" s="72">
        <v>78</v>
      </c>
      <c r="GU32" s="73">
        <v>149</v>
      </c>
      <c r="GV32" s="228"/>
      <c r="GW32" s="72">
        <v>147</v>
      </c>
      <c r="GX32" s="72">
        <v>125</v>
      </c>
      <c r="GY32" s="72">
        <v>121</v>
      </c>
      <c r="GZ32" s="72">
        <v>104</v>
      </c>
      <c r="HA32" s="72">
        <v>68</v>
      </c>
      <c r="HB32" s="74">
        <v>565</v>
      </c>
      <c r="HC32" s="75">
        <v>714</v>
      </c>
      <c r="HD32" s="60">
        <v>5</v>
      </c>
      <c r="HE32" s="61">
        <v>1</v>
      </c>
      <c r="HF32" s="62">
        <v>6</v>
      </c>
      <c r="HG32" s="231"/>
      <c r="HH32" s="61">
        <v>8</v>
      </c>
      <c r="HI32" s="61">
        <v>2</v>
      </c>
      <c r="HJ32" s="61">
        <v>4</v>
      </c>
      <c r="HK32" s="61">
        <v>1</v>
      </c>
      <c r="HL32" s="61">
        <v>5</v>
      </c>
      <c r="HM32" s="62">
        <v>20</v>
      </c>
      <c r="HN32" s="63">
        <v>26</v>
      </c>
      <c r="HO32" s="60">
        <v>5</v>
      </c>
      <c r="HP32" s="61">
        <v>9</v>
      </c>
      <c r="HQ32" s="62">
        <v>14</v>
      </c>
      <c r="HR32" s="231"/>
      <c r="HS32" s="61">
        <v>14</v>
      </c>
      <c r="HT32" s="61">
        <v>8</v>
      </c>
      <c r="HU32" s="61">
        <v>11</v>
      </c>
      <c r="HV32" s="61">
        <v>3</v>
      </c>
      <c r="HW32" s="61">
        <v>4</v>
      </c>
      <c r="HX32" s="62">
        <v>40</v>
      </c>
      <c r="HY32" s="63">
        <v>54</v>
      </c>
      <c r="HZ32" s="60">
        <v>12</v>
      </c>
      <c r="IA32" s="61">
        <v>8</v>
      </c>
      <c r="IB32" s="62">
        <v>20</v>
      </c>
      <c r="IC32" s="231"/>
      <c r="ID32" s="61">
        <v>25</v>
      </c>
      <c r="IE32" s="61">
        <v>15</v>
      </c>
      <c r="IF32" s="61">
        <v>12</v>
      </c>
      <c r="IG32" s="61">
        <v>12</v>
      </c>
      <c r="IH32" s="61">
        <v>4</v>
      </c>
      <c r="II32" s="62">
        <v>68</v>
      </c>
      <c r="IJ32" s="63">
        <v>88</v>
      </c>
      <c r="IK32" s="60">
        <v>22</v>
      </c>
      <c r="IL32" s="61">
        <v>25</v>
      </c>
      <c r="IM32" s="62">
        <v>47</v>
      </c>
      <c r="IN32" s="231"/>
      <c r="IO32" s="61">
        <v>30</v>
      </c>
      <c r="IP32" s="61">
        <v>30</v>
      </c>
      <c r="IQ32" s="61">
        <v>26</v>
      </c>
      <c r="IR32" s="61">
        <v>19</v>
      </c>
      <c r="IS32" s="61">
        <v>14</v>
      </c>
      <c r="IT32" s="62">
        <v>119</v>
      </c>
      <c r="IU32" s="63">
        <v>166</v>
      </c>
      <c r="IV32" s="60">
        <v>22</v>
      </c>
      <c r="IW32" s="61">
        <v>21</v>
      </c>
      <c r="IX32" s="62">
        <v>43</v>
      </c>
      <c r="IY32" s="231"/>
      <c r="IZ32" s="61">
        <v>39</v>
      </c>
      <c r="JA32" s="61">
        <v>31</v>
      </c>
      <c r="JB32" s="61">
        <v>31</v>
      </c>
      <c r="JC32" s="61">
        <v>31</v>
      </c>
      <c r="JD32" s="61">
        <v>19</v>
      </c>
      <c r="JE32" s="62">
        <v>151</v>
      </c>
      <c r="JF32" s="63">
        <v>194</v>
      </c>
      <c r="JG32" s="60">
        <v>5</v>
      </c>
      <c r="JH32" s="61">
        <v>14</v>
      </c>
      <c r="JI32" s="62">
        <v>19</v>
      </c>
      <c r="JJ32" s="231"/>
      <c r="JK32" s="61">
        <v>31</v>
      </c>
      <c r="JL32" s="61">
        <v>39</v>
      </c>
      <c r="JM32" s="61">
        <v>37</v>
      </c>
      <c r="JN32" s="61">
        <v>38</v>
      </c>
      <c r="JO32" s="61">
        <v>22</v>
      </c>
      <c r="JP32" s="62">
        <v>167</v>
      </c>
      <c r="JQ32" s="63">
        <v>186</v>
      </c>
      <c r="JR32" s="60">
        <v>2</v>
      </c>
      <c r="JS32" s="61">
        <v>3</v>
      </c>
      <c r="JT32" s="62">
        <v>5</v>
      </c>
      <c r="JU32" s="231"/>
      <c r="JV32" s="61">
        <v>4</v>
      </c>
      <c r="JW32" s="61">
        <v>6</v>
      </c>
      <c r="JX32" s="61">
        <v>3</v>
      </c>
      <c r="JY32" s="61">
        <v>1</v>
      </c>
      <c r="JZ32" s="61">
        <v>0</v>
      </c>
      <c r="KA32" s="62">
        <v>14</v>
      </c>
      <c r="KB32" s="63">
        <v>19</v>
      </c>
      <c r="KC32" s="60">
        <v>73</v>
      </c>
      <c r="KD32" s="61">
        <v>81</v>
      </c>
      <c r="KE32" s="62">
        <v>154</v>
      </c>
      <c r="KF32" s="231"/>
      <c r="KG32" s="61">
        <v>151</v>
      </c>
      <c r="KH32" s="61">
        <v>131</v>
      </c>
      <c r="KI32" s="61">
        <v>124</v>
      </c>
      <c r="KJ32" s="61">
        <v>105</v>
      </c>
      <c r="KK32" s="61">
        <v>68</v>
      </c>
      <c r="KL32" s="62">
        <v>579</v>
      </c>
      <c r="KM32" s="63">
        <v>733</v>
      </c>
    </row>
    <row r="33" spans="2:299" ht="21" customHeight="1" x14ac:dyDescent="0.2">
      <c r="B33" s="472" t="s">
        <v>30</v>
      </c>
      <c r="C33" s="293">
        <v>24</v>
      </c>
      <c r="D33" s="72">
        <v>13</v>
      </c>
      <c r="E33" s="73">
        <v>37</v>
      </c>
      <c r="F33" s="228"/>
      <c r="G33" s="72">
        <v>28</v>
      </c>
      <c r="H33" s="72">
        <v>27</v>
      </c>
      <c r="I33" s="72">
        <v>23</v>
      </c>
      <c r="J33" s="72">
        <v>33</v>
      </c>
      <c r="K33" s="72">
        <v>9</v>
      </c>
      <c r="L33" s="74">
        <v>120</v>
      </c>
      <c r="M33" s="75">
        <v>157</v>
      </c>
      <c r="N33" s="60">
        <v>3</v>
      </c>
      <c r="O33" s="61">
        <v>2</v>
      </c>
      <c r="P33" s="62">
        <v>5</v>
      </c>
      <c r="Q33" s="231"/>
      <c r="R33" s="61">
        <v>1</v>
      </c>
      <c r="S33" s="61">
        <v>2</v>
      </c>
      <c r="T33" s="61">
        <v>1</v>
      </c>
      <c r="U33" s="61">
        <v>2</v>
      </c>
      <c r="V33" s="61">
        <v>0</v>
      </c>
      <c r="W33" s="62">
        <v>6</v>
      </c>
      <c r="X33" s="63">
        <v>11</v>
      </c>
      <c r="Y33" s="60">
        <v>4</v>
      </c>
      <c r="Z33" s="61">
        <v>2</v>
      </c>
      <c r="AA33" s="62">
        <v>6</v>
      </c>
      <c r="AB33" s="231"/>
      <c r="AC33" s="61">
        <v>3</v>
      </c>
      <c r="AD33" s="61">
        <v>5</v>
      </c>
      <c r="AE33" s="61">
        <v>2</v>
      </c>
      <c r="AF33" s="61">
        <v>3</v>
      </c>
      <c r="AG33" s="61">
        <v>1</v>
      </c>
      <c r="AH33" s="62">
        <v>14</v>
      </c>
      <c r="AI33" s="63">
        <v>20</v>
      </c>
      <c r="AJ33" s="60">
        <v>2</v>
      </c>
      <c r="AK33" s="61">
        <v>1</v>
      </c>
      <c r="AL33" s="62">
        <v>3</v>
      </c>
      <c r="AM33" s="231"/>
      <c r="AN33" s="61">
        <v>1</v>
      </c>
      <c r="AO33" s="61">
        <v>5</v>
      </c>
      <c r="AP33" s="61">
        <v>3</v>
      </c>
      <c r="AQ33" s="61">
        <v>5</v>
      </c>
      <c r="AR33" s="61">
        <v>1</v>
      </c>
      <c r="AS33" s="62">
        <v>15</v>
      </c>
      <c r="AT33" s="63">
        <v>18</v>
      </c>
      <c r="AU33" s="60">
        <v>4</v>
      </c>
      <c r="AV33" s="61">
        <v>3</v>
      </c>
      <c r="AW33" s="62">
        <v>7</v>
      </c>
      <c r="AX33" s="231"/>
      <c r="AY33" s="61">
        <v>9</v>
      </c>
      <c r="AZ33" s="61">
        <v>5</v>
      </c>
      <c r="BA33" s="61">
        <v>4</v>
      </c>
      <c r="BB33" s="61">
        <v>8</v>
      </c>
      <c r="BC33" s="61">
        <v>2</v>
      </c>
      <c r="BD33" s="62">
        <v>28</v>
      </c>
      <c r="BE33" s="63">
        <v>35</v>
      </c>
      <c r="BF33" s="60">
        <v>7</v>
      </c>
      <c r="BG33" s="61">
        <v>1</v>
      </c>
      <c r="BH33" s="62">
        <v>8</v>
      </c>
      <c r="BI33" s="231"/>
      <c r="BJ33" s="61">
        <v>8</v>
      </c>
      <c r="BK33" s="61">
        <v>5</v>
      </c>
      <c r="BL33" s="61">
        <v>8</v>
      </c>
      <c r="BM33" s="61">
        <v>7</v>
      </c>
      <c r="BN33" s="61">
        <v>2</v>
      </c>
      <c r="BO33" s="62">
        <v>30</v>
      </c>
      <c r="BP33" s="63">
        <v>38</v>
      </c>
      <c r="BQ33" s="60">
        <v>4</v>
      </c>
      <c r="BR33" s="61">
        <v>4</v>
      </c>
      <c r="BS33" s="62">
        <v>8</v>
      </c>
      <c r="BT33" s="231"/>
      <c r="BU33" s="61">
        <v>6</v>
      </c>
      <c r="BV33" s="61">
        <v>5</v>
      </c>
      <c r="BW33" s="61">
        <v>5</v>
      </c>
      <c r="BX33" s="61">
        <v>8</v>
      </c>
      <c r="BY33" s="61">
        <v>3</v>
      </c>
      <c r="BZ33" s="62">
        <v>27</v>
      </c>
      <c r="CA33" s="63">
        <v>35</v>
      </c>
      <c r="CB33" s="60">
        <v>0</v>
      </c>
      <c r="CC33" s="61">
        <v>0</v>
      </c>
      <c r="CD33" s="62">
        <v>0</v>
      </c>
      <c r="CE33" s="231"/>
      <c r="CF33" s="61">
        <v>2</v>
      </c>
      <c r="CG33" s="61">
        <v>1</v>
      </c>
      <c r="CH33" s="61">
        <v>2</v>
      </c>
      <c r="CI33" s="61">
        <v>1</v>
      </c>
      <c r="CJ33" s="61">
        <v>1</v>
      </c>
      <c r="CK33" s="62">
        <v>7</v>
      </c>
      <c r="CL33" s="63">
        <v>7</v>
      </c>
      <c r="CM33" s="60">
        <v>24</v>
      </c>
      <c r="CN33" s="61">
        <v>13</v>
      </c>
      <c r="CO33" s="62">
        <v>37</v>
      </c>
      <c r="CP33" s="231"/>
      <c r="CQ33" s="61">
        <v>30</v>
      </c>
      <c r="CR33" s="61">
        <v>28</v>
      </c>
      <c r="CS33" s="61">
        <v>25</v>
      </c>
      <c r="CT33" s="61">
        <v>34</v>
      </c>
      <c r="CU33" s="61">
        <v>10</v>
      </c>
      <c r="CV33" s="62">
        <v>127</v>
      </c>
      <c r="CW33" s="63">
        <v>164</v>
      </c>
      <c r="CX33" s="113">
        <v>50</v>
      </c>
      <c r="CY33" s="72">
        <v>33</v>
      </c>
      <c r="CZ33" s="73">
        <v>83</v>
      </c>
      <c r="DA33" s="228"/>
      <c r="DB33" s="72">
        <v>94</v>
      </c>
      <c r="DC33" s="72">
        <v>55</v>
      </c>
      <c r="DD33" s="72">
        <v>83</v>
      </c>
      <c r="DE33" s="72">
        <v>70</v>
      </c>
      <c r="DF33" s="72">
        <v>34</v>
      </c>
      <c r="DG33" s="74">
        <v>336</v>
      </c>
      <c r="DH33" s="75">
        <v>419</v>
      </c>
      <c r="DI33" s="60">
        <v>1</v>
      </c>
      <c r="DJ33" s="61">
        <v>0</v>
      </c>
      <c r="DK33" s="62">
        <v>1</v>
      </c>
      <c r="DL33" s="231"/>
      <c r="DM33" s="61">
        <v>2</v>
      </c>
      <c r="DN33" s="61">
        <v>0</v>
      </c>
      <c r="DO33" s="61">
        <v>1</v>
      </c>
      <c r="DP33" s="61">
        <v>1</v>
      </c>
      <c r="DQ33" s="61">
        <v>2</v>
      </c>
      <c r="DR33" s="62">
        <v>6</v>
      </c>
      <c r="DS33" s="63">
        <v>7</v>
      </c>
      <c r="DT33" s="60">
        <v>6</v>
      </c>
      <c r="DU33" s="61">
        <v>1</v>
      </c>
      <c r="DV33" s="62">
        <v>7</v>
      </c>
      <c r="DW33" s="231"/>
      <c r="DX33" s="61">
        <v>0</v>
      </c>
      <c r="DY33" s="61">
        <v>4</v>
      </c>
      <c r="DZ33" s="61">
        <v>2</v>
      </c>
      <c r="EA33" s="61">
        <v>4</v>
      </c>
      <c r="EB33" s="61">
        <v>3</v>
      </c>
      <c r="EC33" s="62">
        <v>13</v>
      </c>
      <c r="ED33" s="63">
        <v>20</v>
      </c>
      <c r="EE33" s="60">
        <v>11</v>
      </c>
      <c r="EF33" s="61">
        <v>2</v>
      </c>
      <c r="EG33" s="62">
        <v>13</v>
      </c>
      <c r="EH33" s="231"/>
      <c r="EI33" s="61">
        <v>15</v>
      </c>
      <c r="EJ33" s="61">
        <v>6</v>
      </c>
      <c r="EK33" s="61">
        <v>9</v>
      </c>
      <c r="EL33" s="61">
        <v>2</v>
      </c>
      <c r="EM33" s="61">
        <v>2</v>
      </c>
      <c r="EN33" s="62">
        <v>34</v>
      </c>
      <c r="EO33" s="63">
        <v>47</v>
      </c>
      <c r="EP33" s="60">
        <v>11</v>
      </c>
      <c r="EQ33" s="61">
        <v>9</v>
      </c>
      <c r="ER33" s="62">
        <v>20</v>
      </c>
      <c r="ES33" s="231"/>
      <c r="ET33" s="61">
        <v>23</v>
      </c>
      <c r="EU33" s="61">
        <v>12</v>
      </c>
      <c r="EV33" s="61">
        <v>11</v>
      </c>
      <c r="EW33" s="61">
        <v>9</v>
      </c>
      <c r="EX33" s="61">
        <v>8</v>
      </c>
      <c r="EY33" s="62">
        <v>63</v>
      </c>
      <c r="EZ33" s="63">
        <v>83</v>
      </c>
      <c r="FA33" s="60">
        <v>12</v>
      </c>
      <c r="FB33" s="61">
        <v>10</v>
      </c>
      <c r="FC33" s="62">
        <v>22</v>
      </c>
      <c r="FD33" s="231"/>
      <c r="FE33" s="61">
        <v>30</v>
      </c>
      <c r="FF33" s="61">
        <v>14</v>
      </c>
      <c r="FG33" s="61">
        <v>19</v>
      </c>
      <c r="FH33" s="61">
        <v>22</v>
      </c>
      <c r="FI33" s="61">
        <v>8</v>
      </c>
      <c r="FJ33" s="62">
        <v>93</v>
      </c>
      <c r="FK33" s="63">
        <v>115</v>
      </c>
      <c r="FL33" s="60">
        <v>9</v>
      </c>
      <c r="FM33" s="61">
        <v>11</v>
      </c>
      <c r="FN33" s="62">
        <v>20</v>
      </c>
      <c r="FO33" s="231"/>
      <c r="FP33" s="61">
        <v>24</v>
      </c>
      <c r="FQ33" s="61">
        <v>19</v>
      </c>
      <c r="FR33" s="61">
        <v>41</v>
      </c>
      <c r="FS33" s="61">
        <v>32</v>
      </c>
      <c r="FT33" s="61">
        <v>11</v>
      </c>
      <c r="FU33" s="62">
        <v>127</v>
      </c>
      <c r="FV33" s="63">
        <v>147</v>
      </c>
      <c r="FW33" s="60">
        <v>0</v>
      </c>
      <c r="FX33" s="61">
        <v>0</v>
      </c>
      <c r="FY33" s="62">
        <v>0</v>
      </c>
      <c r="FZ33" s="231"/>
      <c r="GA33" s="61">
        <v>2</v>
      </c>
      <c r="GB33" s="61">
        <v>0</v>
      </c>
      <c r="GC33" s="61">
        <v>1</v>
      </c>
      <c r="GD33" s="61">
        <v>1</v>
      </c>
      <c r="GE33" s="61">
        <v>2</v>
      </c>
      <c r="GF33" s="62">
        <v>6</v>
      </c>
      <c r="GG33" s="63">
        <v>6</v>
      </c>
      <c r="GH33" s="60">
        <v>50</v>
      </c>
      <c r="GI33" s="61">
        <v>33</v>
      </c>
      <c r="GJ33" s="62">
        <v>83</v>
      </c>
      <c r="GK33" s="231"/>
      <c r="GL33" s="61">
        <v>96</v>
      </c>
      <c r="GM33" s="61">
        <v>55</v>
      </c>
      <c r="GN33" s="61">
        <v>84</v>
      </c>
      <c r="GO33" s="61">
        <v>71</v>
      </c>
      <c r="GP33" s="61">
        <v>36</v>
      </c>
      <c r="GQ33" s="62">
        <v>342</v>
      </c>
      <c r="GR33" s="63">
        <v>425</v>
      </c>
      <c r="GS33" s="113">
        <v>74</v>
      </c>
      <c r="GT33" s="72">
        <v>46</v>
      </c>
      <c r="GU33" s="73">
        <v>120</v>
      </c>
      <c r="GV33" s="228"/>
      <c r="GW33" s="72">
        <v>122</v>
      </c>
      <c r="GX33" s="72">
        <v>82</v>
      </c>
      <c r="GY33" s="72">
        <v>106</v>
      </c>
      <c r="GZ33" s="72">
        <v>103</v>
      </c>
      <c r="HA33" s="72">
        <v>43</v>
      </c>
      <c r="HB33" s="74">
        <v>456</v>
      </c>
      <c r="HC33" s="75">
        <v>576</v>
      </c>
      <c r="HD33" s="60">
        <v>4</v>
      </c>
      <c r="HE33" s="61">
        <v>2</v>
      </c>
      <c r="HF33" s="62">
        <v>6</v>
      </c>
      <c r="HG33" s="231"/>
      <c r="HH33" s="61">
        <v>3</v>
      </c>
      <c r="HI33" s="61">
        <v>2</v>
      </c>
      <c r="HJ33" s="61">
        <v>2</v>
      </c>
      <c r="HK33" s="61">
        <v>3</v>
      </c>
      <c r="HL33" s="61">
        <v>2</v>
      </c>
      <c r="HM33" s="62">
        <v>12</v>
      </c>
      <c r="HN33" s="63">
        <v>18</v>
      </c>
      <c r="HO33" s="60">
        <v>10</v>
      </c>
      <c r="HP33" s="61">
        <v>3</v>
      </c>
      <c r="HQ33" s="62">
        <v>13</v>
      </c>
      <c r="HR33" s="231"/>
      <c r="HS33" s="61">
        <v>3</v>
      </c>
      <c r="HT33" s="61">
        <v>9</v>
      </c>
      <c r="HU33" s="61">
        <v>4</v>
      </c>
      <c r="HV33" s="61">
        <v>7</v>
      </c>
      <c r="HW33" s="61">
        <v>4</v>
      </c>
      <c r="HX33" s="62">
        <v>27</v>
      </c>
      <c r="HY33" s="63">
        <v>40</v>
      </c>
      <c r="HZ33" s="60">
        <v>13</v>
      </c>
      <c r="IA33" s="61">
        <v>3</v>
      </c>
      <c r="IB33" s="62">
        <v>16</v>
      </c>
      <c r="IC33" s="231"/>
      <c r="ID33" s="61">
        <v>16</v>
      </c>
      <c r="IE33" s="61">
        <v>11</v>
      </c>
      <c r="IF33" s="61">
        <v>12</v>
      </c>
      <c r="IG33" s="61">
        <v>7</v>
      </c>
      <c r="IH33" s="61">
        <v>3</v>
      </c>
      <c r="II33" s="62">
        <v>49</v>
      </c>
      <c r="IJ33" s="63">
        <v>65</v>
      </c>
      <c r="IK33" s="60">
        <v>15</v>
      </c>
      <c r="IL33" s="61">
        <v>12</v>
      </c>
      <c r="IM33" s="62">
        <v>27</v>
      </c>
      <c r="IN33" s="231"/>
      <c r="IO33" s="61">
        <v>32</v>
      </c>
      <c r="IP33" s="61">
        <v>17</v>
      </c>
      <c r="IQ33" s="61">
        <v>15</v>
      </c>
      <c r="IR33" s="61">
        <v>17</v>
      </c>
      <c r="IS33" s="61">
        <v>10</v>
      </c>
      <c r="IT33" s="62">
        <v>91</v>
      </c>
      <c r="IU33" s="63">
        <v>118</v>
      </c>
      <c r="IV33" s="60">
        <v>19</v>
      </c>
      <c r="IW33" s="61">
        <v>11</v>
      </c>
      <c r="IX33" s="62">
        <v>30</v>
      </c>
      <c r="IY33" s="231"/>
      <c r="IZ33" s="61">
        <v>38</v>
      </c>
      <c r="JA33" s="61">
        <v>19</v>
      </c>
      <c r="JB33" s="61">
        <v>27</v>
      </c>
      <c r="JC33" s="61">
        <v>29</v>
      </c>
      <c r="JD33" s="61">
        <v>10</v>
      </c>
      <c r="JE33" s="62">
        <v>123</v>
      </c>
      <c r="JF33" s="63">
        <v>153</v>
      </c>
      <c r="JG33" s="60">
        <v>13</v>
      </c>
      <c r="JH33" s="61">
        <v>15</v>
      </c>
      <c r="JI33" s="62">
        <v>28</v>
      </c>
      <c r="JJ33" s="231"/>
      <c r="JK33" s="61">
        <v>30</v>
      </c>
      <c r="JL33" s="61">
        <v>24</v>
      </c>
      <c r="JM33" s="61">
        <v>46</v>
      </c>
      <c r="JN33" s="61">
        <v>40</v>
      </c>
      <c r="JO33" s="61">
        <v>14</v>
      </c>
      <c r="JP33" s="62">
        <v>154</v>
      </c>
      <c r="JQ33" s="63">
        <v>182</v>
      </c>
      <c r="JR33" s="60">
        <v>0</v>
      </c>
      <c r="JS33" s="61">
        <v>0</v>
      </c>
      <c r="JT33" s="62">
        <v>0</v>
      </c>
      <c r="JU33" s="231"/>
      <c r="JV33" s="61">
        <v>4</v>
      </c>
      <c r="JW33" s="61">
        <v>1</v>
      </c>
      <c r="JX33" s="61">
        <v>3</v>
      </c>
      <c r="JY33" s="61">
        <v>2</v>
      </c>
      <c r="JZ33" s="61">
        <v>3</v>
      </c>
      <c r="KA33" s="62">
        <v>13</v>
      </c>
      <c r="KB33" s="63">
        <v>13</v>
      </c>
      <c r="KC33" s="60">
        <v>74</v>
      </c>
      <c r="KD33" s="61">
        <v>46</v>
      </c>
      <c r="KE33" s="62">
        <v>120</v>
      </c>
      <c r="KF33" s="231"/>
      <c r="KG33" s="61">
        <v>126</v>
      </c>
      <c r="KH33" s="61">
        <v>83</v>
      </c>
      <c r="KI33" s="61">
        <v>109</v>
      </c>
      <c r="KJ33" s="61">
        <v>105</v>
      </c>
      <c r="KK33" s="61">
        <v>46</v>
      </c>
      <c r="KL33" s="62">
        <v>469</v>
      </c>
      <c r="KM33" s="63">
        <v>589</v>
      </c>
    </row>
    <row r="34" spans="2:299" ht="21" customHeight="1" x14ac:dyDescent="0.2">
      <c r="B34" s="472" t="s">
        <v>31</v>
      </c>
      <c r="C34" s="293">
        <v>20</v>
      </c>
      <c r="D34" s="72">
        <v>38</v>
      </c>
      <c r="E34" s="73">
        <v>58</v>
      </c>
      <c r="F34" s="228"/>
      <c r="G34" s="72">
        <v>54</v>
      </c>
      <c r="H34" s="72">
        <v>43</v>
      </c>
      <c r="I34" s="72">
        <v>39</v>
      </c>
      <c r="J34" s="72">
        <v>33</v>
      </c>
      <c r="K34" s="72">
        <v>16</v>
      </c>
      <c r="L34" s="74">
        <v>185</v>
      </c>
      <c r="M34" s="75">
        <v>243</v>
      </c>
      <c r="N34" s="60">
        <v>0</v>
      </c>
      <c r="O34" s="61">
        <v>1</v>
      </c>
      <c r="P34" s="62">
        <v>1</v>
      </c>
      <c r="Q34" s="231"/>
      <c r="R34" s="61">
        <v>1</v>
      </c>
      <c r="S34" s="61">
        <v>3</v>
      </c>
      <c r="T34" s="61">
        <v>4</v>
      </c>
      <c r="U34" s="61">
        <v>1</v>
      </c>
      <c r="V34" s="61">
        <v>1</v>
      </c>
      <c r="W34" s="62">
        <v>10</v>
      </c>
      <c r="X34" s="63">
        <v>11</v>
      </c>
      <c r="Y34" s="60">
        <v>3</v>
      </c>
      <c r="Z34" s="61">
        <v>5</v>
      </c>
      <c r="AA34" s="62">
        <v>8</v>
      </c>
      <c r="AB34" s="231"/>
      <c r="AC34" s="61">
        <v>6</v>
      </c>
      <c r="AD34" s="61">
        <v>6</v>
      </c>
      <c r="AE34" s="61">
        <v>3</v>
      </c>
      <c r="AF34" s="61">
        <v>5</v>
      </c>
      <c r="AG34" s="61">
        <v>3</v>
      </c>
      <c r="AH34" s="62">
        <v>23</v>
      </c>
      <c r="AI34" s="63">
        <v>31</v>
      </c>
      <c r="AJ34" s="60">
        <v>4</v>
      </c>
      <c r="AK34" s="61">
        <v>6</v>
      </c>
      <c r="AL34" s="62">
        <v>10</v>
      </c>
      <c r="AM34" s="231"/>
      <c r="AN34" s="61">
        <v>7</v>
      </c>
      <c r="AO34" s="61">
        <v>3</v>
      </c>
      <c r="AP34" s="61">
        <v>9</v>
      </c>
      <c r="AQ34" s="61">
        <v>8</v>
      </c>
      <c r="AR34" s="61">
        <v>2</v>
      </c>
      <c r="AS34" s="62">
        <v>29</v>
      </c>
      <c r="AT34" s="63">
        <v>39</v>
      </c>
      <c r="AU34" s="60">
        <v>4</v>
      </c>
      <c r="AV34" s="61">
        <v>12</v>
      </c>
      <c r="AW34" s="62">
        <v>16</v>
      </c>
      <c r="AX34" s="231"/>
      <c r="AY34" s="61">
        <v>12</v>
      </c>
      <c r="AZ34" s="61">
        <v>10</v>
      </c>
      <c r="BA34" s="61">
        <v>5</v>
      </c>
      <c r="BB34" s="61">
        <v>4</v>
      </c>
      <c r="BC34" s="61">
        <v>2</v>
      </c>
      <c r="BD34" s="62">
        <v>33</v>
      </c>
      <c r="BE34" s="63">
        <v>49</v>
      </c>
      <c r="BF34" s="60">
        <v>4</v>
      </c>
      <c r="BG34" s="61">
        <v>7</v>
      </c>
      <c r="BH34" s="62">
        <v>11</v>
      </c>
      <c r="BI34" s="231"/>
      <c r="BJ34" s="61">
        <v>16</v>
      </c>
      <c r="BK34" s="61">
        <v>9</v>
      </c>
      <c r="BL34" s="61">
        <v>6</v>
      </c>
      <c r="BM34" s="61">
        <v>9</v>
      </c>
      <c r="BN34" s="61">
        <v>4</v>
      </c>
      <c r="BO34" s="62">
        <v>44</v>
      </c>
      <c r="BP34" s="63">
        <v>55</v>
      </c>
      <c r="BQ34" s="60">
        <v>5</v>
      </c>
      <c r="BR34" s="61">
        <v>7</v>
      </c>
      <c r="BS34" s="62">
        <v>12</v>
      </c>
      <c r="BT34" s="231"/>
      <c r="BU34" s="61">
        <v>12</v>
      </c>
      <c r="BV34" s="61">
        <v>12</v>
      </c>
      <c r="BW34" s="61">
        <v>12</v>
      </c>
      <c r="BX34" s="61">
        <v>6</v>
      </c>
      <c r="BY34" s="61">
        <v>4</v>
      </c>
      <c r="BZ34" s="62">
        <v>46</v>
      </c>
      <c r="CA34" s="63">
        <v>58</v>
      </c>
      <c r="CB34" s="60">
        <v>0</v>
      </c>
      <c r="CC34" s="61">
        <v>4</v>
      </c>
      <c r="CD34" s="62">
        <v>4</v>
      </c>
      <c r="CE34" s="231"/>
      <c r="CF34" s="61">
        <v>1</v>
      </c>
      <c r="CG34" s="61">
        <v>0</v>
      </c>
      <c r="CH34" s="61">
        <v>0</v>
      </c>
      <c r="CI34" s="61">
        <v>1</v>
      </c>
      <c r="CJ34" s="61">
        <v>0</v>
      </c>
      <c r="CK34" s="62">
        <v>2</v>
      </c>
      <c r="CL34" s="63">
        <v>6</v>
      </c>
      <c r="CM34" s="60">
        <v>20</v>
      </c>
      <c r="CN34" s="61">
        <v>42</v>
      </c>
      <c r="CO34" s="62">
        <v>62</v>
      </c>
      <c r="CP34" s="231"/>
      <c r="CQ34" s="61">
        <v>55</v>
      </c>
      <c r="CR34" s="61">
        <v>43</v>
      </c>
      <c r="CS34" s="61">
        <v>39</v>
      </c>
      <c r="CT34" s="61">
        <v>34</v>
      </c>
      <c r="CU34" s="61">
        <v>16</v>
      </c>
      <c r="CV34" s="62">
        <v>187</v>
      </c>
      <c r="CW34" s="63">
        <v>249</v>
      </c>
      <c r="CX34" s="113">
        <v>52</v>
      </c>
      <c r="CY34" s="72">
        <v>84</v>
      </c>
      <c r="CZ34" s="73">
        <v>136</v>
      </c>
      <c r="DA34" s="228"/>
      <c r="DB34" s="72">
        <v>113</v>
      </c>
      <c r="DC34" s="72">
        <v>88</v>
      </c>
      <c r="DD34" s="72">
        <v>77</v>
      </c>
      <c r="DE34" s="72">
        <v>68</v>
      </c>
      <c r="DF34" s="72">
        <v>43</v>
      </c>
      <c r="DG34" s="74">
        <v>389</v>
      </c>
      <c r="DH34" s="75">
        <v>525</v>
      </c>
      <c r="DI34" s="60">
        <v>0</v>
      </c>
      <c r="DJ34" s="61">
        <v>3</v>
      </c>
      <c r="DK34" s="62">
        <v>3</v>
      </c>
      <c r="DL34" s="231"/>
      <c r="DM34" s="61">
        <v>1</v>
      </c>
      <c r="DN34" s="61">
        <v>1</v>
      </c>
      <c r="DO34" s="61">
        <v>1</v>
      </c>
      <c r="DP34" s="61">
        <v>2</v>
      </c>
      <c r="DQ34" s="61">
        <v>2</v>
      </c>
      <c r="DR34" s="62">
        <v>7</v>
      </c>
      <c r="DS34" s="63">
        <v>10</v>
      </c>
      <c r="DT34" s="60">
        <v>2</v>
      </c>
      <c r="DU34" s="61">
        <v>5</v>
      </c>
      <c r="DV34" s="62">
        <v>7</v>
      </c>
      <c r="DW34" s="231"/>
      <c r="DX34" s="61">
        <v>13</v>
      </c>
      <c r="DY34" s="61">
        <v>5</v>
      </c>
      <c r="DZ34" s="61">
        <v>3</v>
      </c>
      <c r="EA34" s="61">
        <v>5</v>
      </c>
      <c r="EB34" s="61">
        <v>2</v>
      </c>
      <c r="EC34" s="62">
        <v>28</v>
      </c>
      <c r="ED34" s="63">
        <v>35</v>
      </c>
      <c r="EE34" s="60">
        <v>2</v>
      </c>
      <c r="EF34" s="61">
        <v>7</v>
      </c>
      <c r="EG34" s="62">
        <v>9</v>
      </c>
      <c r="EH34" s="231"/>
      <c r="EI34" s="61">
        <v>10</v>
      </c>
      <c r="EJ34" s="61">
        <v>7</v>
      </c>
      <c r="EK34" s="61">
        <v>4</v>
      </c>
      <c r="EL34" s="61">
        <v>6</v>
      </c>
      <c r="EM34" s="61">
        <v>2</v>
      </c>
      <c r="EN34" s="62">
        <v>29</v>
      </c>
      <c r="EO34" s="63">
        <v>38</v>
      </c>
      <c r="EP34" s="60">
        <v>15</v>
      </c>
      <c r="EQ34" s="61">
        <v>27</v>
      </c>
      <c r="ER34" s="62">
        <v>42</v>
      </c>
      <c r="ES34" s="231"/>
      <c r="ET34" s="61">
        <v>21</v>
      </c>
      <c r="EU34" s="61">
        <v>15</v>
      </c>
      <c r="EV34" s="61">
        <v>15</v>
      </c>
      <c r="EW34" s="61">
        <v>8</v>
      </c>
      <c r="EX34" s="61">
        <v>5</v>
      </c>
      <c r="EY34" s="62">
        <v>64</v>
      </c>
      <c r="EZ34" s="63">
        <v>106</v>
      </c>
      <c r="FA34" s="60">
        <v>23</v>
      </c>
      <c r="FB34" s="61">
        <v>27</v>
      </c>
      <c r="FC34" s="62">
        <v>50</v>
      </c>
      <c r="FD34" s="231"/>
      <c r="FE34" s="61">
        <v>26</v>
      </c>
      <c r="FF34" s="61">
        <v>32</v>
      </c>
      <c r="FG34" s="61">
        <v>23</v>
      </c>
      <c r="FH34" s="61">
        <v>17</v>
      </c>
      <c r="FI34" s="61">
        <v>12</v>
      </c>
      <c r="FJ34" s="62">
        <v>110</v>
      </c>
      <c r="FK34" s="63">
        <v>160</v>
      </c>
      <c r="FL34" s="60">
        <v>10</v>
      </c>
      <c r="FM34" s="61">
        <v>15</v>
      </c>
      <c r="FN34" s="62">
        <v>25</v>
      </c>
      <c r="FO34" s="231"/>
      <c r="FP34" s="61">
        <v>42</v>
      </c>
      <c r="FQ34" s="61">
        <v>28</v>
      </c>
      <c r="FR34" s="61">
        <v>31</v>
      </c>
      <c r="FS34" s="61">
        <v>30</v>
      </c>
      <c r="FT34" s="61">
        <v>20</v>
      </c>
      <c r="FU34" s="62">
        <v>151</v>
      </c>
      <c r="FV34" s="63">
        <v>176</v>
      </c>
      <c r="FW34" s="60">
        <v>0</v>
      </c>
      <c r="FX34" s="61">
        <v>0</v>
      </c>
      <c r="FY34" s="62">
        <v>0</v>
      </c>
      <c r="FZ34" s="231"/>
      <c r="GA34" s="61">
        <v>1</v>
      </c>
      <c r="GB34" s="61">
        <v>0</v>
      </c>
      <c r="GC34" s="61">
        <v>1</v>
      </c>
      <c r="GD34" s="61">
        <v>1</v>
      </c>
      <c r="GE34" s="61">
        <v>1</v>
      </c>
      <c r="GF34" s="62">
        <v>4</v>
      </c>
      <c r="GG34" s="63">
        <v>4</v>
      </c>
      <c r="GH34" s="60">
        <v>52</v>
      </c>
      <c r="GI34" s="61">
        <v>84</v>
      </c>
      <c r="GJ34" s="62">
        <v>136</v>
      </c>
      <c r="GK34" s="231"/>
      <c r="GL34" s="61">
        <v>114</v>
      </c>
      <c r="GM34" s="61">
        <v>88</v>
      </c>
      <c r="GN34" s="61">
        <v>78</v>
      </c>
      <c r="GO34" s="61">
        <v>69</v>
      </c>
      <c r="GP34" s="61">
        <v>44</v>
      </c>
      <c r="GQ34" s="62">
        <v>393</v>
      </c>
      <c r="GR34" s="63">
        <v>529</v>
      </c>
      <c r="GS34" s="113">
        <v>72</v>
      </c>
      <c r="GT34" s="72">
        <v>122</v>
      </c>
      <c r="GU34" s="73">
        <v>194</v>
      </c>
      <c r="GV34" s="228"/>
      <c r="GW34" s="72">
        <v>167</v>
      </c>
      <c r="GX34" s="72">
        <v>131</v>
      </c>
      <c r="GY34" s="72">
        <v>116</v>
      </c>
      <c r="GZ34" s="72">
        <v>101</v>
      </c>
      <c r="HA34" s="72">
        <v>59</v>
      </c>
      <c r="HB34" s="74">
        <v>574</v>
      </c>
      <c r="HC34" s="75">
        <v>768</v>
      </c>
      <c r="HD34" s="60">
        <v>0</v>
      </c>
      <c r="HE34" s="61">
        <v>4</v>
      </c>
      <c r="HF34" s="62">
        <v>4</v>
      </c>
      <c r="HG34" s="231"/>
      <c r="HH34" s="61">
        <v>2</v>
      </c>
      <c r="HI34" s="61">
        <v>4</v>
      </c>
      <c r="HJ34" s="61">
        <v>5</v>
      </c>
      <c r="HK34" s="61">
        <v>3</v>
      </c>
      <c r="HL34" s="61">
        <v>3</v>
      </c>
      <c r="HM34" s="62">
        <v>17</v>
      </c>
      <c r="HN34" s="63">
        <v>21</v>
      </c>
      <c r="HO34" s="60">
        <v>5</v>
      </c>
      <c r="HP34" s="61">
        <v>10</v>
      </c>
      <c r="HQ34" s="62">
        <v>15</v>
      </c>
      <c r="HR34" s="231"/>
      <c r="HS34" s="61">
        <v>19</v>
      </c>
      <c r="HT34" s="61">
        <v>11</v>
      </c>
      <c r="HU34" s="61">
        <v>6</v>
      </c>
      <c r="HV34" s="61">
        <v>10</v>
      </c>
      <c r="HW34" s="61">
        <v>5</v>
      </c>
      <c r="HX34" s="62">
        <v>51</v>
      </c>
      <c r="HY34" s="63">
        <v>66</v>
      </c>
      <c r="HZ34" s="60">
        <v>6</v>
      </c>
      <c r="IA34" s="61">
        <v>13</v>
      </c>
      <c r="IB34" s="62">
        <v>19</v>
      </c>
      <c r="IC34" s="231"/>
      <c r="ID34" s="61">
        <v>17</v>
      </c>
      <c r="IE34" s="61">
        <v>10</v>
      </c>
      <c r="IF34" s="61">
        <v>13</v>
      </c>
      <c r="IG34" s="61">
        <v>14</v>
      </c>
      <c r="IH34" s="61">
        <v>4</v>
      </c>
      <c r="II34" s="62">
        <v>58</v>
      </c>
      <c r="IJ34" s="63">
        <v>77</v>
      </c>
      <c r="IK34" s="60">
        <v>19</v>
      </c>
      <c r="IL34" s="61">
        <v>39</v>
      </c>
      <c r="IM34" s="62">
        <v>58</v>
      </c>
      <c r="IN34" s="231"/>
      <c r="IO34" s="61">
        <v>33</v>
      </c>
      <c r="IP34" s="61">
        <v>25</v>
      </c>
      <c r="IQ34" s="61">
        <v>20</v>
      </c>
      <c r="IR34" s="61">
        <v>12</v>
      </c>
      <c r="IS34" s="61">
        <v>7</v>
      </c>
      <c r="IT34" s="62">
        <v>97</v>
      </c>
      <c r="IU34" s="63">
        <v>155</v>
      </c>
      <c r="IV34" s="60">
        <v>27</v>
      </c>
      <c r="IW34" s="61">
        <v>34</v>
      </c>
      <c r="IX34" s="62">
        <v>61</v>
      </c>
      <c r="IY34" s="231"/>
      <c r="IZ34" s="61">
        <v>42</v>
      </c>
      <c r="JA34" s="61">
        <v>41</v>
      </c>
      <c r="JB34" s="61">
        <v>29</v>
      </c>
      <c r="JC34" s="61">
        <v>26</v>
      </c>
      <c r="JD34" s="61">
        <v>16</v>
      </c>
      <c r="JE34" s="62">
        <v>154</v>
      </c>
      <c r="JF34" s="63">
        <v>215</v>
      </c>
      <c r="JG34" s="60">
        <v>15</v>
      </c>
      <c r="JH34" s="61">
        <v>22</v>
      </c>
      <c r="JI34" s="62">
        <v>37</v>
      </c>
      <c r="JJ34" s="231"/>
      <c r="JK34" s="61">
        <v>54</v>
      </c>
      <c r="JL34" s="61">
        <v>40</v>
      </c>
      <c r="JM34" s="61">
        <v>43</v>
      </c>
      <c r="JN34" s="61">
        <v>36</v>
      </c>
      <c r="JO34" s="61">
        <v>24</v>
      </c>
      <c r="JP34" s="62">
        <v>197</v>
      </c>
      <c r="JQ34" s="63">
        <v>234</v>
      </c>
      <c r="JR34" s="60">
        <v>0</v>
      </c>
      <c r="JS34" s="61">
        <v>4</v>
      </c>
      <c r="JT34" s="62">
        <v>4</v>
      </c>
      <c r="JU34" s="231"/>
      <c r="JV34" s="61">
        <v>2</v>
      </c>
      <c r="JW34" s="61">
        <v>0</v>
      </c>
      <c r="JX34" s="61">
        <v>1</v>
      </c>
      <c r="JY34" s="61">
        <v>2</v>
      </c>
      <c r="JZ34" s="61">
        <v>1</v>
      </c>
      <c r="KA34" s="62">
        <v>6</v>
      </c>
      <c r="KB34" s="63">
        <v>10</v>
      </c>
      <c r="KC34" s="60">
        <v>72</v>
      </c>
      <c r="KD34" s="61">
        <v>126</v>
      </c>
      <c r="KE34" s="62">
        <v>198</v>
      </c>
      <c r="KF34" s="231"/>
      <c r="KG34" s="61">
        <v>169</v>
      </c>
      <c r="KH34" s="61">
        <v>131</v>
      </c>
      <c r="KI34" s="61">
        <v>117</v>
      </c>
      <c r="KJ34" s="61">
        <v>103</v>
      </c>
      <c r="KK34" s="61">
        <v>60</v>
      </c>
      <c r="KL34" s="62">
        <v>580</v>
      </c>
      <c r="KM34" s="63">
        <v>778</v>
      </c>
    </row>
    <row r="35" spans="2:299" ht="21" customHeight="1" x14ac:dyDescent="0.2">
      <c r="B35" s="472" t="s">
        <v>32</v>
      </c>
      <c r="C35" s="293">
        <v>22</v>
      </c>
      <c r="D35" s="72">
        <v>23</v>
      </c>
      <c r="E35" s="73">
        <v>45</v>
      </c>
      <c r="F35" s="228"/>
      <c r="G35" s="72">
        <v>70</v>
      </c>
      <c r="H35" s="72">
        <v>56</v>
      </c>
      <c r="I35" s="72">
        <v>39</v>
      </c>
      <c r="J35" s="72">
        <v>32</v>
      </c>
      <c r="K35" s="72">
        <v>26</v>
      </c>
      <c r="L35" s="74">
        <v>223</v>
      </c>
      <c r="M35" s="75">
        <v>268</v>
      </c>
      <c r="N35" s="60">
        <v>2</v>
      </c>
      <c r="O35" s="61">
        <v>1</v>
      </c>
      <c r="P35" s="62">
        <v>3</v>
      </c>
      <c r="Q35" s="231"/>
      <c r="R35" s="61">
        <v>5</v>
      </c>
      <c r="S35" s="61">
        <v>2</v>
      </c>
      <c r="T35" s="61">
        <v>3</v>
      </c>
      <c r="U35" s="61">
        <v>3</v>
      </c>
      <c r="V35" s="61">
        <v>0</v>
      </c>
      <c r="W35" s="62">
        <v>13</v>
      </c>
      <c r="X35" s="63">
        <v>16</v>
      </c>
      <c r="Y35" s="60">
        <v>5</v>
      </c>
      <c r="Z35" s="61">
        <v>1</v>
      </c>
      <c r="AA35" s="62">
        <v>6</v>
      </c>
      <c r="AB35" s="231"/>
      <c r="AC35" s="61">
        <v>3</v>
      </c>
      <c r="AD35" s="61">
        <v>8</v>
      </c>
      <c r="AE35" s="61">
        <v>3</v>
      </c>
      <c r="AF35" s="61">
        <v>5</v>
      </c>
      <c r="AG35" s="61">
        <v>4</v>
      </c>
      <c r="AH35" s="62">
        <v>23</v>
      </c>
      <c r="AI35" s="63">
        <v>29</v>
      </c>
      <c r="AJ35" s="60">
        <v>4</v>
      </c>
      <c r="AK35" s="61">
        <v>0</v>
      </c>
      <c r="AL35" s="62">
        <v>4</v>
      </c>
      <c r="AM35" s="231"/>
      <c r="AN35" s="61">
        <v>9</v>
      </c>
      <c r="AO35" s="61">
        <v>9</v>
      </c>
      <c r="AP35" s="61">
        <v>3</v>
      </c>
      <c r="AQ35" s="61">
        <v>1</v>
      </c>
      <c r="AR35" s="61">
        <v>6</v>
      </c>
      <c r="AS35" s="62">
        <v>28</v>
      </c>
      <c r="AT35" s="63">
        <v>32</v>
      </c>
      <c r="AU35" s="60">
        <v>4</v>
      </c>
      <c r="AV35" s="61">
        <v>7</v>
      </c>
      <c r="AW35" s="62">
        <v>11</v>
      </c>
      <c r="AX35" s="231"/>
      <c r="AY35" s="61">
        <v>25</v>
      </c>
      <c r="AZ35" s="61">
        <v>12</v>
      </c>
      <c r="BA35" s="61">
        <v>12</v>
      </c>
      <c r="BB35" s="61">
        <v>7</v>
      </c>
      <c r="BC35" s="61">
        <v>7</v>
      </c>
      <c r="BD35" s="62">
        <v>63</v>
      </c>
      <c r="BE35" s="63">
        <v>74</v>
      </c>
      <c r="BF35" s="60">
        <v>5</v>
      </c>
      <c r="BG35" s="61">
        <v>8</v>
      </c>
      <c r="BH35" s="62">
        <v>13</v>
      </c>
      <c r="BI35" s="231"/>
      <c r="BJ35" s="61">
        <v>19</v>
      </c>
      <c r="BK35" s="61">
        <v>11</v>
      </c>
      <c r="BL35" s="61">
        <v>14</v>
      </c>
      <c r="BM35" s="61">
        <v>7</v>
      </c>
      <c r="BN35" s="61">
        <v>8</v>
      </c>
      <c r="BO35" s="62">
        <v>59</v>
      </c>
      <c r="BP35" s="63">
        <v>72</v>
      </c>
      <c r="BQ35" s="60">
        <v>2</v>
      </c>
      <c r="BR35" s="61">
        <v>6</v>
      </c>
      <c r="BS35" s="62">
        <v>8</v>
      </c>
      <c r="BT35" s="231"/>
      <c r="BU35" s="61">
        <v>9</v>
      </c>
      <c r="BV35" s="61">
        <v>14</v>
      </c>
      <c r="BW35" s="61">
        <v>4</v>
      </c>
      <c r="BX35" s="61">
        <v>9</v>
      </c>
      <c r="BY35" s="61">
        <v>1</v>
      </c>
      <c r="BZ35" s="62">
        <v>37</v>
      </c>
      <c r="CA35" s="63">
        <v>45</v>
      </c>
      <c r="CB35" s="60">
        <v>1</v>
      </c>
      <c r="CC35" s="61">
        <v>1</v>
      </c>
      <c r="CD35" s="62">
        <v>2</v>
      </c>
      <c r="CE35" s="231"/>
      <c r="CF35" s="61">
        <v>4</v>
      </c>
      <c r="CG35" s="61">
        <v>4</v>
      </c>
      <c r="CH35" s="61">
        <v>2</v>
      </c>
      <c r="CI35" s="61">
        <v>3</v>
      </c>
      <c r="CJ35" s="61">
        <v>4</v>
      </c>
      <c r="CK35" s="62">
        <v>17</v>
      </c>
      <c r="CL35" s="63">
        <v>19</v>
      </c>
      <c r="CM35" s="60">
        <v>23</v>
      </c>
      <c r="CN35" s="61">
        <v>24</v>
      </c>
      <c r="CO35" s="62">
        <v>47</v>
      </c>
      <c r="CP35" s="231"/>
      <c r="CQ35" s="61">
        <v>74</v>
      </c>
      <c r="CR35" s="61">
        <v>60</v>
      </c>
      <c r="CS35" s="61">
        <v>41</v>
      </c>
      <c r="CT35" s="61">
        <v>35</v>
      </c>
      <c r="CU35" s="61">
        <v>30</v>
      </c>
      <c r="CV35" s="62">
        <v>240</v>
      </c>
      <c r="CW35" s="63">
        <v>287</v>
      </c>
      <c r="CX35" s="113">
        <v>36</v>
      </c>
      <c r="CY35" s="72">
        <v>70</v>
      </c>
      <c r="CZ35" s="73">
        <v>106</v>
      </c>
      <c r="DA35" s="228"/>
      <c r="DB35" s="72">
        <v>123</v>
      </c>
      <c r="DC35" s="72">
        <v>92</v>
      </c>
      <c r="DD35" s="72">
        <v>83</v>
      </c>
      <c r="DE35" s="72">
        <v>74</v>
      </c>
      <c r="DF35" s="72">
        <v>43</v>
      </c>
      <c r="DG35" s="74">
        <v>415</v>
      </c>
      <c r="DH35" s="75">
        <v>521</v>
      </c>
      <c r="DI35" s="60">
        <v>2</v>
      </c>
      <c r="DJ35" s="61">
        <v>0</v>
      </c>
      <c r="DK35" s="62">
        <v>2</v>
      </c>
      <c r="DL35" s="231"/>
      <c r="DM35" s="61">
        <v>6</v>
      </c>
      <c r="DN35" s="61">
        <v>5</v>
      </c>
      <c r="DO35" s="61">
        <v>1</v>
      </c>
      <c r="DP35" s="61">
        <v>0</v>
      </c>
      <c r="DQ35" s="61">
        <v>0</v>
      </c>
      <c r="DR35" s="62">
        <v>12</v>
      </c>
      <c r="DS35" s="63">
        <v>14</v>
      </c>
      <c r="DT35" s="60">
        <v>2</v>
      </c>
      <c r="DU35" s="61">
        <v>3</v>
      </c>
      <c r="DV35" s="62">
        <v>5</v>
      </c>
      <c r="DW35" s="231"/>
      <c r="DX35" s="61">
        <v>9</v>
      </c>
      <c r="DY35" s="61">
        <v>2</v>
      </c>
      <c r="DZ35" s="61">
        <v>2</v>
      </c>
      <c r="EA35" s="61">
        <v>6</v>
      </c>
      <c r="EB35" s="61">
        <v>3</v>
      </c>
      <c r="EC35" s="62">
        <v>22</v>
      </c>
      <c r="ED35" s="63">
        <v>27</v>
      </c>
      <c r="EE35" s="60">
        <v>6</v>
      </c>
      <c r="EF35" s="61">
        <v>11</v>
      </c>
      <c r="EG35" s="62">
        <v>17</v>
      </c>
      <c r="EH35" s="231"/>
      <c r="EI35" s="61">
        <v>17</v>
      </c>
      <c r="EJ35" s="61">
        <v>5</v>
      </c>
      <c r="EK35" s="61">
        <v>7</v>
      </c>
      <c r="EL35" s="61">
        <v>2</v>
      </c>
      <c r="EM35" s="61">
        <v>6</v>
      </c>
      <c r="EN35" s="62">
        <v>37</v>
      </c>
      <c r="EO35" s="63">
        <v>54</v>
      </c>
      <c r="EP35" s="60">
        <v>12</v>
      </c>
      <c r="EQ35" s="61">
        <v>18</v>
      </c>
      <c r="ER35" s="62">
        <v>30</v>
      </c>
      <c r="ES35" s="231"/>
      <c r="ET35" s="61">
        <v>25</v>
      </c>
      <c r="EU35" s="61">
        <v>23</v>
      </c>
      <c r="EV35" s="61">
        <v>19</v>
      </c>
      <c r="EW35" s="61">
        <v>10</v>
      </c>
      <c r="EX35" s="61">
        <v>8</v>
      </c>
      <c r="EY35" s="62">
        <v>85</v>
      </c>
      <c r="EZ35" s="63">
        <v>115</v>
      </c>
      <c r="FA35" s="60">
        <v>9</v>
      </c>
      <c r="FB35" s="61">
        <v>17</v>
      </c>
      <c r="FC35" s="62">
        <v>26</v>
      </c>
      <c r="FD35" s="231"/>
      <c r="FE35" s="61">
        <v>28</v>
      </c>
      <c r="FF35" s="61">
        <v>25</v>
      </c>
      <c r="FG35" s="61">
        <v>16</v>
      </c>
      <c r="FH35" s="61">
        <v>19</v>
      </c>
      <c r="FI35" s="61">
        <v>11</v>
      </c>
      <c r="FJ35" s="62">
        <v>99</v>
      </c>
      <c r="FK35" s="63">
        <v>125</v>
      </c>
      <c r="FL35" s="60">
        <v>5</v>
      </c>
      <c r="FM35" s="61">
        <v>21</v>
      </c>
      <c r="FN35" s="62">
        <v>26</v>
      </c>
      <c r="FO35" s="231"/>
      <c r="FP35" s="61">
        <v>38</v>
      </c>
      <c r="FQ35" s="61">
        <v>32</v>
      </c>
      <c r="FR35" s="61">
        <v>38</v>
      </c>
      <c r="FS35" s="61">
        <v>37</v>
      </c>
      <c r="FT35" s="61">
        <v>15</v>
      </c>
      <c r="FU35" s="62">
        <v>160</v>
      </c>
      <c r="FV35" s="63">
        <v>186</v>
      </c>
      <c r="FW35" s="60">
        <v>1</v>
      </c>
      <c r="FX35" s="61">
        <v>1</v>
      </c>
      <c r="FY35" s="62">
        <v>2</v>
      </c>
      <c r="FZ35" s="231"/>
      <c r="GA35" s="61">
        <v>3</v>
      </c>
      <c r="GB35" s="61">
        <v>3</v>
      </c>
      <c r="GC35" s="61">
        <v>1</v>
      </c>
      <c r="GD35" s="61">
        <v>0</v>
      </c>
      <c r="GE35" s="61">
        <v>1</v>
      </c>
      <c r="GF35" s="62">
        <v>8</v>
      </c>
      <c r="GG35" s="63">
        <v>10</v>
      </c>
      <c r="GH35" s="60">
        <v>37</v>
      </c>
      <c r="GI35" s="61">
        <v>71</v>
      </c>
      <c r="GJ35" s="62">
        <v>108</v>
      </c>
      <c r="GK35" s="231"/>
      <c r="GL35" s="61">
        <v>126</v>
      </c>
      <c r="GM35" s="61">
        <v>95</v>
      </c>
      <c r="GN35" s="61">
        <v>84</v>
      </c>
      <c r="GO35" s="61">
        <v>74</v>
      </c>
      <c r="GP35" s="61">
        <v>44</v>
      </c>
      <c r="GQ35" s="62">
        <v>423</v>
      </c>
      <c r="GR35" s="63">
        <v>531</v>
      </c>
      <c r="GS35" s="113">
        <v>58</v>
      </c>
      <c r="GT35" s="72">
        <v>93</v>
      </c>
      <c r="GU35" s="73">
        <v>151</v>
      </c>
      <c r="GV35" s="228"/>
      <c r="GW35" s="72">
        <v>193</v>
      </c>
      <c r="GX35" s="72">
        <v>148</v>
      </c>
      <c r="GY35" s="72">
        <v>122</v>
      </c>
      <c r="GZ35" s="72">
        <v>106</v>
      </c>
      <c r="HA35" s="72">
        <v>69</v>
      </c>
      <c r="HB35" s="74">
        <v>638</v>
      </c>
      <c r="HC35" s="75">
        <v>789</v>
      </c>
      <c r="HD35" s="60">
        <v>4</v>
      </c>
      <c r="HE35" s="61">
        <v>1</v>
      </c>
      <c r="HF35" s="62">
        <v>5</v>
      </c>
      <c r="HG35" s="231"/>
      <c r="HH35" s="61">
        <v>11</v>
      </c>
      <c r="HI35" s="61">
        <v>7</v>
      </c>
      <c r="HJ35" s="61">
        <v>4</v>
      </c>
      <c r="HK35" s="61">
        <v>3</v>
      </c>
      <c r="HL35" s="61">
        <v>0</v>
      </c>
      <c r="HM35" s="62">
        <v>25</v>
      </c>
      <c r="HN35" s="63">
        <v>30</v>
      </c>
      <c r="HO35" s="60">
        <v>7</v>
      </c>
      <c r="HP35" s="61">
        <v>4</v>
      </c>
      <c r="HQ35" s="62">
        <v>11</v>
      </c>
      <c r="HR35" s="231"/>
      <c r="HS35" s="61">
        <v>12</v>
      </c>
      <c r="HT35" s="61">
        <v>10</v>
      </c>
      <c r="HU35" s="61">
        <v>5</v>
      </c>
      <c r="HV35" s="61">
        <v>11</v>
      </c>
      <c r="HW35" s="61">
        <v>7</v>
      </c>
      <c r="HX35" s="62">
        <v>45</v>
      </c>
      <c r="HY35" s="63">
        <v>56</v>
      </c>
      <c r="HZ35" s="60">
        <v>10</v>
      </c>
      <c r="IA35" s="61">
        <v>11</v>
      </c>
      <c r="IB35" s="62">
        <v>21</v>
      </c>
      <c r="IC35" s="231"/>
      <c r="ID35" s="61">
        <v>26</v>
      </c>
      <c r="IE35" s="61">
        <v>14</v>
      </c>
      <c r="IF35" s="61">
        <v>10</v>
      </c>
      <c r="IG35" s="61">
        <v>3</v>
      </c>
      <c r="IH35" s="61">
        <v>12</v>
      </c>
      <c r="II35" s="62">
        <v>65</v>
      </c>
      <c r="IJ35" s="63">
        <v>86</v>
      </c>
      <c r="IK35" s="60">
        <v>16</v>
      </c>
      <c r="IL35" s="61">
        <v>25</v>
      </c>
      <c r="IM35" s="62">
        <v>41</v>
      </c>
      <c r="IN35" s="231"/>
      <c r="IO35" s="61">
        <v>50</v>
      </c>
      <c r="IP35" s="61">
        <v>35</v>
      </c>
      <c r="IQ35" s="61">
        <v>31</v>
      </c>
      <c r="IR35" s="61">
        <v>17</v>
      </c>
      <c r="IS35" s="61">
        <v>15</v>
      </c>
      <c r="IT35" s="62">
        <v>148</v>
      </c>
      <c r="IU35" s="63">
        <v>189</v>
      </c>
      <c r="IV35" s="60">
        <v>14</v>
      </c>
      <c r="IW35" s="61">
        <v>25</v>
      </c>
      <c r="IX35" s="62">
        <v>39</v>
      </c>
      <c r="IY35" s="231"/>
      <c r="IZ35" s="61">
        <v>47</v>
      </c>
      <c r="JA35" s="61">
        <v>36</v>
      </c>
      <c r="JB35" s="61">
        <v>30</v>
      </c>
      <c r="JC35" s="61">
        <v>26</v>
      </c>
      <c r="JD35" s="61">
        <v>19</v>
      </c>
      <c r="JE35" s="62">
        <v>158</v>
      </c>
      <c r="JF35" s="63">
        <v>197</v>
      </c>
      <c r="JG35" s="60">
        <v>7</v>
      </c>
      <c r="JH35" s="61">
        <v>27</v>
      </c>
      <c r="JI35" s="62">
        <v>34</v>
      </c>
      <c r="JJ35" s="231"/>
      <c r="JK35" s="61">
        <v>47</v>
      </c>
      <c r="JL35" s="61">
        <v>46</v>
      </c>
      <c r="JM35" s="61">
        <v>42</v>
      </c>
      <c r="JN35" s="61">
        <v>46</v>
      </c>
      <c r="JO35" s="61">
        <v>16</v>
      </c>
      <c r="JP35" s="62">
        <v>197</v>
      </c>
      <c r="JQ35" s="63">
        <v>231</v>
      </c>
      <c r="JR35" s="60">
        <v>2</v>
      </c>
      <c r="JS35" s="61">
        <v>2</v>
      </c>
      <c r="JT35" s="62">
        <v>4</v>
      </c>
      <c r="JU35" s="231"/>
      <c r="JV35" s="61">
        <v>7</v>
      </c>
      <c r="JW35" s="61">
        <v>7</v>
      </c>
      <c r="JX35" s="61">
        <v>3</v>
      </c>
      <c r="JY35" s="61">
        <v>3</v>
      </c>
      <c r="JZ35" s="61">
        <v>5</v>
      </c>
      <c r="KA35" s="62">
        <v>25</v>
      </c>
      <c r="KB35" s="63">
        <v>29</v>
      </c>
      <c r="KC35" s="60">
        <v>60</v>
      </c>
      <c r="KD35" s="61">
        <v>95</v>
      </c>
      <c r="KE35" s="62">
        <v>155</v>
      </c>
      <c r="KF35" s="231"/>
      <c r="KG35" s="61">
        <v>200</v>
      </c>
      <c r="KH35" s="61">
        <v>155</v>
      </c>
      <c r="KI35" s="61">
        <v>125</v>
      </c>
      <c r="KJ35" s="61">
        <v>109</v>
      </c>
      <c r="KK35" s="61">
        <v>74</v>
      </c>
      <c r="KL35" s="62">
        <v>663</v>
      </c>
      <c r="KM35" s="63">
        <v>818</v>
      </c>
    </row>
    <row r="36" spans="2:299" ht="21" customHeight="1" x14ac:dyDescent="0.2">
      <c r="B36" s="472" t="s">
        <v>33</v>
      </c>
      <c r="C36" s="293">
        <v>33</v>
      </c>
      <c r="D36" s="72">
        <v>26</v>
      </c>
      <c r="E36" s="73">
        <v>59</v>
      </c>
      <c r="F36" s="228"/>
      <c r="G36" s="72">
        <v>57</v>
      </c>
      <c r="H36" s="72">
        <v>40</v>
      </c>
      <c r="I36" s="72">
        <v>45</v>
      </c>
      <c r="J36" s="72">
        <v>23</v>
      </c>
      <c r="K36" s="72">
        <v>20</v>
      </c>
      <c r="L36" s="74">
        <v>185</v>
      </c>
      <c r="M36" s="75">
        <v>244</v>
      </c>
      <c r="N36" s="60">
        <v>1</v>
      </c>
      <c r="O36" s="61">
        <v>0</v>
      </c>
      <c r="P36" s="62">
        <v>1</v>
      </c>
      <c r="Q36" s="231"/>
      <c r="R36" s="61">
        <v>2</v>
      </c>
      <c r="S36" s="61">
        <v>1</v>
      </c>
      <c r="T36" s="61">
        <v>5</v>
      </c>
      <c r="U36" s="61">
        <v>0</v>
      </c>
      <c r="V36" s="61">
        <v>1</v>
      </c>
      <c r="W36" s="62">
        <v>9</v>
      </c>
      <c r="X36" s="63">
        <v>10</v>
      </c>
      <c r="Y36" s="60">
        <v>4</v>
      </c>
      <c r="Z36" s="61">
        <v>6</v>
      </c>
      <c r="AA36" s="62">
        <v>10</v>
      </c>
      <c r="AB36" s="231"/>
      <c r="AC36" s="61">
        <v>8</v>
      </c>
      <c r="AD36" s="61">
        <v>6</v>
      </c>
      <c r="AE36" s="61">
        <v>7</v>
      </c>
      <c r="AF36" s="61">
        <v>6</v>
      </c>
      <c r="AG36" s="61">
        <v>5</v>
      </c>
      <c r="AH36" s="62">
        <v>32</v>
      </c>
      <c r="AI36" s="63">
        <v>42</v>
      </c>
      <c r="AJ36" s="60">
        <v>6</v>
      </c>
      <c r="AK36" s="61">
        <v>4</v>
      </c>
      <c r="AL36" s="62">
        <v>10</v>
      </c>
      <c r="AM36" s="231"/>
      <c r="AN36" s="61">
        <v>15</v>
      </c>
      <c r="AO36" s="61">
        <v>5</v>
      </c>
      <c r="AP36" s="61">
        <v>8</v>
      </c>
      <c r="AQ36" s="61">
        <v>2</v>
      </c>
      <c r="AR36" s="61">
        <v>4</v>
      </c>
      <c r="AS36" s="62">
        <v>34</v>
      </c>
      <c r="AT36" s="63">
        <v>44</v>
      </c>
      <c r="AU36" s="60">
        <v>12</v>
      </c>
      <c r="AV36" s="61">
        <v>9</v>
      </c>
      <c r="AW36" s="62">
        <v>21</v>
      </c>
      <c r="AX36" s="231"/>
      <c r="AY36" s="61">
        <v>9</v>
      </c>
      <c r="AZ36" s="61">
        <v>13</v>
      </c>
      <c r="BA36" s="61">
        <v>9</v>
      </c>
      <c r="BB36" s="61">
        <v>5</v>
      </c>
      <c r="BC36" s="61">
        <v>4</v>
      </c>
      <c r="BD36" s="62">
        <v>40</v>
      </c>
      <c r="BE36" s="63">
        <v>61</v>
      </c>
      <c r="BF36" s="60">
        <v>4</v>
      </c>
      <c r="BG36" s="61">
        <v>4</v>
      </c>
      <c r="BH36" s="62">
        <v>8</v>
      </c>
      <c r="BI36" s="231"/>
      <c r="BJ36" s="61">
        <v>10</v>
      </c>
      <c r="BK36" s="61">
        <v>7</v>
      </c>
      <c r="BL36" s="61">
        <v>12</v>
      </c>
      <c r="BM36" s="61">
        <v>7</v>
      </c>
      <c r="BN36" s="61">
        <v>5</v>
      </c>
      <c r="BO36" s="62">
        <v>41</v>
      </c>
      <c r="BP36" s="63">
        <v>49</v>
      </c>
      <c r="BQ36" s="60">
        <v>6</v>
      </c>
      <c r="BR36" s="61">
        <v>3</v>
      </c>
      <c r="BS36" s="62">
        <v>9</v>
      </c>
      <c r="BT36" s="231"/>
      <c r="BU36" s="61">
        <v>13</v>
      </c>
      <c r="BV36" s="61">
        <v>8</v>
      </c>
      <c r="BW36" s="61">
        <v>4</v>
      </c>
      <c r="BX36" s="61">
        <v>3</v>
      </c>
      <c r="BY36" s="61">
        <v>1</v>
      </c>
      <c r="BZ36" s="62">
        <v>29</v>
      </c>
      <c r="CA36" s="63">
        <v>38</v>
      </c>
      <c r="CB36" s="60">
        <v>1</v>
      </c>
      <c r="CC36" s="61">
        <v>0</v>
      </c>
      <c r="CD36" s="62">
        <v>1</v>
      </c>
      <c r="CE36" s="231"/>
      <c r="CF36" s="61">
        <v>1</v>
      </c>
      <c r="CG36" s="61">
        <v>1</v>
      </c>
      <c r="CH36" s="61">
        <v>0</v>
      </c>
      <c r="CI36" s="61">
        <v>0</v>
      </c>
      <c r="CJ36" s="61">
        <v>0</v>
      </c>
      <c r="CK36" s="62">
        <v>2</v>
      </c>
      <c r="CL36" s="63">
        <v>3</v>
      </c>
      <c r="CM36" s="60">
        <v>34</v>
      </c>
      <c r="CN36" s="61">
        <v>26</v>
      </c>
      <c r="CO36" s="62">
        <v>60</v>
      </c>
      <c r="CP36" s="231"/>
      <c r="CQ36" s="61">
        <v>58</v>
      </c>
      <c r="CR36" s="61">
        <v>41</v>
      </c>
      <c r="CS36" s="61">
        <v>45</v>
      </c>
      <c r="CT36" s="61">
        <v>23</v>
      </c>
      <c r="CU36" s="61">
        <v>20</v>
      </c>
      <c r="CV36" s="62">
        <v>187</v>
      </c>
      <c r="CW36" s="63">
        <v>247</v>
      </c>
      <c r="CX36" s="113">
        <v>44</v>
      </c>
      <c r="CY36" s="72">
        <v>74</v>
      </c>
      <c r="CZ36" s="73">
        <v>118</v>
      </c>
      <c r="DA36" s="228"/>
      <c r="DB36" s="72">
        <v>114</v>
      </c>
      <c r="DC36" s="72">
        <v>85</v>
      </c>
      <c r="DD36" s="72">
        <v>79</v>
      </c>
      <c r="DE36" s="72">
        <v>67</v>
      </c>
      <c r="DF36" s="72">
        <v>61</v>
      </c>
      <c r="DG36" s="74">
        <v>406</v>
      </c>
      <c r="DH36" s="75">
        <v>524</v>
      </c>
      <c r="DI36" s="60">
        <v>1</v>
      </c>
      <c r="DJ36" s="61">
        <v>2</v>
      </c>
      <c r="DK36" s="62">
        <v>3</v>
      </c>
      <c r="DL36" s="231"/>
      <c r="DM36" s="61">
        <v>2</v>
      </c>
      <c r="DN36" s="61">
        <v>1</v>
      </c>
      <c r="DO36" s="61">
        <v>0</v>
      </c>
      <c r="DP36" s="61">
        <v>3</v>
      </c>
      <c r="DQ36" s="61">
        <v>3</v>
      </c>
      <c r="DR36" s="62">
        <v>9</v>
      </c>
      <c r="DS36" s="63">
        <v>12</v>
      </c>
      <c r="DT36" s="60">
        <v>3</v>
      </c>
      <c r="DU36" s="61">
        <v>6</v>
      </c>
      <c r="DV36" s="62">
        <v>9</v>
      </c>
      <c r="DW36" s="231"/>
      <c r="DX36" s="61">
        <v>4</v>
      </c>
      <c r="DY36" s="61">
        <v>5</v>
      </c>
      <c r="DZ36" s="61">
        <v>5</v>
      </c>
      <c r="EA36" s="61">
        <v>1</v>
      </c>
      <c r="EB36" s="61">
        <v>2</v>
      </c>
      <c r="EC36" s="62">
        <v>17</v>
      </c>
      <c r="ED36" s="63">
        <v>26</v>
      </c>
      <c r="EE36" s="60">
        <v>3</v>
      </c>
      <c r="EF36" s="61">
        <v>11</v>
      </c>
      <c r="EG36" s="62">
        <v>14</v>
      </c>
      <c r="EH36" s="231"/>
      <c r="EI36" s="61">
        <v>11</v>
      </c>
      <c r="EJ36" s="61">
        <v>7</v>
      </c>
      <c r="EK36" s="61">
        <v>9</v>
      </c>
      <c r="EL36" s="61">
        <v>5</v>
      </c>
      <c r="EM36" s="61">
        <v>10</v>
      </c>
      <c r="EN36" s="62">
        <v>42</v>
      </c>
      <c r="EO36" s="63">
        <v>56</v>
      </c>
      <c r="EP36" s="60">
        <v>8</v>
      </c>
      <c r="EQ36" s="61">
        <v>14</v>
      </c>
      <c r="ER36" s="62">
        <v>22</v>
      </c>
      <c r="ES36" s="231"/>
      <c r="ET36" s="61">
        <v>29</v>
      </c>
      <c r="EU36" s="61">
        <v>15</v>
      </c>
      <c r="EV36" s="61">
        <v>10</v>
      </c>
      <c r="EW36" s="61">
        <v>12</v>
      </c>
      <c r="EX36" s="61">
        <v>11</v>
      </c>
      <c r="EY36" s="62">
        <v>77</v>
      </c>
      <c r="EZ36" s="63">
        <v>99</v>
      </c>
      <c r="FA36" s="60">
        <v>21</v>
      </c>
      <c r="FB36" s="61">
        <v>21</v>
      </c>
      <c r="FC36" s="62">
        <v>42</v>
      </c>
      <c r="FD36" s="231"/>
      <c r="FE36" s="61">
        <v>35</v>
      </c>
      <c r="FF36" s="61">
        <v>19</v>
      </c>
      <c r="FG36" s="61">
        <v>22</v>
      </c>
      <c r="FH36" s="61">
        <v>16</v>
      </c>
      <c r="FI36" s="61">
        <v>14</v>
      </c>
      <c r="FJ36" s="62">
        <v>106</v>
      </c>
      <c r="FK36" s="63">
        <v>148</v>
      </c>
      <c r="FL36" s="60">
        <v>8</v>
      </c>
      <c r="FM36" s="61">
        <v>20</v>
      </c>
      <c r="FN36" s="62">
        <v>28</v>
      </c>
      <c r="FO36" s="231"/>
      <c r="FP36" s="61">
        <v>33</v>
      </c>
      <c r="FQ36" s="61">
        <v>38</v>
      </c>
      <c r="FR36" s="61">
        <v>33</v>
      </c>
      <c r="FS36" s="61">
        <v>30</v>
      </c>
      <c r="FT36" s="61">
        <v>21</v>
      </c>
      <c r="FU36" s="62">
        <v>155</v>
      </c>
      <c r="FV36" s="63">
        <v>183</v>
      </c>
      <c r="FW36" s="60">
        <v>0</v>
      </c>
      <c r="FX36" s="61">
        <v>0</v>
      </c>
      <c r="FY36" s="62">
        <v>0</v>
      </c>
      <c r="FZ36" s="231"/>
      <c r="GA36" s="61">
        <v>2</v>
      </c>
      <c r="GB36" s="61">
        <v>0</v>
      </c>
      <c r="GC36" s="61">
        <v>0</v>
      </c>
      <c r="GD36" s="61">
        <v>0</v>
      </c>
      <c r="GE36" s="61">
        <v>1</v>
      </c>
      <c r="GF36" s="62">
        <v>3</v>
      </c>
      <c r="GG36" s="63">
        <v>3</v>
      </c>
      <c r="GH36" s="60">
        <v>44</v>
      </c>
      <c r="GI36" s="61">
        <v>74</v>
      </c>
      <c r="GJ36" s="62">
        <v>118</v>
      </c>
      <c r="GK36" s="231"/>
      <c r="GL36" s="61">
        <v>116</v>
      </c>
      <c r="GM36" s="61">
        <v>85</v>
      </c>
      <c r="GN36" s="61">
        <v>79</v>
      </c>
      <c r="GO36" s="61">
        <v>67</v>
      </c>
      <c r="GP36" s="61">
        <v>62</v>
      </c>
      <c r="GQ36" s="62">
        <v>409</v>
      </c>
      <c r="GR36" s="63">
        <v>527</v>
      </c>
      <c r="GS36" s="113">
        <v>77</v>
      </c>
      <c r="GT36" s="72">
        <v>100</v>
      </c>
      <c r="GU36" s="73">
        <v>177</v>
      </c>
      <c r="GV36" s="228"/>
      <c r="GW36" s="72">
        <v>171</v>
      </c>
      <c r="GX36" s="72">
        <v>125</v>
      </c>
      <c r="GY36" s="72">
        <v>124</v>
      </c>
      <c r="GZ36" s="72">
        <v>90</v>
      </c>
      <c r="HA36" s="72">
        <v>81</v>
      </c>
      <c r="HB36" s="74">
        <v>591</v>
      </c>
      <c r="HC36" s="75">
        <v>768</v>
      </c>
      <c r="HD36" s="60">
        <v>2</v>
      </c>
      <c r="HE36" s="61">
        <v>2</v>
      </c>
      <c r="HF36" s="62">
        <v>4</v>
      </c>
      <c r="HG36" s="231"/>
      <c r="HH36" s="61">
        <v>4</v>
      </c>
      <c r="HI36" s="61">
        <v>2</v>
      </c>
      <c r="HJ36" s="61">
        <v>5</v>
      </c>
      <c r="HK36" s="61">
        <v>3</v>
      </c>
      <c r="HL36" s="61">
        <v>4</v>
      </c>
      <c r="HM36" s="62">
        <v>18</v>
      </c>
      <c r="HN36" s="63">
        <v>22</v>
      </c>
      <c r="HO36" s="60">
        <v>7</v>
      </c>
      <c r="HP36" s="61">
        <v>12</v>
      </c>
      <c r="HQ36" s="62">
        <v>19</v>
      </c>
      <c r="HR36" s="231"/>
      <c r="HS36" s="61">
        <v>12</v>
      </c>
      <c r="HT36" s="61">
        <v>11</v>
      </c>
      <c r="HU36" s="61">
        <v>12</v>
      </c>
      <c r="HV36" s="61">
        <v>7</v>
      </c>
      <c r="HW36" s="61">
        <v>7</v>
      </c>
      <c r="HX36" s="62">
        <v>49</v>
      </c>
      <c r="HY36" s="63">
        <v>68</v>
      </c>
      <c r="HZ36" s="60">
        <v>9</v>
      </c>
      <c r="IA36" s="61">
        <v>15</v>
      </c>
      <c r="IB36" s="62">
        <v>24</v>
      </c>
      <c r="IC36" s="231"/>
      <c r="ID36" s="61">
        <v>26</v>
      </c>
      <c r="IE36" s="61">
        <v>12</v>
      </c>
      <c r="IF36" s="61">
        <v>17</v>
      </c>
      <c r="IG36" s="61">
        <v>7</v>
      </c>
      <c r="IH36" s="61">
        <v>14</v>
      </c>
      <c r="II36" s="62">
        <v>76</v>
      </c>
      <c r="IJ36" s="63">
        <v>100</v>
      </c>
      <c r="IK36" s="60">
        <v>20</v>
      </c>
      <c r="IL36" s="61">
        <v>23</v>
      </c>
      <c r="IM36" s="62">
        <v>43</v>
      </c>
      <c r="IN36" s="231"/>
      <c r="IO36" s="61">
        <v>38</v>
      </c>
      <c r="IP36" s="61">
        <v>28</v>
      </c>
      <c r="IQ36" s="61">
        <v>19</v>
      </c>
      <c r="IR36" s="61">
        <v>17</v>
      </c>
      <c r="IS36" s="61">
        <v>15</v>
      </c>
      <c r="IT36" s="62">
        <v>117</v>
      </c>
      <c r="IU36" s="63">
        <v>160</v>
      </c>
      <c r="IV36" s="60">
        <v>25</v>
      </c>
      <c r="IW36" s="61">
        <v>25</v>
      </c>
      <c r="IX36" s="62">
        <v>50</v>
      </c>
      <c r="IY36" s="231"/>
      <c r="IZ36" s="61">
        <v>45</v>
      </c>
      <c r="JA36" s="61">
        <v>26</v>
      </c>
      <c r="JB36" s="61">
        <v>34</v>
      </c>
      <c r="JC36" s="61">
        <v>23</v>
      </c>
      <c r="JD36" s="61">
        <v>19</v>
      </c>
      <c r="JE36" s="62">
        <v>147</v>
      </c>
      <c r="JF36" s="63">
        <v>197</v>
      </c>
      <c r="JG36" s="60">
        <v>14</v>
      </c>
      <c r="JH36" s="61">
        <v>23</v>
      </c>
      <c r="JI36" s="62">
        <v>37</v>
      </c>
      <c r="JJ36" s="231"/>
      <c r="JK36" s="61">
        <v>46</v>
      </c>
      <c r="JL36" s="61">
        <v>46</v>
      </c>
      <c r="JM36" s="61">
        <v>37</v>
      </c>
      <c r="JN36" s="61">
        <v>33</v>
      </c>
      <c r="JO36" s="61">
        <v>22</v>
      </c>
      <c r="JP36" s="62">
        <v>184</v>
      </c>
      <c r="JQ36" s="63">
        <v>221</v>
      </c>
      <c r="JR36" s="60">
        <v>1</v>
      </c>
      <c r="JS36" s="61">
        <v>0</v>
      </c>
      <c r="JT36" s="62">
        <v>1</v>
      </c>
      <c r="JU36" s="231"/>
      <c r="JV36" s="61">
        <v>3</v>
      </c>
      <c r="JW36" s="61">
        <v>1</v>
      </c>
      <c r="JX36" s="61">
        <v>0</v>
      </c>
      <c r="JY36" s="61">
        <v>0</v>
      </c>
      <c r="JZ36" s="61">
        <v>1</v>
      </c>
      <c r="KA36" s="62">
        <v>5</v>
      </c>
      <c r="KB36" s="63">
        <v>6</v>
      </c>
      <c r="KC36" s="60">
        <v>78</v>
      </c>
      <c r="KD36" s="61">
        <v>100</v>
      </c>
      <c r="KE36" s="62">
        <v>178</v>
      </c>
      <c r="KF36" s="231"/>
      <c r="KG36" s="61">
        <v>174</v>
      </c>
      <c r="KH36" s="61">
        <v>126</v>
      </c>
      <c r="KI36" s="61">
        <v>124</v>
      </c>
      <c r="KJ36" s="61">
        <v>90</v>
      </c>
      <c r="KK36" s="61">
        <v>82</v>
      </c>
      <c r="KL36" s="62">
        <v>596</v>
      </c>
      <c r="KM36" s="63">
        <v>774</v>
      </c>
    </row>
    <row r="37" spans="2:299" ht="21" customHeight="1" x14ac:dyDescent="0.2">
      <c r="B37" s="472" t="s">
        <v>34</v>
      </c>
      <c r="C37" s="293">
        <v>15</v>
      </c>
      <c r="D37" s="72">
        <v>17</v>
      </c>
      <c r="E37" s="73">
        <v>32</v>
      </c>
      <c r="F37" s="228"/>
      <c r="G37" s="72">
        <v>38</v>
      </c>
      <c r="H37" s="72">
        <v>38</v>
      </c>
      <c r="I37" s="72">
        <v>16</v>
      </c>
      <c r="J37" s="72">
        <v>27</v>
      </c>
      <c r="K37" s="72">
        <v>12</v>
      </c>
      <c r="L37" s="74">
        <v>131</v>
      </c>
      <c r="M37" s="75">
        <v>163</v>
      </c>
      <c r="N37" s="60">
        <v>0</v>
      </c>
      <c r="O37" s="61">
        <v>3</v>
      </c>
      <c r="P37" s="62">
        <v>3</v>
      </c>
      <c r="Q37" s="231"/>
      <c r="R37" s="61">
        <v>2</v>
      </c>
      <c r="S37" s="61">
        <v>3</v>
      </c>
      <c r="T37" s="61">
        <v>2</v>
      </c>
      <c r="U37" s="61">
        <v>2</v>
      </c>
      <c r="V37" s="61">
        <v>0</v>
      </c>
      <c r="W37" s="62">
        <v>9</v>
      </c>
      <c r="X37" s="63">
        <v>12</v>
      </c>
      <c r="Y37" s="60">
        <v>1</v>
      </c>
      <c r="Z37" s="61">
        <v>2</v>
      </c>
      <c r="AA37" s="62">
        <v>3</v>
      </c>
      <c r="AB37" s="231"/>
      <c r="AC37" s="61">
        <v>1</v>
      </c>
      <c r="AD37" s="61">
        <v>2</v>
      </c>
      <c r="AE37" s="61">
        <v>2</v>
      </c>
      <c r="AF37" s="61">
        <v>0</v>
      </c>
      <c r="AG37" s="61">
        <v>1</v>
      </c>
      <c r="AH37" s="62">
        <v>6</v>
      </c>
      <c r="AI37" s="63">
        <v>9</v>
      </c>
      <c r="AJ37" s="60">
        <v>1</v>
      </c>
      <c r="AK37" s="61">
        <v>2</v>
      </c>
      <c r="AL37" s="62">
        <v>3</v>
      </c>
      <c r="AM37" s="231"/>
      <c r="AN37" s="61">
        <v>4</v>
      </c>
      <c r="AO37" s="61">
        <v>6</v>
      </c>
      <c r="AP37" s="61">
        <v>1</v>
      </c>
      <c r="AQ37" s="61">
        <v>9</v>
      </c>
      <c r="AR37" s="61">
        <v>3</v>
      </c>
      <c r="AS37" s="62">
        <v>23</v>
      </c>
      <c r="AT37" s="63">
        <v>26</v>
      </c>
      <c r="AU37" s="60">
        <v>6</v>
      </c>
      <c r="AV37" s="61">
        <v>3</v>
      </c>
      <c r="AW37" s="62">
        <v>9</v>
      </c>
      <c r="AX37" s="231"/>
      <c r="AY37" s="61">
        <v>13</v>
      </c>
      <c r="AZ37" s="61">
        <v>11</v>
      </c>
      <c r="BA37" s="61">
        <v>1</v>
      </c>
      <c r="BB37" s="61">
        <v>6</v>
      </c>
      <c r="BC37" s="61">
        <v>2</v>
      </c>
      <c r="BD37" s="62">
        <v>33</v>
      </c>
      <c r="BE37" s="63">
        <v>42</v>
      </c>
      <c r="BF37" s="60">
        <v>4</v>
      </c>
      <c r="BG37" s="61">
        <v>5</v>
      </c>
      <c r="BH37" s="62">
        <v>9</v>
      </c>
      <c r="BI37" s="231"/>
      <c r="BJ37" s="61">
        <v>13</v>
      </c>
      <c r="BK37" s="61">
        <v>7</v>
      </c>
      <c r="BL37" s="61">
        <v>8</v>
      </c>
      <c r="BM37" s="61">
        <v>5</v>
      </c>
      <c r="BN37" s="61">
        <v>4</v>
      </c>
      <c r="BO37" s="62">
        <v>37</v>
      </c>
      <c r="BP37" s="63">
        <v>46</v>
      </c>
      <c r="BQ37" s="60">
        <v>3</v>
      </c>
      <c r="BR37" s="61">
        <v>2</v>
      </c>
      <c r="BS37" s="62">
        <v>5</v>
      </c>
      <c r="BT37" s="231"/>
      <c r="BU37" s="61">
        <v>5</v>
      </c>
      <c r="BV37" s="61">
        <v>9</v>
      </c>
      <c r="BW37" s="61">
        <v>2</v>
      </c>
      <c r="BX37" s="61">
        <v>5</v>
      </c>
      <c r="BY37" s="61">
        <v>2</v>
      </c>
      <c r="BZ37" s="62">
        <v>23</v>
      </c>
      <c r="CA37" s="63">
        <v>28</v>
      </c>
      <c r="CB37" s="60">
        <v>0</v>
      </c>
      <c r="CC37" s="61">
        <v>0</v>
      </c>
      <c r="CD37" s="62">
        <v>0</v>
      </c>
      <c r="CE37" s="231"/>
      <c r="CF37" s="61">
        <v>3</v>
      </c>
      <c r="CG37" s="61">
        <v>2</v>
      </c>
      <c r="CH37" s="61">
        <v>0</v>
      </c>
      <c r="CI37" s="61">
        <v>1</v>
      </c>
      <c r="CJ37" s="61">
        <v>1</v>
      </c>
      <c r="CK37" s="62">
        <v>7</v>
      </c>
      <c r="CL37" s="63">
        <v>7</v>
      </c>
      <c r="CM37" s="60">
        <v>15</v>
      </c>
      <c r="CN37" s="61">
        <v>17</v>
      </c>
      <c r="CO37" s="62">
        <v>32</v>
      </c>
      <c r="CP37" s="231"/>
      <c r="CQ37" s="61">
        <v>41</v>
      </c>
      <c r="CR37" s="61">
        <v>40</v>
      </c>
      <c r="CS37" s="61">
        <v>16</v>
      </c>
      <c r="CT37" s="61">
        <v>28</v>
      </c>
      <c r="CU37" s="61">
        <v>13</v>
      </c>
      <c r="CV37" s="62">
        <v>138</v>
      </c>
      <c r="CW37" s="63">
        <v>170</v>
      </c>
      <c r="CX37" s="113">
        <v>43</v>
      </c>
      <c r="CY37" s="72">
        <v>35</v>
      </c>
      <c r="CZ37" s="73">
        <v>78</v>
      </c>
      <c r="DA37" s="228"/>
      <c r="DB37" s="72">
        <v>93</v>
      </c>
      <c r="DC37" s="72">
        <v>56</v>
      </c>
      <c r="DD37" s="72">
        <v>46</v>
      </c>
      <c r="DE37" s="72">
        <v>46</v>
      </c>
      <c r="DF37" s="72">
        <v>26</v>
      </c>
      <c r="DG37" s="74">
        <v>267</v>
      </c>
      <c r="DH37" s="75">
        <v>345</v>
      </c>
      <c r="DI37" s="60">
        <v>1</v>
      </c>
      <c r="DJ37" s="61">
        <v>1</v>
      </c>
      <c r="DK37" s="62">
        <v>2</v>
      </c>
      <c r="DL37" s="231"/>
      <c r="DM37" s="61">
        <v>1</v>
      </c>
      <c r="DN37" s="61">
        <v>0</v>
      </c>
      <c r="DO37" s="61">
        <v>2</v>
      </c>
      <c r="DP37" s="61">
        <v>0</v>
      </c>
      <c r="DQ37" s="61">
        <v>1</v>
      </c>
      <c r="DR37" s="62">
        <v>4</v>
      </c>
      <c r="DS37" s="63">
        <v>6</v>
      </c>
      <c r="DT37" s="60">
        <v>2</v>
      </c>
      <c r="DU37" s="61">
        <v>0</v>
      </c>
      <c r="DV37" s="62">
        <v>2</v>
      </c>
      <c r="DW37" s="231"/>
      <c r="DX37" s="61">
        <v>6</v>
      </c>
      <c r="DY37" s="61">
        <v>2</v>
      </c>
      <c r="DZ37" s="61">
        <v>0</v>
      </c>
      <c r="EA37" s="61">
        <v>2</v>
      </c>
      <c r="EB37" s="61">
        <v>3</v>
      </c>
      <c r="EC37" s="62">
        <v>13</v>
      </c>
      <c r="ED37" s="63">
        <v>15</v>
      </c>
      <c r="EE37" s="60">
        <v>5</v>
      </c>
      <c r="EF37" s="61">
        <v>3</v>
      </c>
      <c r="EG37" s="62">
        <v>8</v>
      </c>
      <c r="EH37" s="231"/>
      <c r="EI37" s="61">
        <v>6</v>
      </c>
      <c r="EJ37" s="61">
        <v>4</v>
      </c>
      <c r="EK37" s="61">
        <v>5</v>
      </c>
      <c r="EL37" s="61">
        <v>5</v>
      </c>
      <c r="EM37" s="61">
        <v>0</v>
      </c>
      <c r="EN37" s="62">
        <v>20</v>
      </c>
      <c r="EO37" s="63">
        <v>28</v>
      </c>
      <c r="EP37" s="60">
        <v>11</v>
      </c>
      <c r="EQ37" s="61">
        <v>7</v>
      </c>
      <c r="ER37" s="62">
        <v>18</v>
      </c>
      <c r="ES37" s="231"/>
      <c r="ET37" s="61">
        <v>17</v>
      </c>
      <c r="EU37" s="61">
        <v>13</v>
      </c>
      <c r="EV37" s="61">
        <v>10</v>
      </c>
      <c r="EW37" s="61">
        <v>5</v>
      </c>
      <c r="EX37" s="61">
        <v>4</v>
      </c>
      <c r="EY37" s="62">
        <v>49</v>
      </c>
      <c r="EZ37" s="63">
        <v>67</v>
      </c>
      <c r="FA37" s="60">
        <v>15</v>
      </c>
      <c r="FB37" s="61">
        <v>18</v>
      </c>
      <c r="FC37" s="62">
        <v>33</v>
      </c>
      <c r="FD37" s="231"/>
      <c r="FE37" s="61">
        <v>31</v>
      </c>
      <c r="FF37" s="61">
        <v>12</v>
      </c>
      <c r="FG37" s="61">
        <v>10</v>
      </c>
      <c r="FH37" s="61">
        <v>17</v>
      </c>
      <c r="FI37" s="61">
        <v>2</v>
      </c>
      <c r="FJ37" s="62">
        <v>72</v>
      </c>
      <c r="FK37" s="63">
        <v>105</v>
      </c>
      <c r="FL37" s="60">
        <v>9</v>
      </c>
      <c r="FM37" s="61">
        <v>6</v>
      </c>
      <c r="FN37" s="62">
        <v>15</v>
      </c>
      <c r="FO37" s="231"/>
      <c r="FP37" s="61">
        <v>32</v>
      </c>
      <c r="FQ37" s="61">
        <v>25</v>
      </c>
      <c r="FR37" s="61">
        <v>19</v>
      </c>
      <c r="FS37" s="61">
        <v>17</v>
      </c>
      <c r="FT37" s="61">
        <v>16</v>
      </c>
      <c r="FU37" s="62">
        <v>109</v>
      </c>
      <c r="FV37" s="63">
        <v>124</v>
      </c>
      <c r="FW37" s="60">
        <v>0</v>
      </c>
      <c r="FX37" s="61">
        <v>0</v>
      </c>
      <c r="FY37" s="62">
        <v>0</v>
      </c>
      <c r="FZ37" s="231"/>
      <c r="GA37" s="61">
        <v>1</v>
      </c>
      <c r="GB37" s="61">
        <v>1</v>
      </c>
      <c r="GC37" s="61">
        <v>1</v>
      </c>
      <c r="GD37" s="61">
        <v>1</v>
      </c>
      <c r="GE37" s="61">
        <v>1</v>
      </c>
      <c r="GF37" s="62">
        <v>5</v>
      </c>
      <c r="GG37" s="63">
        <v>5</v>
      </c>
      <c r="GH37" s="60">
        <v>43</v>
      </c>
      <c r="GI37" s="61">
        <v>35</v>
      </c>
      <c r="GJ37" s="62">
        <v>78</v>
      </c>
      <c r="GK37" s="231"/>
      <c r="GL37" s="61">
        <v>94</v>
      </c>
      <c r="GM37" s="61">
        <v>57</v>
      </c>
      <c r="GN37" s="61">
        <v>47</v>
      </c>
      <c r="GO37" s="61">
        <v>47</v>
      </c>
      <c r="GP37" s="61">
        <v>27</v>
      </c>
      <c r="GQ37" s="62">
        <v>272</v>
      </c>
      <c r="GR37" s="63">
        <v>350</v>
      </c>
      <c r="GS37" s="113">
        <v>58</v>
      </c>
      <c r="GT37" s="72">
        <v>52</v>
      </c>
      <c r="GU37" s="73">
        <v>110</v>
      </c>
      <c r="GV37" s="228"/>
      <c r="GW37" s="72">
        <v>131</v>
      </c>
      <c r="GX37" s="72">
        <v>94</v>
      </c>
      <c r="GY37" s="72">
        <v>62</v>
      </c>
      <c r="GZ37" s="72">
        <v>73</v>
      </c>
      <c r="HA37" s="72">
        <v>38</v>
      </c>
      <c r="HB37" s="74">
        <v>398</v>
      </c>
      <c r="HC37" s="75">
        <v>508</v>
      </c>
      <c r="HD37" s="60">
        <v>1</v>
      </c>
      <c r="HE37" s="61">
        <v>4</v>
      </c>
      <c r="HF37" s="62">
        <v>5</v>
      </c>
      <c r="HG37" s="231"/>
      <c r="HH37" s="61">
        <v>3</v>
      </c>
      <c r="HI37" s="61">
        <v>3</v>
      </c>
      <c r="HJ37" s="61">
        <v>4</v>
      </c>
      <c r="HK37" s="61">
        <v>2</v>
      </c>
      <c r="HL37" s="61">
        <v>1</v>
      </c>
      <c r="HM37" s="62">
        <v>13</v>
      </c>
      <c r="HN37" s="63">
        <v>18</v>
      </c>
      <c r="HO37" s="60">
        <v>3</v>
      </c>
      <c r="HP37" s="61">
        <v>2</v>
      </c>
      <c r="HQ37" s="62">
        <v>5</v>
      </c>
      <c r="HR37" s="231"/>
      <c r="HS37" s="61">
        <v>7</v>
      </c>
      <c r="HT37" s="61">
        <v>4</v>
      </c>
      <c r="HU37" s="61">
        <v>2</v>
      </c>
      <c r="HV37" s="61">
        <v>2</v>
      </c>
      <c r="HW37" s="61">
        <v>4</v>
      </c>
      <c r="HX37" s="62">
        <v>19</v>
      </c>
      <c r="HY37" s="63">
        <v>24</v>
      </c>
      <c r="HZ37" s="60">
        <v>6</v>
      </c>
      <c r="IA37" s="61">
        <v>5</v>
      </c>
      <c r="IB37" s="62">
        <v>11</v>
      </c>
      <c r="IC37" s="231"/>
      <c r="ID37" s="61">
        <v>10</v>
      </c>
      <c r="IE37" s="61">
        <v>10</v>
      </c>
      <c r="IF37" s="61">
        <v>6</v>
      </c>
      <c r="IG37" s="61">
        <v>14</v>
      </c>
      <c r="IH37" s="61">
        <v>3</v>
      </c>
      <c r="II37" s="62">
        <v>43</v>
      </c>
      <c r="IJ37" s="63">
        <v>54</v>
      </c>
      <c r="IK37" s="60">
        <v>17</v>
      </c>
      <c r="IL37" s="61">
        <v>10</v>
      </c>
      <c r="IM37" s="62">
        <v>27</v>
      </c>
      <c r="IN37" s="231"/>
      <c r="IO37" s="61">
        <v>30</v>
      </c>
      <c r="IP37" s="61">
        <v>24</v>
      </c>
      <c r="IQ37" s="61">
        <v>11</v>
      </c>
      <c r="IR37" s="61">
        <v>11</v>
      </c>
      <c r="IS37" s="61">
        <v>6</v>
      </c>
      <c r="IT37" s="62">
        <v>82</v>
      </c>
      <c r="IU37" s="63">
        <v>109</v>
      </c>
      <c r="IV37" s="60">
        <v>19</v>
      </c>
      <c r="IW37" s="61">
        <v>23</v>
      </c>
      <c r="IX37" s="62">
        <v>42</v>
      </c>
      <c r="IY37" s="231"/>
      <c r="IZ37" s="61">
        <v>44</v>
      </c>
      <c r="JA37" s="61">
        <v>19</v>
      </c>
      <c r="JB37" s="61">
        <v>18</v>
      </c>
      <c r="JC37" s="61">
        <v>22</v>
      </c>
      <c r="JD37" s="61">
        <v>6</v>
      </c>
      <c r="JE37" s="62">
        <v>109</v>
      </c>
      <c r="JF37" s="63">
        <v>151</v>
      </c>
      <c r="JG37" s="60">
        <v>12</v>
      </c>
      <c r="JH37" s="61">
        <v>8</v>
      </c>
      <c r="JI37" s="62">
        <v>20</v>
      </c>
      <c r="JJ37" s="231"/>
      <c r="JK37" s="61">
        <v>37</v>
      </c>
      <c r="JL37" s="61">
        <v>34</v>
      </c>
      <c r="JM37" s="61">
        <v>21</v>
      </c>
      <c r="JN37" s="61">
        <v>22</v>
      </c>
      <c r="JO37" s="61">
        <v>18</v>
      </c>
      <c r="JP37" s="62">
        <v>132</v>
      </c>
      <c r="JQ37" s="63">
        <v>152</v>
      </c>
      <c r="JR37" s="60">
        <v>0</v>
      </c>
      <c r="JS37" s="61">
        <v>0</v>
      </c>
      <c r="JT37" s="62">
        <v>0</v>
      </c>
      <c r="JU37" s="231"/>
      <c r="JV37" s="61">
        <v>4</v>
      </c>
      <c r="JW37" s="61">
        <v>3</v>
      </c>
      <c r="JX37" s="61">
        <v>1</v>
      </c>
      <c r="JY37" s="61">
        <v>2</v>
      </c>
      <c r="JZ37" s="61">
        <v>2</v>
      </c>
      <c r="KA37" s="62">
        <v>12</v>
      </c>
      <c r="KB37" s="63">
        <v>12</v>
      </c>
      <c r="KC37" s="60">
        <v>58</v>
      </c>
      <c r="KD37" s="61">
        <v>52</v>
      </c>
      <c r="KE37" s="62">
        <v>110</v>
      </c>
      <c r="KF37" s="231"/>
      <c r="KG37" s="61">
        <v>135</v>
      </c>
      <c r="KH37" s="61">
        <v>97</v>
      </c>
      <c r="KI37" s="61">
        <v>63</v>
      </c>
      <c r="KJ37" s="61">
        <v>75</v>
      </c>
      <c r="KK37" s="61">
        <v>40</v>
      </c>
      <c r="KL37" s="62">
        <v>410</v>
      </c>
      <c r="KM37" s="63">
        <v>520</v>
      </c>
    </row>
    <row r="38" spans="2:299" ht="21" customHeight="1" x14ac:dyDescent="0.2">
      <c r="B38" s="472" t="s">
        <v>35</v>
      </c>
      <c r="C38" s="293">
        <v>54</v>
      </c>
      <c r="D38" s="72">
        <v>56</v>
      </c>
      <c r="E38" s="73">
        <v>110</v>
      </c>
      <c r="F38" s="228"/>
      <c r="G38" s="72">
        <v>170</v>
      </c>
      <c r="H38" s="72">
        <v>86</v>
      </c>
      <c r="I38" s="72">
        <v>63</v>
      </c>
      <c r="J38" s="72">
        <v>48</v>
      </c>
      <c r="K38" s="72">
        <v>29</v>
      </c>
      <c r="L38" s="74">
        <v>396</v>
      </c>
      <c r="M38" s="75">
        <v>506</v>
      </c>
      <c r="N38" s="60">
        <v>1</v>
      </c>
      <c r="O38" s="61">
        <v>3</v>
      </c>
      <c r="P38" s="62">
        <v>4</v>
      </c>
      <c r="Q38" s="231"/>
      <c r="R38" s="61">
        <v>9</v>
      </c>
      <c r="S38" s="61">
        <v>3</v>
      </c>
      <c r="T38" s="61">
        <v>7</v>
      </c>
      <c r="U38" s="61">
        <v>6</v>
      </c>
      <c r="V38" s="61">
        <v>4</v>
      </c>
      <c r="W38" s="62">
        <v>29</v>
      </c>
      <c r="X38" s="63">
        <v>33</v>
      </c>
      <c r="Y38" s="60">
        <v>10</v>
      </c>
      <c r="Z38" s="61">
        <v>5</v>
      </c>
      <c r="AA38" s="62">
        <v>15</v>
      </c>
      <c r="AB38" s="231"/>
      <c r="AC38" s="61">
        <v>12</v>
      </c>
      <c r="AD38" s="61">
        <v>9</v>
      </c>
      <c r="AE38" s="61">
        <v>4</v>
      </c>
      <c r="AF38" s="61">
        <v>3</v>
      </c>
      <c r="AG38" s="61">
        <v>2</v>
      </c>
      <c r="AH38" s="62">
        <v>30</v>
      </c>
      <c r="AI38" s="63">
        <v>45</v>
      </c>
      <c r="AJ38" s="60">
        <v>9</v>
      </c>
      <c r="AK38" s="61">
        <v>12</v>
      </c>
      <c r="AL38" s="62">
        <v>21</v>
      </c>
      <c r="AM38" s="231"/>
      <c r="AN38" s="61">
        <v>32</v>
      </c>
      <c r="AO38" s="61">
        <v>11</v>
      </c>
      <c r="AP38" s="61">
        <v>10</v>
      </c>
      <c r="AQ38" s="61">
        <v>11</v>
      </c>
      <c r="AR38" s="61">
        <v>6</v>
      </c>
      <c r="AS38" s="62">
        <v>70</v>
      </c>
      <c r="AT38" s="63">
        <v>91</v>
      </c>
      <c r="AU38" s="60">
        <v>16</v>
      </c>
      <c r="AV38" s="61">
        <v>14</v>
      </c>
      <c r="AW38" s="62">
        <v>30</v>
      </c>
      <c r="AX38" s="231"/>
      <c r="AY38" s="61">
        <v>45</v>
      </c>
      <c r="AZ38" s="61">
        <v>27</v>
      </c>
      <c r="BA38" s="61">
        <v>15</v>
      </c>
      <c r="BB38" s="61">
        <v>6</v>
      </c>
      <c r="BC38" s="61">
        <v>3</v>
      </c>
      <c r="BD38" s="62">
        <v>96</v>
      </c>
      <c r="BE38" s="63">
        <v>126</v>
      </c>
      <c r="BF38" s="60">
        <v>8</v>
      </c>
      <c r="BG38" s="61">
        <v>15</v>
      </c>
      <c r="BH38" s="62">
        <v>23</v>
      </c>
      <c r="BI38" s="231"/>
      <c r="BJ38" s="61">
        <v>47</v>
      </c>
      <c r="BK38" s="61">
        <v>16</v>
      </c>
      <c r="BL38" s="61">
        <v>15</v>
      </c>
      <c r="BM38" s="61">
        <v>9</v>
      </c>
      <c r="BN38" s="61">
        <v>7</v>
      </c>
      <c r="BO38" s="62">
        <v>94</v>
      </c>
      <c r="BP38" s="63">
        <v>117</v>
      </c>
      <c r="BQ38" s="60">
        <v>10</v>
      </c>
      <c r="BR38" s="61">
        <v>7</v>
      </c>
      <c r="BS38" s="62">
        <v>17</v>
      </c>
      <c r="BT38" s="231"/>
      <c r="BU38" s="61">
        <v>25</v>
      </c>
      <c r="BV38" s="61">
        <v>20</v>
      </c>
      <c r="BW38" s="61">
        <v>12</v>
      </c>
      <c r="BX38" s="61">
        <v>13</v>
      </c>
      <c r="BY38" s="61">
        <v>7</v>
      </c>
      <c r="BZ38" s="62">
        <v>77</v>
      </c>
      <c r="CA38" s="63">
        <v>94</v>
      </c>
      <c r="CB38" s="60">
        <v>2</v>
      </c>
      <c r="CC38" s="61">
        <v>2</v>
      </c>
      <c r="CD38" s="62">
        <v>4</v>
      </c>
      <c r="CE38" s="231"/>
      <c r="CF38" s="61">
        <v>3</v>
      </c>
      <c r="CG38" s="61">
        <v>1</v>
      </c>
      <c r="CH38" s="61">
        <v>0</v>
      </c>
      <c r="CI38" s="61">
        <v>2</v>
      </c>
      <c r="CJ38" s="61">
        <v>2</v>
      </c>
      <c r="CK38" s="62">
        <v>8</v>
      </c>
      <c r="CL38" s="63">
        <v>12</v>
      </c>
      <c r="CM38" s="60">
        <v>56</v>
      </c>
      <c r="CN38" s="61">
        <v>58</v>
      </c>
      <c r="CO38" s="62">
        <v>114</v>
      </c>
      <c r="CP38" s="231"/>
      <c r="CQ38" s="61">
        <v>173</v>
      </c>
      <c r="CR38" s="61">
        <v>87</v>
      </c>
      <c r="CS38" s="61">
        <v>63</v>
      </c>
      <c r="CT38" s="61">
        <v>50</v>
      </c>
      <c r="CU38" s="61">
        <v>31</v>
      </c>
      <c r="CV38" s="62">
        <v>404</v>
      </c>
      <c r="CW38" s="63">
        <v>518</v>
      </c>
      <c r="CX38" s="113">
        <v>142</v>
      </c>
      <c r="CY38" s="72">
        <v>155</v>
      </c>
      <c r="CZ38" s="73">
        <v>297</v>
      </c>
      <c r="DA38" s="228"/>
      <c r="DB38" s="72">
        <v>317</v>
      </c>
      <c r="DC38" s="72">
        <v>178</v>
      </c>
      <c r="DD38" s="72">
        <v>162</v>
      </c>
      <c r="DE38" s="72">
        <v>158</v>
      </c>
      <c r="DF38" s="72">
        <v>88</v>
      </c>
      <c r="DG38" s="74">
        <v>903</v>
      </c>
      <c r="DH38" s="75">
        <v>1200</v>
      </c>
      <c r="DI38" s="60">
        <v>3</v>
      </c>
      <c r="DJ38" s="61">
        <v>4</v>
      </c>
      <c r="DK38" s="62">
        <v>7</v>
      </c>
      <c r="DL38" s="231"/>
      <c r="DM38" s="61">
        <v>5</v>
      </c>
      <c r="DN38" s="61">
        <v>5</v>
      </c>
      <c r="DO38" s="61">
        <v>2</v>
      </c>
      <c r="DP38" s="61">
        <v>6</v>
      </c>
      <c r="DQ38" s="61">
        <v>0</v>
      </c>
      <c r="DR38" s="62">
        <v>18</v>
      </c>
      <c r="DS38" s="63">
        <v>25</v>
      </c>
      <c r="DT38" s="60">
        <v>7</v>
      </c>
      <c r="DU38" s="61">
        <v>11</v>
      </c>
      <c r="DV38" s="62">
        <v>18</v>
      </c>
      <c r="DW38" s="231"/>
      <c r="DX38" s="61">
        <v>15</v>
      </c>
      <c r="DY38" s="61">
        <v>8</v>
      </c>
      <c r="DZ38" s="61">
        <v>8</v>
      </c>
      <c r="EA38" s="61">
        <v>9</v>
      </c>
      <c r="EB38" s="61">
        <v>2</v>
      </c>
      <c r="EC38" s="62">
        <v>42</v>
      </c>
      <c r="ED38" s="63">
        <v>60</v>
      </c>
      <c r="EE38" s="60">
        <v>19</v>
      </c>
      <c r="EF38" s="61">
        <v>29</v>
      </c>
      <c r="EG38" s="62">
        <v>48</v>
      </c>
      <c r="EH38" s="231"/>
      <c r="EI38" s="61">
        <v>31</v>
      </c>
      <c r="EJ38" s="61">
        <v>21</v>
      </c>
      <c r="EK38" s="61">
        <v>8</v>
      </c>
      <c r="EL38" s="61">
        <v>10</v>
      </c>
      <c r="EM38" s="61">
        <v>15</v>
      </c>
      <c r="EN38" s="62">
        <v>85</v>
      </c>
      <c r="EO38" s="63">
        <v>133</v>
      </c>
      <c r="EP38" s="60">
        <v>47</v>
      </c>
      <c r="EQ38" s="61">
        <v>33</v>
      </c>
      <c r="ER38" s="62">
        <v>80</v>
      </c>
      <c r="ES38" s="231"/>
      <c r="ET38" s="61">
        <v>81</v>
      </c>
      <c r="EU38" s="61">
        <v>29</v>
      </c>
      <c r="EV38" s="61">
        <v>33</v>
      </c>
      <c r="EW38" s="61">
        <v>25</v>
      </c>
      <c r="EX38" s="61">
        <v>13</v>
      </c>
      <c r="EY38" s="62">
        <v>181</v>
      </c>
      <c r="EZ38" s="63">
        <v>261</v>
      </c>
      <c r="FA38" s="60">
        <v>39</v>
      </c>
      <c r="FB38" s="61">
        <v>48</v>
      </c>
      <c r="FC38" s="62">
        <v>87</v>
      </c>
      <c r="FD38" s="231"/>
      <c r="FE38" s="61">
        <v>99</v>
      </c>
      <c r="FF38" s="61">
        <v>48</v>
      </c>
      <c r="FG38" s="61">
        <v>45</v>
      </c>
      <c r="FH38" s="61">
        <v>38</v>
      </c>
      <c r="FI38" s="61">
        <v>29</v>
      </c>
      <c r="FJ38" s="62">
        <v>259</v>
      </c>
      <c r="FK38" s="63">
        <v>346</v>
      </c>
      <c r="FL38" s="60">
        <v>27</v>
      </c>
      <c r="FM38" s="61">
        <v>30</v>
      </c>
      <c r="FN38" s="62">
        <v>57</v>
      </c>
      <c r="FO38" s="231"/>
      <c r="FP38" s="61">
        <v>86</v>
      </c>
      <c r="FQ38" s="61">
        <v>67</v>
      </c>
      <c r="FR38" s="61">
        <v>66</v>
      </c>
      <c r="FS38" s="61">
        <v>70</v>
      </c>
      <c r="FT38" s="61">
        <v>29</v>
      </c>
      <c r="FU38" s="62">
        <v>318</v>
      </c>
      <c r="FV38" s="63">
        <v>375</v>
      </c>
      <c r="FW38" s="60">
        <v>0</v>
      </c>
      <c r="FX38" s="61">
        <v>0</v>
      </c>
      <c r="FY38" s="62">
        <v>0</v>
      </c>
      <c r="FZ38" s="231"/>
      <c r="GA38" s="61">
        <v>1</v>
      </c>
      <c r="GB38" s="61">
        <v>3</v>
      </c>
      <c r="GC38" s="61">
        <v>3</v>
      </c>
      <c r="GD38" s="61">
        <v>0</v>
      </c>
      <c r="GE38" s="61">
        <v>2</v>
      </c>
      <c r="GF38" s="62">
        <v>9</v>
      </c>
      <c r="GG38" s="63">
        <v>9</v>
      </c>
      <c r="GH38" s="60">
        <v>142</v>
      </c>
      <c r="GI38" s="61">
        <v>155</v>
      </c>
      <c r="GJ38" s="62">
        <v>297</v>
      </c>
      <c r="GK38" s="231"/>
      <c r="GL38" s="61">
        <v>318</v>
      </c>
      <c r="GM38" s="61">
        <v>181</v>
      </c>
      <c r="GN38" s="61">
        <v>165</v>
      </c>
      <c r="GO38" s="61">
        <v>158</v>
      </c>
      <c r="GP38" s="61">
        <v>90</v>
      </c>
      <c r="GQ38" s="62">
        <v>912</v>
      </c>
      <c r="GR38" s="63">
        <v>1209</v>
      </c>
      <c r="GS38" s="113">
        <v>196</v>
      </c>
      <c r="GT38" s="72">
        <v>211</v>
      </c>
      <c r="GU38" s="73">
        <v>407</v>
      </c>
      <c r="GV38" s="228"/>
      <c r="GW38" s="72">
        <v>487</v>
      </c>
      <c r="GX38" s="72">
        <v>264</v>
      </c>
      <c r="GY38" s="72">
        <v>225</v>
      </c>
      <c r="GZ38" s="72">
        <v>206</v>
      </c>
      <c r="HA38" s="72">
        <v>117</v>
      </c>
      <c r="HB38" s="74">
        <v>1299</v>
      </c>
      <c r="HC38" s="75">
        <v>1706</v>
      </c>
      <c r="HD38" s="60">
        <v>4</v>
      </c>
      <c r="HE38" s="61">
        <v>7</v>
      </c>
      <c r="HF38" s="62">
        <v>11</v>
      </c>
      <c r="HG38" s="231"/>
      <c r="HH38" s="61">
        <v>14</v>
      </c>
      <c r="HI38" s="61">
        <v>8</v>
      </c>
      <c r="HJ38" s="61">
        <v>9</v>
      </c>
      <c r="HK38" s="61">
        <v>12</v>
      </c>
      <c r="HL38" s="61">
        <v>4</v>
      </c>
      <c r="HM38" s="62">
        <v>47</v>
      </c>
      <c r="HN38" s="63">
        <v>58</v>
      </c>
      <c r="HO38" s="60">
        <v>17</v>
      </c>
      <c r="HP38" s="61">
        <v>16</v>
      </c>
      <c r="HQ38" s="62">
        <v>33</v>
      </c>
      <c r="HR38" s="231"/>
      <c r="HS38" s="61">
        <v>27</v>
      </c>
      <c r="HT38" s="61">
        <v>17</v>
      </c>
      <c r="HU38" s="61">
        <v>12</v>
      </c>
      <c r="HV38" s="61">
        <v>12</v>
      </c>
      <c r="HW38" s="61">
        <v>4</v>
      </c>
      <c r="HX38" s="62">
        <v>72</v>
      </c>
      <c r="HY38" s="63">
        <v>105</v>
      </c>
      <c r="HZ38" s="60">
        <v>28</v>
      </c>
      <c r="IA38" s="61">
        <v>41</v>
      </c>
      <c r="IB38" s="62">
        <v>69</v>
      </c>
      <c r="IC38" s="231"/>
      <c r="ID38" s="61">
        <v>63</v>
      </c>
      <c r="IE38" s="61">
        <v>32</v>
      </c>
      <c r="IF38" s="61">
        <v>18</v>
      </c>
      <c r="IG38" s="61">
        <v>21</v>
      </c>
      <c r="IH38" s="61">
        <v>21</v>
      </c>
      <c r="II38" s="62">
        <v>155</v>
      </c>
      <c r="IJ38" s="63">
        <v>224</v>
      </c>
      <c r="IK38" s="60">
        <v>63</v>
      </c>
      <c r="IL38" s="61">
        <v>47</v>
      </c>
      <c r="IM38" s="62">
        <v>110</v>
      </c>
      <c r="IN38" s="231"/>
      <c r="IO38" s="61">
        <v>126</v>
      </c>
      <c r="IP38" s="61">
        <v>56</v>
      </c>
      <c r="IQ38" s="61">
        <v>48</v>
      </c>
      <c r="IR38" s="61">
        <v>31</v>
      </c>
      <c r="IS38" s="61">
        <v>16</v>
      </c>
      <c r="IT38" s="62">
        <v>277</v>
      </c>
      <c r="IU38" s="63">
        <v>387</v>
      </c>
      <c r="IV38" s="60">
        <v>47</v>
      </c>
      <c r="IW38" s="61">
        <v>63</v>
      </c>
      <c r="IX38" s="62">
        <v>110</v>
      </c>
      <c r="IY38" s="231"/>
      <c r="IZ38" s="61">
        <v>146</v>
      </c>
      <c r="JA38" s="61">
        <v>64</v>
      </c>
      <c r="JB38" s="61">
        <v>60</v>
      </c>
      <c r="JC38" s="61">
        <v>47</v>
      </c>
      <c r="JD38" s="61">
        <v>36</v>
      </c>
      <c r="JE38" s="62">
        <v>353</v>
      </c>
      <c r="JF38" s="63">
        <v>463</v>
      </c>
      <c r="JG38" s="60">
        <v>37</v>
      </c>
      <c r="JH38" s="61">
        <v>37</v>
      </c>
      <c r="JI38" s="62">
        <v>74</v>
      </c>
      <c r="JJ38" s="231"/>
      <c r="JK38" s="61">
        <v>111</v>
      </c>
      <c r="JL38" s="61">
        <v>87</v>
      </c>
      <c r="JM38" s="61">
        <v>78</v>
      </c>
      <c r="JN38" s="61">
        <v>83</v>
      </c>
      <c r="JO38" s="61">
        <v>36</v>
      </c>
      <c r="JP38" s="62">
        <v>395</v>
      </c>
      <c r="JQ38" s="63">
        <v>469</v>
      </c>
      <c r="JR38" s="60">
        <v>2</v>
      </c>
      <c r="JS38" s="61">
        <v>2</v>
      </c>
      <c r="JT38" s="62">
        <v>4</v>
      </c>
      <c r="JU38" s="231"/>
      <c r="JV38" s="61">
        <v>4</v>
      </c>
      <c r="JW38" s="61">
        <v>4</v>
      </c>
      <c r="JX38" s="61">
        <v>3</v>
      </c>
      <c r="JY38" s="61">
        <v>2</v>
      </c>
      <c r="JZ38" s="61">
        <v>4</v>
      </c>
      <c r="KA38" s="62">
        <v>17</v>
      </c>
      <c r="KB38" s="63">
        <v>21</v>
      </c>
      <c r="KC38" s="60">
        <v>198</v>
      </c>
      <c r="KD38" s="61">
        <v>213</v>
      </c>
      <c r="KE38" s="62">
        <v>411</v>
      </c>
      <c r="KF38" s="231"/>
      <c r="KG38" s="61">
        <v>491</v>
      </c>
      <c r="KH38" s="61">
        <v>268</v>
      </c>
      <c r="KI38" s="61">
        <v>228</v>
      </c>
      <c r="KJ38" s="61">
        <v>208</v>
      </c>
      <c r="KK38" s="61">
        <v>121</v>
      </c>
      <c r="KL38" s="62">
        <v>1316</v>
      </c>
      <c r="KM38" s="63">
        <v>1727</v>
      </c>
    </row>
    <row r="39" spans="2:299" ht="21" customHeight="1" x14ac:dyDescent="0.2">
      <c r="B39" s="472" t="s">
        <v>36</v>
      </c>
      <c r="C39" s="293">
        <v>66</v>
      </c>
      <c r="D39" s="72">
        <v>84</v>
      </c>
      <c r="E39" s="73">
        <v>150</v>
      </c>
      <c r="F39" s="228"/>
      <c r="G39" s="72">
        <v>152</v>
      </c>
      <c r="H39" s="72">
        <v>147</v>
      </c>
      <c r="I39" s="72">
        <v>97</v>
      </c>
      <c r="J39" s="72">
        <v>99</v>
      </c>
      <c r="K39" s="72">
        <v>52</v>
      </c>
      <c r="L39" s="74">
        <v>547</v>
      </c>
      <c r="M39" s="75">
        <v>697</v>
      </c>
      <c r="N39" s="60">
        <v>4</v>
      </c>
      <c r="O39" s="61">
        <v>7</v>
      </c>
      <c r="P39" s="62">
        <v>11</v>
      </c>
      <c r="Q39" s="231"/>
      <c r="R39" s="61">
        <v>13</v>
      </c>
      <c r="S39" s="61">
        <v>13</v>
      </c>
      <c r="T39" s="61">
        <v>7</v>
      </c>
      <c r="U39" s="61">
        <v>7</v>
      </c>
      <c r="V39" s="61">
        <v>2</v>
      </c>
      <c r="W39" s="62">
        <v>42</v>
      </c>
      <c r="X39" s="63">
        <v>53</v>
      </c>
      <c r="Y39" s="60">
        <v>11</v>
      </c>
      <c r="Z39" s="61">
        <v>11</v>
      </c>
      <c r="AA39" s="62">
        <v>22</v>
      </c>
      <c r="AB39" s="231"/>
      <c r="AC39" s="61">
        <v>18</v>
      </c>
      <c r="AD39" s="61">
        <v>29</v>
      </c>
      <c r="AE39" s="61">
        <v>13</v>
      </c>
      <c r="AF39" s="61">
        <v>13</v>
      </c>
      <c r="AG39" s="61">
        <v>7</v>
      </c>
      <c r="AH39" s="62">
        <v>80</v>
      </c>
      <c r="AI39" s="63">
        <v>102</v>
      </c>
      <c r="AJ39" s="60">
        <v>14</v>
      </c>
      <c r="AK39" s="61">
        <v>18</v>
      </c>
      <c r="AL39" s="62">
        <v>32</v>
      </c>
      <c r="AM39" s="231"/>
      <c r="AN39" s="61">
        <v>30</v>
      </c>
      <c r="AO39" s="61">
        <v>16</v>
      </c>
      <c r="AP39" s="61">
        <v>14</v>
      </c>
      <c r="AQ39" s="61">
        <v>15</v>
      </c>
      <c r="AR39" s="61">
        <v>14</v>
      </c>
      <c r="AS39" s="62">
        <v>89</v>
      </c>
      <c r="AT39" s="63">
        <v>121</v>
      </c>
      <c r="AU39" s="60">
        <v>15</v>
      </c>
      <c r="AV39" s="61">
        <v>20</v>
      </c>
      <c r="AW39" s="62">
        <v>35</v>
      </c>
      <c r="AX39" s="231"/>
      <c r="AY39" s="61">
        <v>45</v>
      </c>
      <c r="AZ39" s="61">
        <v>35</v>
      </c>
      <c r="BA39" s="61">
        <v>28</v>
      </c>
      <c r="BB39" s="61">
        <v>24</v>
      </c>
      <c r="BC39" s="61">
        <v>13</v>
      </c>
      <c r="BD39" s="62">
        <v>145</v>
      </c>
      <c r="BE39" s="63">
        <v>180</v>
      </c>
      <c r="BF39" s="60">
        <v>18</v>
      </c>
      <c r="BG39" s="61">
        <v>18</v>
      </c>
      <c r="BH39" s="62">
        <v>36</v>
      </c>
      <c r="BI39" s="231"/>
      <c r="BJ39" s="61">
        <v>30</v>
      </c>
      <c r="BK39" s="61">
        <v>28</v>
      </c>
      <c r="BL39" s="61">
        <v>23</v>
      </c>
      <c r="BM39" s="61">
        <v>22</v>
      </c>
      <c r="BN39" s="61">
        <v>8</v>
      </c>
      <c r="BO39" s="62">
        <v>111</v>
      </c>
      <c r="BP39" s="63">
        <v>147</v>
      </c>
      <c r="BQ39" s="60">
        <v>4</v>
      </c>
      <c r="BR39" s="61">
        <v>10</v>
      </c>
      <c r="BS39" s="62">
        <v>14</v>
      </c>
      <c r="BT39" s="231"/>
      <c r="BU39" s="61">
        <v>16</v>
      </c>
      <c r="BV39" s="61">
        <v>26</v>
      </c>
      <c r="BW39" s="61">
        <v>12</v>
      </c>
      <c r="BX39" s="61">
        <v>18</v>
      </c>
      <c r="BY39" s="61">
        <v>8</v>
      </c>
      <c r="BZ39" s="62">
        <v>80</v>
      </c>
      <c r="CA39" s="63">
        <v>94</v>
      </c>
      <c r="CB39" s="60">
        <v>1</v>
      </c>
      <c r="CC39" s="61">
        <v>3</v>
      </c>
      <c r="CD39" s="62">
        <v>4</v>
      </c>
      <c r="CE39" s="231"/>
      <c r="CF39" s="61">
        <v>5</v>
      </c>
      <c r="CG39" s="61">
        <v>4</v>
      </c>
      <c r="CH39" s="61">
        <v>8</v>
      </c>
      <c r="CI39" s="61">
        <v>4</v>
      </c>
      <c r="CJ39" s="61">
        <v>2</v>
      </c>
      <c r="CK39" s="62">
        <v>23</v>
      </c>
      <c r="CL39" s="63">
        <v>27</v>
      </c>
      <c r="CM39" s="60">
        <v>67</v>
      </c>
      <c r="CN39" s="61">
        <v>87</v>
      </c>
      <c r="CO39" s="62">
        <v>154</v>
      </c>
      <c r="CP39" s="231"/>
      <c r="CQ39" s="61">
        <v>157</v>
      </c>
      <c r="CR39" s="61">
        <v>151</v>
      </c>
      <c r="CS39" s="61">
        <v>105</v>
      </c>
      <c r="CT39" s="61">
        <v>103</v>
      </c>
      <c r="CU39" s="61">
        <v>54</v>
      </c>
      <c r="CV39" s="62">
        <v>570</v>
      </c>
      <c r="CW39" s="63">
        <v>724</v>
      </c>
      <c r="CX39" s="113">
        <v>96</v>
      </c>
      <c r="CY39" s="72">
        <v>192</v>
      </c>
      <c r="CZ39" s="73">
        <v>288</v>
      </c>
      <c r="DA39" s="228"/>
      <c r="DB39" s="72">
        <v>269</v>
      </c>
      <c r="DC39" s="72">
        <v>202</v>
      </c>
      <c r="DD39" s="72">
        <v>168</v>
      </c>
      <c r="DE39" s="72">
        <v>177</v>
      </c>
      <c r="DF39" s="72">
        <v>149</v>
      </c>
      <c r="DG39" s="74">
        <v>965</v>
      </c>
      <c r="DH39" s="75">
        <v>1253</v>
      </c>
      <c r="DI39" s="60">
        <v>1</v>
      </c>
      <c r="DJ39" s="61">
        <v>6</v>
      </c>
      <c r="DK39" s="62">
        <v>7</v>
      </c>
      <c r="DL39" s="231"/>
      <c r="DM39" s="61">
        <v>5</v>
      </c>
      <c r="DN39" s="61">
        <v>9</v>
      </c>
      <c r="DO39" s="61">
        <v>4</v>
      </c>
      <c r="DP39" s="61">
        <v>4</v>
      </c>
      <c r="DQ39" s="61">
        <v>3</v>
      </c>
      <c r="DR39" s="62">
        <v>25</v>
      </c>
      <c r="DS39" s="63">
        <v>32</v>
      </c>
      <c r="DT39" s="60">
        <v>6</v>
      </c>
      <c r="DU39" s="61">
        <v>22</v>
      </c>
      <c r="DV39" s="62">
        <v>28</v>
      </c>
      <c r="DW39" s="231"/>
      <c r="DX39" s="61">
        <v>23</v>
      </c>
      <c r="DY39" s="61">
        <v>14</v>
      </c>
      <c r="DZ39" s="61">
        <v>12</v>
      </c>
      <c r="EA39" s="61">
        <v>8</v>
      </c>
      <c r="EB39" s="61">
        <v>11</v>
      </c>
      <c r="EC39" s="62">
        <v>68</v>
      </c>
      <c r="ED39" s="63">
        <v>96</v>
      </c>
      <c r="EE39" s="60">
        <v>16</v>
      </c>
      <c r="EF39" s="61">
        <v>31</v>
      </c>
      <c r="EG39" s="62">
        <v>47</v>
      </c>
      <c r="EH39" s="231"/>
      <c r="EI39" s="61">
        <v>39</v>
      </c>
      <c r="EJ39" s="61">
        <v>27</v>
      </c>
      <c r="EK39" s="61">
        <v>13</v>
      </c>
      <c r="EL39" s="61">
        <v>23</v>
      </c>
      <c r="EM39" s="61">
        <v>18</v>
      </c>
      <c r="EN39" s="62">
        <v>120</v>
      </c>
      <c r="EO39" s="63">
        <v>167</v>
      </c>
      <c r="EP39" s="60">
        <v>31</v>
      </c>
      <c r="EQ39" s="61">
        <v>61</v>
      </c>
      <c r="ER39" s="62">
        <v>92</v>
      </c>
      <c r="ES39" s="231"/>
      <c r="ET39" s="61">
        <v>73</v>
      </c>
      <c r="EU39" s="61">
        <v>62</v>
      </c>
      <c r="EV39" s="61">
        <v>31</v>
      </c>
      <c r="EW39" s="61">
        <v>29</v>
      </c>
      <c r="EX39" s="61">
        <v>36</v>
      </c>
      <c r="EY39" s="62">
        <v>231</v>
      </c>
      <c r="EZ39" s="63">
        <v>323</v>
      </c>
      <c r="FA39" s="60">
        <v>28</v>
      </c>
      <c r="FB39" s="61">
        <v>49</v>
      </c>
      <c r="FC39" s="62">
        <v>77</v>
      </c>
      <c r="FD39" s="231"/>
      <c r="FE39" s="61">
        <v>73</v>
      </c>
      <c r="FF39" s="61">
        <v>38</v>
      </c>
      <c r="FG39" s="61">
        <v>53</v>
      </c>
      <c r="FH39" s="61">
        <v>43</v>
      </c>
      <c r="FI39" s="61">
        <v>36</v>
      </c>
      <c r="FJ39" s="62">
        <v>243</v>
      </c>
      <c r="FK39" s="63">
        <v>320</v>
      </c>
      <c r="FL39" s="60">
        <v>14</v>
      </c>
      <c r="FM39" s="61">
        <v>23</v>
      </c>
      <c r="FN39" s="62">
        <v>37</v>
      </c>
      <c r="FO39" s="231"/>
      <c r="FP39" s="61">
        <v>56</v>
      </c>
      <c r="FQ39" s="61">
        <v>52</v>
      </c>
      <c r="FR39" s="61">
        <v>55</v>
      </c>
      <c r="FS39" s="61">
        <v>70</v>
      </c>
      <c r="FT39" s="61">
        <v>45</v>
      </c>
      <c r="FU39" s="62">
        <v>278</v>
      </c>
      <c r="FV39" s="63">
        <v>315</v>
      </c>
      <c r="FW39" s="60">
        <v>1</v>
      </c>
      <c r="FX39" s="61">
        <v>2</v>
      </c>
      <c r="FY39" s="62">
        <v>3</v>
      </c>
      <c r="FZ39" s="231"/>
      <c r="GA39" s="61">
        <v>2</v>
      </c>
      <c r="GB39" s="61">
        <v>3</v>
      </c>
      <c r="GC39" s="61">
        <v>1</v>
      </c>
      <c r="GD39" s="61">
        <v>4</v>
      </c>
      <c r="GE39" s="61">
        <v>2</v>
      </c>
      <c r="GF39" s="62">
        <v>12</v>
      </c>
      <c r="GG39" s="63">
        <v>15</v>
      </c>
      <c r="GH39" s="60">
        <v>97</v>
      </c>
      <c r="GI39" s="61">
        <v>194</v>
      </c>
      <c r="GJ39" s="62">
        <v>291</v>
      </c>
      <c r="GK39" s="231"/>
      <c r="GL39" s="61">
        <v>271</v>
      </c>
      <c r="GM39" s="61">
        <v>205</v>
      </c>
      <c r="GN39" s="61">
        <v>169</v>
      </c>
      <c r="GO39" s="61">
        <v>181</v>
      </c>
      <c r="GP39" s="61">
        <v>151</v>
      </c>
      <c r="GQ39" s="62">
        <v>977</v>
      </c>
      <c r="GR39" s="63">
        <v>1268</v>
      </c>
      <c r="GS39" s="113">
        <v>162</v>
      </c>
      <c r="GT39" s="72">
        <v>276</v>
      </c>
      <c r="GU39" s="73">
        <v>438</v>
      </c>
      <c r="GV39" s="228"/>
      <c r="GW39" s="72">
        <v>421</v>
      </c>
      <c r="GX39" s="72">
        <v>349</v>
      </c>
      <c r="GY39" s="72">
        <v>265</v>
      </c>
      <c r="GZ39" s="72">
        <v>276</v>
      </c>
      <c r="HA39" s="72">
        <v>201</v>
      </c>
      <c r="HB39" s="74">
        <v>1512</v>
      </c>
      <c r="HC39" s="75">
        <v>1950</v>
      </c>
      <c r="HD39" s="60">
        <v>5</v>
      </c>
      <c r="HE39" s="61">
        <v>13</v>
      </c>
      <c r="HF39" s="62">
        <v>18</v>
      </c>
      <c r="HG39" s="231"/>
      <c r="HH39" s="61">
        <v>18</v>
      </c>
      <c r="HI39" s="61">
        <v>22</v>
      </c>
      <c r="HJ39" s="61">
        <v>11</v>
      </c>
      <c r="HK39" s="61">
        <v>11</v>
      </c>
      <c r="HL39" s="61">
        <v>5</v>
      </c>
      <c r="HM39" s="62">
        <v>67</v>
      </c>
      <c r="HN39" s="63">
        <v>85</v>
      </c>
      <c r="HO39" s="60">
        <v>17</v>
      </c>
      <c r="HP39" s="61">
        <v>33</v>
      </c>
      <c r="HQ39" s="62">
        <v>50</v>
      </c>
      <c r="HR39" s="231"/>
      <c r="HS39" s="61">
        <v>41</v>
      </c>
      <c r="HT39" s="61">
        <v>43</v>
      </c>
      <c r="HU39" s="61">
        <v>25</v>
      </c>
      <c r="HV39" s="61">
        <v>21</v>
      </c>
      <c r="HW39" s="61">
        <v>18</v>
      </c>
      <c r="HX39" s="62">
        <v>148</v>
      </c>
      <c r="HY39" s="63">
        <v>198</v>
      </c>
      <c r="HZ39" s="60">
        <v>30</v>
      </c>
      <c r="IA39" s="61">
        <v>49</v>
      </c>
      <c r="IB39" s="62">
        <v>79</v>
      </c>
      <c r="IC39" s="231"/>
      <c r="ID39" s="61">
        <v>69</v>
      </c>
      <c r="IE39" s="61">
        <v>43</v>
      </c>
      <c r="IF39" s="61">
        <v>27</v>
      </c>
      <c r="IG39" s="61">
        <v>38</v>
      </c>
      <c r="IH39" s="61">
        <v>32</v>
      </c>
      <c r="II39" s="62">
        <v>209</v>
      </c>
      <c r="IJ39" s="63">
        <v>288</v>
      </c>
      <c r="IK39" s="60">
        <v>46</v>
      </c>
      <c r="IL39" s="61">
        <v>81</v>
      </c>
      <c r="IM39" s="62">
        <v>127</v>
      </c>
      <c r="IN39" s="231"/>
      <c r="IO39" s="61">
        <v>118</v>
      </c>
      <c r="IP39" s="61">
        <v>97</v>
      </c>
      <c r="IQ39" s="61">
        <v>59</v>
      </c>
      <c r="IR39" s="61">
        <v>53</v>
      </c>
      <c r="IS39" s="61">
        <v>49</v>
      </c>
      <c r="IT39" s="62">
        <v>376</v>
      </c>
      <c r="IU39" s="63">
        <v>503</v>
      </c>
      <c r="IV39" s="60">
        <v>46</v>
      </c>
      <c r="IW39" s="61">
        <v>67</v>
      </c>
      <c r="IX39" s="62">
        <v>113</v>
      </c>
      <c r="IY39" s="231"/>
      <c r="IZ39" s="61">
        <v>103</v>
      </c>
      <c r="JA39" s="61">
        <v>66</v>
      </c>
      <c r="JB39" s="61">
        <v>76</v>
      </c>
      <c r="JC39" s="61">
        <v>65</v>
      </c>
      <c r="JD39" s="61">
        <v>44</v>
      </c>
      <c r="JE39" s="62">
        <v>354</v>
      </c>
      <c r="JF39" s="63">
        <v>467</v>
      </c>
      <c r="JG39" s="60">
        <v>18</v>
      </c>
      <c r="JH39" s="61">
        <v>33</v>
      </c>
      <c r="JI39" s="62">
        <v>51</v>
      </c>
      <c r="JJ39" s="231"/>
      <c r="JK39" s="61">
        <v>72</v>
      </c>
      <c r="JL39" s="61">
        <v>78</v>
      </c>
      <c r="JM39" s="61">
        <v>67</v>
      </c>
      <c r="JN39" s="61">
        <v>88</v>
      </c>
      <c r="JO39" s="61">
        <v>53</v>
      </c>
      <c r="JP39" s="62">
        <v>358</v>
      </c>
      <c r="JQ39" s="63">
        <v>409</v>
      </c>
      <c r="JR39" s="60">
        <v>2</v>
      </c>
      <c r="JS39" s="61">
        <v>5</v>
      </c>
      <c r="JT39" s="62">
        <v>7</v>
      </c>
      <c r="JU39" s="231"/>
      <c r="JV39" s="61">
        <v>7</v>
      </c>
      <c r="JW39" s="61">
        <v>7</v>
      </c>
      <c r="JX39" s="61">
        <v>9</v>
      </c>
      <c r="JY39" s="61">
        <v>8</v>
      </c>
      <c r="JZ39" s="61">
        <v>4</v>
      </c>
      <c r="KA39" s="62">
        <v>35</v>
      </c>
      <c r="KB39" s="63">
        <v>42</v>
      </c>
      <c r="KC39" s="60">
        <v>164</v>
      </c>
      <c r="KD39" s="61">
        <v>281</v>
      </c>
      <c r="KE39" s="62">
        <v>445</v>
      </c>
      <c r="KF39" s="231"/>
      <c r="KG39" s="61">
        <v>428</v>
      </c>
      <c r="KH39" s="61">
        <v>356</v>
      </c>
      <c r="KI39" s="61">
        <v>274</v>
      </c>
      <c r="KJ39" s="61">
        <v>284</v>
      </c>
      <c r="KK39" s="61">
        <v>205</v>
      </c>
      <c r="KL39" s="62">
        <v>1547</v>
      </c>
      <c r="KM39" s="63">
        <v>1992</v>
      </c>
    </row>
    <row r="40" spans="2:299" ht="21" customHeight="1" thickBot="1" x14ac:dyDescent="0.25">
      <c r="B40" s="473" t="s">
        <v>37</v>
      </c>
      <c r="C40" s="294">
        <v>3</v>
      </c>
      <c r="D40" s="77">
        <v>2</v>
      </c>
      <c r="E40" s="78">
        <v>5</v>
      </c>
      <c r="F40" s="229"/>
      <c r="G40" s="77">
        <v>9</v>
      </c>
      <c r="H40" s="77">
        <v>6</v>
      </c>
      <c r="I40" s="77">
        <v>9</v>
      </c>
      <c r="J40" s="77">
        <v>9</v>
      </c>
      <c r="K40" s="77">
        <v>1</v>
      </c>
      <c r="L40" s="79">
        <v>34</v>
      </c>
      <c r="M40" s="80">
        <v>39</v>
      </c>
      <c r="N40" s="64">
        <v>1</v>
      </c>
      <c r="O40" s="65">
        <v>0</v>
      </c>
      <c r="P40" s="66">
        <v>1</v>
      </c>
      <c r="Q40" s="232"/>
      <c r="R40" s="65">
        <v>0</v>
      </c>
      <c r="S40" s="65">
        <v>1</v>
      </c>
      <c r="T40" s="65">
        <v>0</v>
      </c>
      <c r="U40" s="65">
        <v>1</v>
      </c>
      <c r="V40" s="65">
        <v>0</v>
      </c>
      <c r="W40" s="66">
        <v>2</v>
      </c>
      <c r="X40" s="67">
        <v>3</v>
      </c>
      <c r="Y40" s="64">
        <v>1</v>
      </c>
      <c r="Z40" s="65">
        <v>0</v>
      </c>
      <c r="AA40" s="66">
        <v>1</v>
      </c>
      <c r="AB40" s="232"/>
      <c r="AC40" s="65">
        <v>0</v>
      </c>
      <c r="AD40" s="65">
        <v>1</v>
      </c>
      <c r="AE40" s="65">
        <v>2</v>
      </c>
      <c r="AF40" s="65">
        <v>3</v>
      </c>
      <c r="AG40" s="65">
        <v>0</v>
      </c>
      <c r="AH40" s="66">
        <v>6</v>
      </c>
      <c r="AI40" s="67">
        <v>7</v>
      </c>
      <c r="AJ40" s="64">
        <v>0</v>
      </c>
      <c r="AK40" s="65">
        <v>1</v>
      </c>
      <c r="AL40" s="66">
        <v>1</v>
      </c>
      <c r="AM40" s="232"/>
      <c r="AN40" s="65">
        <v>2</v>
      </c>
      <c r="AO40" s="65">
        <v>0</v>
      </c>
      <c r="AP40" s="65">
        <v>3</v>
      </c>
      <c r="AQ40" s="65">
        <v>0</v>
      </c>
      <c r="AR40" s="65">
        <v>0</v>
      </c>
      <c r="AS40" s="66">
        <v>5</v>
      </c>
      <c r="AT40" s="67">
        <v>6</v>
      </c>
      <c r="AU40" s="64">
        <v>1</v>
      </c>
      <c r="AV40" s="65">
        <v>1</v>
      </c>
      <c r="AW40" s="66">
        <v>2</v>
      </c>
      <c r="AX40" s="232"/>
      <c r="AY40" s="65">
        <v>3</v>
      </c>
      <c r="AZ40" s="65">
        <v>1</v>
      </c>
      <c r="BA40" s="65">
        <v>0</v>
      </c>
      <c r="BB40" s="65">
        <v>1</v>
      </c>
      <c r="BC40" s="65">
        <v>0</v>
      </c>
      <c r="BD40" s="66">
        <v>5</v>
      </c>
      <c r="BE40" s="67">
        <v>7</v>
      </c>
      <c r="BF40" s="64">
        <v>0</v>
      </c>
      <c r="BG40" s="65">
        <v>0</v>
      </c>
      <c r="BH40" s="66">
        <v>0</v>
      </c>
      <c r="BI40" s="232"/>
      <c r="BJ40" s="65">
        <v>1</v>
      </c>
      <c r="BK40" s="65">
        <v>1</v>
      </c>
      <c r="BL40" s="65">
        <v>3</v>
      </c>
      <c r="BM40" s="65">
        <v>3</v>
      </c>
      <c r="BN40" s="65">
        <v>0</v>
      </c>
      <c r="BO40" s="66">
        <v>8</v>
      </c>
      <c r="BP40" s="67">
        <v>8</v>
      </c>
      <c r="BQ40" s="64">
        <v>0</v>
      </c>
      <c r="BR40" s="65">
        <v>0</v>
      </c>
      <c r="BS40" s="66">
        <v>0</v>
      </c>
      <c r="BT40" s="232"/>
      <c r="BU40" s="65">
        <v>3</v>
      </c>
      <c r="BV40" s="65">
        <v>2</v>
      </c>
      <c r="BW40" s="65">
        <v>1</v>
      </c>
      <c r="BX40" s="65">
        <v>1</v>
      </c>
      <c r="BY40" s="65">
        <v>1</v>
      </c>
      <c r="BZ40" s="66">
        <v>8</v>
      </c>
      <c r="CA40" s="67">
        <v>8</v>
      </c>
      <c r="CB40" s="64">
        <v>0</v>
      </c>
      <c r="CC40" s="65">
        <v>0</v>
      </c>
      <c r="CD40" s="66">
        <v>0</v>
      </c>
      <c r="CE40" s="232"/>
      <c r="CF40" s="65">
        <v>0</v>
      </c>
      <c r="CG40" s="65">
        <v>1</v>
      </c>
      <c r="CH40" s="65">
        <v>0</v>
      </c>
      <c r="CI40" s="65">
        <v>1</v>
      </c>
      <c r="CJ40" s="65">
        <v>0</v>
      </c>
      <c r="CK40" s="66">
        <v>2</v>
      </c>
      <c r="CL40" s="67">
        <v>2</v>
      </c>
      <c r="CM40" s="64">
        <v>3</v>
      </c>
      <c r="CN40" s="65">
        <v>2</v>
      </c>
      <c r="CO40" s="66">
        <v>5</v>
      </c>
      <c r="CP40" s="232"/>
      <c r="CQ40" s="65">
        <v>9</v>
      </c>
      <c r="CR40" s="65">
        <v>7</v>
      </c>
      <c r="CS40" s="65">
        <v>9</v>
      </c>
      <c r="CT40" s="65">
        <v>10</v>
      </c>
      <c r="CU40" s="65">
        <v>1</v>
      </c>
      <c r="CV40" s="66">
        <v>36</v>
      </c>
      <c r="CW40" s="67">
        <v>41</v>
      </c>
      <c r="CX40" s="114">
        <v>16</v>
      </c>
      <c r="CY40" s="77">
        <v>3</v>
      </c>
      <c r="CZ40" s="78">
        <v>19</v>
      </c>
      <c r="DA40" s="229"/>
      <c r="DB40" s="77">
        <v>22</v>
      </c>
      <c r="DC40" s="77">
        <v>17</v>
      </c>
      <c r="DD40" s="77">
        <v>24</v>
      </c>
      <c r="DE40" s="77">
        <v>16</v>
      </c>
      <c r="DF40" s="77">
        <v>13</v>
      </c>
      <c r="DG40" s="79">
        <v>92</v>
      </c>
      <c r="DH40" s="80">
        <v>111</v>
      </c>
      <c r="DI40" s="64">
        <v>0</v>
      </c>
      <c r="DJ40" s="65">
        <v>0</v>
      </c>
      <c r="DK40" s="66">
        <v>0</v>
      </c>
      <c r="DL40" s="232"/>
      <c r="DM40" s="65">
        <v>0</v>
      </c>
      <c r="DN40" s="65">
        <v>0</v>
      </c>
      <c r="DO40" s="65">
        <v>1</v>
      </c>
      <c r="DP40" s="65">
        <v>0</v>
      </c>
      <c r="DQ40" s="65">
        <v>2</v>
      </c>
      <c r="DR40" s="66">
        <v>3</v>
      </c>
      <c r="DS40" s="67">
        <v>3</v>
      </c>
      <c r="DT40" s="64">
        <v>2</v>
      </c>
      <c r="DU40" s="65">
        <v>0</v>
      </c>
      <c r="DV40" s="66">
        <v>2</v>
      </c>
      <c r="DW40" s="232"/>
      <c r="DX40" s="65">
        <v>1</v>
      </c>
      <c r="DY40" s="65">
        <v>0</v>
      </c>
      <c r="DZ40" s="65">
        <v>0</v>
      </c>
      <c r="EA40" s="65">
        <v>1</v>
      </c>
      <c r="EB40" s="65">
        <v>0</v>
      </c>
      <c r="EC40" s="66">
        <v>2</v>
      </c>
      <c r="ED40" s="67">
        <v>4</v>
      </c>
      <c r="EE40" s="64">
        <v>1</v>
      </c>
      <c r="EF40" s="65">
        <v>0</v>
      </c>
      <c r="EG40" s="66">
        <v>1</v>
      </c>
      <c r="EH40" s="232"/>
      <c r="EI40" s="65">
        <v>0</v>
      </c>
      <c r="EJ40" s="65">
        <v>3</v>
      </c>
      <c r="EK40" s="65">
        <v>3</v>
      </c>
      <c r="EL40" s="65">
        <v>3</v>
      </c>
      <c r="EM40" s="65">
        <v>1</v>
      </c>
      <c r="EN40" s="66">
        <v>10</v>
      </c>
      <c r="EO40" s="67">
        <v>11</v>
      </c>
      <c r="EP40" s="64">
        <v>7</v>
      </c>
      <c r="EQ40" s="65">
        <v>1</v>
      </c>
      <c r="ER40" s="66">
        <v>8</v>
      </c>
      <c r="ES40" s="232"/>
      <c r="ET40" s="65">
        <v>5</v>
      </c>
      <c r="EU40" s="65">
        <v>4</v>
      </c>
      <c r="EV40" s="65">
        <v>4</v>
      </c>
      <c r="EW40" s="65">
        <v>2</v>
      </c>
      <c r="EX40" s="65">
        <v>3</v>
      </c>
      <c r="EY40" s="66">
        <v>18</v>
      </c>
      <c r="EZ40" s="67">
        <v>26</v>
      </c>
      <c r="FA40" s="64">
        <v>5</v>
      </c>
      <c r="FB40" s="65">
        <v>1</v>
      </c>
      <c r="FC40" s="66">
        <v>6</v>
      </c>
      <c r="FD40" s="232"/>
      <c r="FE40" s="65">
        <v>10</v>
      </c>
      <c r="FF40" s="65">
        <v>5</v>
      </c>
      <c r="FG40" s="65">
        <v>7</v>
      </c>
      <c r="FH40" s="65">
        <v>5</v>
      </c>
      <c r="FI40" s="65">
        <v>3</v>
      </c>
      <c r="FJ40" s="66">
        <v>30</v>
      </c>
      <c r="FK40" s="67">
        <v>36</v>
      </c>
      <c r="FL40" s="64">
        <v>1</v>
      </c>
      <c r="FM40" s="65">
        <v>1</v>
      </c>
      <c r="FN40" s="66">
        <v>2</v>
      </c>
      <c r="FO40" s="232"/>
      <c r="FP40" s="65">
        <v>6</v>
      </c>
      <c r="FQ40" s="65">
        <v>5</v>
      </c>
      <c r="FR40" s="65">
        <v>9</v>
      </c>
      <c r="FS40" s="65">
        <v>5</v>
      </c>
      <c r="FT40" s="65">
        <v>4</v>
      </c>
      <c r="FU40" s="66">
        <v>29</v>
      </c>
      <c r="FV40" s="67">
        <v>31</v>
      </c>
      <c r="FW40" s="64">
        <v>0</v>
      </c>
      <c r="FX40" s="65">
        <v>0</v>
      </c>
      <c r="FY40" s="66">
        <v>0</v>
      </c>
      <c r="FZ40" s="232"/>
      <c r="GA40" s="65">
        <v>0</v>
      </c>
      <c r="GB40" s="65">
        <v>2</v>
      </c>
      <c r="GC40" s="65">
        <v>0</v>
      </c>
      <c r="GD40" s="65">
        <v>0</v>
      </c>
      <c r="GE40" s="65">
        <v>0</v>
      </c>
      <c r="GF40" s="66">
        <v>2</v>
      </c>
      <c r="GG40" s="67">
        <v>2</v>
      </c>
      <c r="GH40" s="64">
        <v>16</v>
      </c>
      <c r="GI40" s="65">
        <v>3</v>
      </c>
      <c r="GJ40" s="66">
        <v>19</v>
      </c>
      <c r="GK40" s="232"/>
      <c r="GL40" s="65">
        <v>22</v>
      </c>
      <c r="GM40" s="65">
        <v>19</v>
      </c>
      <c r="GN40" s="65">
        <v>24</v>
      </c>
      <c r="GO40" s="65">
        <v>16</v>
      </c>
      <c r="GP40" s="65">
        <v>13</v>
      </c>
      <c r="GQ40" s="66">
        <v>94</v>
      </c>
      <c r="GR40" s="67">
        <v>113</v>
      </c>
      <c r="GS40" s="114">
        <v>19</v>
      </c>
      <c r="GT40" s="77">
        <v>5</v>
      </c>
      <c r="GU40" s="78">
        <v>24</v>
      </c>
      <c r="GV40" s="229"/>
      <c r="GW40" s="77">
        <v>31</v>
      </c>
      <c r="GX40" s="77">
        <v>23</v>
      </c>
      <c r="GY40" s="77">
        <v>33</v>
      </c>
      <c r="GZ40" s="77">
        <v>25</v>
      </c>
      <c r="HA40" s="77">
        <v>14</v>
      </c>
      <c r="HB40" s="79">
        <v>126</v>
      </c>
      <c r="HC40" s="80">
        <v>150</v>
      </c>
      <c r="HD40" s="64">
        <v>1</v>
      </c>
      <c r="HE40" s="65">
        <v>0</v>
      </c>
      <c r="HF40" s="66">
        <v>1</v>
      </c>
      <c r="HG40" s="232"/>
      <c r="HH40" s="65">
        <v>0</v>
      </c>
      <c r="HI40" s="65">
        <v>1</v>
      </c>
      <c r="HJ40" s="65">
        <v>1</v>
      </c>
      <c r="HK40" s="65">
        <v>1</v>
      </c>
      <c r="HL40" s="65">
        <v>2</v>
      </c>
      <c r="HM40" s="66">
        <v>5</v>
      </c>
      <c r="HN40" s="67">
        <v>6</v>
      </c>
      <c r="HO40" s="64">
        <v>3</v>
      </c>
      <c r="HP40" s="65">
        <v>0</v>
      </c>
      <c r="HQ40" s="66">
        <v>3</v>
      </c>
      <c r="HR40" s="232"/>
      <c r="HS40" s="65">
        <v>1</v>
      </c>
      <c r="HT40" s="65">
        <v>1</v>
      </c>
      <c r="HU40" s="65">
        <v>2</v>
      </c>
      <c r="HV40" s="65">
        <v>4</v>
      </c>
      <c r="HW40" s="65">
        <v>0</v>
      </c>
      <c r="HX40" s="66">
        <v>8</v>
      </c>
      <c r="HY40" s="67">
        <v>11</v>
      </c>
      <c r="HZ40" s="64">
        <v>1</v>
      </c>
      <c r="IA40" s="65">
        <v>1</v>
      </c>
      <c r="IB40" s="66">
        <v>2</v>
      </c>
      <c r="IC40" s="232"/>
      <c r="ID40" s="65">
        <v>2</v>
      </c>
      <c r="IE40" s="65">
        <v>3</v>
      </c>
      <c r="IF40" s="65">
        <v>6</v>
      </c>
      <c r="IG40" s="65">
        <v>3</v>
      </c>
      <c r="IH40" s="65">
        <v>1</v>
      </c>
      <c r="II40" s="66">
        <v>15</v>
      </c>
      <c r="IJ40" s="67">
        <v>17</v>
      </c>
      <c r="IK40" s="64">
        <v>8</v>
      </c>
      <c r="IL40" s="65">
        <v>2</v>
      </c>
      <c r="IM40" s="66">
        <v>10</v>
      </c>
      <c r="IN40" s="232"/>
      <c r="IO40" s="65">
        <v>8</v>
      </c>
      <c r="IP40" s="65">
        <v>5</v>
      </c>
      <c r="IQ40" s="65">
        <v>4</v>
      </c>
      <c r="IR40" s="65">
        <v>3</v>
      </c>
      <c r="IS40" s="65">
        <v>3</v>
      </c>
      <c r="IT40" s="66">
        <v>23</v>
      </c>
      <c r="IU40" s="67">
        <v>33</v>
      </c>
      <c r="IV40" s="64">
        <v>5</v>
      </c>
      <c r="IW40" s="65">
        <v>1</v>
      </c>
      <c r="IX40" s="66">
        <v>6</v>
      </c>
      <c r="IY40" s="232"/>
      <c r="IZ40" s="65">
        <v>11</v>
      </c>
      <c r="JA40" s="65">
        <v>6</v>
      </c>
      <c r="JB40" s="65">
        <v>10</v>
      </c>
      <c r="JC40" s="65">
        <v>8</v>
      </c>
      <c r="JD40" s="65">
        <v>3</v>
      </c>
      <c r="JE40" s="66">
        <v>38</v>
      </c>
      <c r="JF40" s="67">
        <v>44</v>
      </c>
      <c r="JG40" s="64">
        <v>1</v>
      </c>
      <c r="JH40" s="65">
        <v>1</v>
      </c>
      <c r="JI40" s="66">
        <v>2</v>
      </c>
      <c r="JJ40" s="232"/>
      <c r="JK40" s="65">
        <v>9</v>
      </c>
      <c r="JL40" s="65">
        <v>7</v>
      </c>
      <c r="JM40" s="65">
        <v>10</v>
      </c>
      <c r="JN40" s="65">
        <v>6</v>
      </c>
      <c r="JO40" s="65">
        <v>5</v>
      </c>
      <c r="JP40" s="66">
        <v>37</v>
      </c>
      <c r="JQ40" s="67">
        <v>39</v>
      </c>
      <c r="JR40" s="64">
        <v>0</v>
      </c>
      <c r="JS40" s="65">
        <v>0</v>
      </c>
      <c r="JT40" s="66">
        <v>0</v>
      </c>
      <c r="JU40" s="232"/>
      <c r="JV40" s="65">
        <v>0</v>
      </c>
      <c r="JW40" s="65">
        <v>3</v>
      </c>
      <c r="JX40" s="65">
        <v>0</v>
      </c>
      <c r="JY40" s="65">
        <v>1</v>
      </c>
      <c r="JZ40" s="65">
        <v>0</v>
      </c>
      <c r="KA40" s="66">
        <v>4</v>
      </c>
      <c r="KB40" s="67">
        <v>4</v>
      </c>
      <c r="KC40" s="64">
        <v>19</v>
      </c>
      <c r="KD40" s="65">
        <v>5</v>
      </c>
      <c r="KE40" s="66">
        <v>24</v>
      </c>
      <c r="KF40" s="232"/>
      <c r="KG40" s="65">
        <v>31</v>
      </c>
      <c r="KH40" s="65">
        <v>26</v>
      </c>
      <c r="KI40" s="65">
        <v>33</v>
      </c>
      <c r="KJ40" s="65">
        <v>26</v>
      </c>
      <c r="KK40" s="65">
        <v>14</v>
      </c>
      <c r="KL40" s="66">
        <v>130</v>
      </c>
      <c r="KM40" s="67">
        <v>154</v>
      </c>
    </row>
    <row r="41" spans="2:299" ht="32.25" customHeight="1" x14ac:dyDescent="0.2">
      <c r="C41" s="289"/>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8</v>
      </c>
      <c r="H1" s="530">
        <f>IF(G1&lt;3,G1-2+12,G1-2)</f>
        <v>6</v>
      </c>
      <c r="I1" s="530"/>
    </row>
    <row r="2" spans="2:43" ht="24" customHeight="1" thickBot="1" x14ac:dyDescent="0.25">
      <c r="B2" s="15" t="s">
        <v>157</v>
      </c>
      <c r="F2" s="15" t="s">
        <v>139</v>
      </c>
    </row>
    <row r="3" spans="2:43" ht="21" customHeight="1" x14ac:dyDescent="0.2">
      <c r="B3" s="548"/>
      <c r="C3" s="551" t="s">
        <v>57</v>
      </c>
      <c r="D3" s="552"/>
      <c r="E3" s="552"/>
      <c r="F3" s="552"/>
      <c r="G3" s="552"/>
      <c r="H3" s="552"/>
      <c r="I3" s="552"/>
      <c r="J3" s="552"/>
      <c r="K3" s="552"/>
      <c r="L3" s="552"/>
      <c r="M3" s="551" t="s">
        <v>58</v>
      </c>
      <c r="N3" s="554"/>
      <c r="O3" s="554"/>
      <c r="P3" s="554"/>
      <c r="Q3" s="554"/>
      <c r="R3" s="554"/>
      <c r="S3" s="554"/>
      <c r="T3" s="554"/>
      <c r="U3" s="554"/>
      <c r="V3" s="554"/>
      <c r="W3" s="551" t="s">
        <v>59</v>
      </c>
      <c r="X3" s="552"/>
      <c r="Y3" s="552"/>
      <c r="Z3" s="552"/>
      <c r="AA3" s="552"/>
      <c r="AB3" s="552"/>
      <c r="AC3" s="552"/>
      <c r="AD3" s="552"/>
      <c r="AE3" s="552"/>
      <c r="AF3" s="552"/>
      <c r="AG3" s="580" t="s">
        <v>150</v>
      </c>
      <c r="AH3" s="552"/>
      <c r="AI3" s="552"/>
      <c r="AJ3" s="552"/>
      <c r="AK3" s="552"/>
      <c r="AL3" s="552"/>
      <c r="AM3" s="552"/>
      <c r="AN3" s="552"/>
      <c r="AO3" s="552"/>
      <c r="AP3" s="553"/>
    </row>
    <row r="4" spans="2:43" ht="21" customHeight="1" x14ac:dyDescent="0.2">
      <c r="B4" s="550"/>
      <c r="C4" s="556" t="s">
        <v>61</v>
      </c>
      <c r="D4" s="557"/>
      <c r="E4" s="558"/>
      <c r="F4" s="559" t="s">
        <v>62</v>
      </c>
      <c r="G4" s="560"/>
      <c r="H4" s="560"/>
      <c r="I4" s="560"/>
      <c r="J4" s="560"/>
      <c r="K4" s="561"/>
      <c r="L4" s="572" t="s">
        <v>52</v>
      </c>
      <c r="M4" s="556" t="s">
        <v>61</v>
      </c>
      <c r="N4" s="557"/>
      <c r="O4" s="558"/>
      <c r="P4" s="559" t="s">
        <v>62</v>
      </c>
      <c r="Q4" s="560"/>
      <c r="R4" s="560"/>
      <c r="S4" s="560"/>
      <c r="T4" s="560"/>
      <c r="U4" s="561"/>
      <c r="V4" s="562" t="s">
        <v>52</v>
      </c>
      <c r="W4" s="556" t="s">
        <v>61</v>
      </c>
      <c r="X4" s="557"/>
      <c r="Y4" s="558"/>
      <c r="Z4" s="559" t="s">
        <v>62</v>
      </c>
      <c r="AA4" s="560"/>
      <c r="AB4" s="560"/>
      <c r="AC4" s="560"/>
      <c r="AD4" s="560"/>
      <c r="AE4" s="561"/>
      <c r="AF4" s="572" t="s">
        <v>52</v>
      </c>
      <c r="AG4" s="556" t="s">
        <v>61</v>
      </c>
      <c r="AH4" s="557"/>
      <c r="AI4" s="558"/>
      <c r="AJ4" s="559" t="s">
        <v>62</v>
      </c>
      <c r="AK4" s="560"/>
      <c r="AL4" s="560"/>
      <c r="AM4" s="560"/>
      <c r="AN4" s="560"/>
      <c r="AO4" s="561"/>
      <c r="AP4" s="562" t="s">
        <v>52</v>
      </c>
    </row>
    <row r="5" spans="2:43" ht="30" customHeight="1" thickBot="1" x14ac:dyDescent="0.25">
      <c r="B5" s="337" t="s">
        <v>42</v>
      </c>
      <c r="C5" s="26" t="s">
        <v>43</v>
      </c>
      <c r="D5" s="27" t="s">
        <v>44</v>
      </c>
      <c r="E5" s="27" t="s">
        <v>45</v>
      </c>
      <c r="F5" s="28" t="s">
        <v>47</v>
      </c>
      <c r="G5" s="29" t="s">
        <v>48</v>
      </c>
      <c r="H5" s="29" t="s">
        <v>49</v>
      </c>
      <c r="I5" s="30" t="s">
        <v>50</v>
      </c>
      <c r="J5" s="27" t="s">
        <v>51</v>
      </c>
      <c r="K5" s="31" t="s">
        <v>95</v>
      </c>
      <c r="L5" s="571"/>
      <c r="M5" s="26" t="s">
        <v>43</v>
      </c>
      <c r="N5" s="27" t="s">
        <v>44</v>
      </c>
      <c r="O5" s="31" t="s">
        <v>45</v>
      </c>
      <c r="P5" s="12" t="s">
        <v>47</v>
      </c>
      <c r="Q5" s="29" t="s">
        <v>48</v>
      </c>
      <c r="R5" s="29" t="s">
        <v>49</v>
      </c>
      <c r="S5" s="30" t="s">
        <v>50</v>
      </c>
      <c r="T5" s="27" t="s">
        <v>51</v>
      </c>
      <c r="U5" s="31" t="s">
        <v>45</v>
      </c>
      <c r="V5" s="563"/>
      <c r="W5" s="26" t="s">
        <v>43</v>
      </c>
      <c r="X5" s="27" t="s">
        <v>44</v>
      </c>
      <c r="Y5" s="27" t="s">
        <v>45</v>
      </c>
      <c r="Z5" s="28" t="s">
        <v>47</v>
      </c>
      <c r="AA5" s="29" t="s">
        <v>48</v>
      </c>
      <c r="AB5" s="29" t="s">
        <v>49</v>
      </c>
      <c r="AC5" s="30" t="s">
        <v>50</v>
      </c>
      <c r="AD5" s="27" t="s">
        <v>51</v>
      </c>
      <c r="AE5" s="31" t="s">
        <v>45</v>
      </c>
      <c r="AF5" s="571"/>
      <c r="AG5" s="26" t="s">
        <v>43</v>
      </c>
      <c r="AH5" s="27" t="s">
        <v>44</v>
      </c>
      <c r="AI5" s="27" t="s">
        <v>45</v>
      </c>
      <c r="AJ5" s="28" t="s">
        <v>47</v>
      </c>
      <c r="AK5" s="29" t="s">
        <v>48</v>
      </c>
      <c r="AL5" s="29" t="s">
        <v>49</v>
      </c>
      <c r="AM5" s="30" t="s">
        <v>50</v>
      </c>
      <c r="AN5" s="27" t="s">
        <v>51</v>
      </c>
      <c r="AO5" s="31" t="s">
        <v>45</v>
      </c>
      <c r="AP5" s="563"/>
    </row>
    <row r="6" spans="2:43" ht="21" customHeight="1" x14ac:dyDescent="0.2">
      <c r="B6" s="470" t="s">
        <v>4</v>
      </c>
      <c r="C6" s="172">
        <v>0</v>
      </c>
      <c r="D6" s="173">
        <v>0</v>
      </c>
      <c r="E6" s="173">
        <v>0</v>
      </c>
      <c r="F6" s="174">
        <v>13</v>
      </c>
      <c r="G6" s="175">
        <v>60</v>
      </c>
      <c r="H6" s="175">
        <v>483</v>
      </c>
      <c r="I6" s="175">
        <v>719</v>
      </c>
      <c r="J6" s="173">
        <v>375</v>
      </c>
      <c r="K6" s="176">
        <v>1650</v>
      </c>
      <c r="L6" s="177">
        <v>1650</v>
      </c>
      <c r="M6" s="172">
        <v>0</v>
      </c>
      <c r="N6" s="173">
        <v>0</v>
      </c>
      <c r="O6" s="176">
        <v>0</v>
      </c>
      <c r="P6" s="179">
        <v>92</v>
      </c>
      <c r="Q6" s="175">
        <v>183</v>
      </c>
      <c r="R6" s="175">
        <v>237</v>
      </c>
      <c r="S6" s="175">
        <v>325</v>
      </c>
      <c r="T6" s="173">
        <v>166</v>
      </c>
      <c r="U6" s="176">
        <v>1003</v>
      </c>
      <c r="V6" s="180">
        <v>1003</v>
      </c>
      <c r="W6" s="179">
        <v>0</v>
      </c>
      <c r="X6" s="173">
        <v>0</v>
      </c>
      <c r="Y6" s="173">
        <v>0</v>
      </c>
      <c r="Z6" s="174">
        <v>0</v>
      </c>
      <c r="AA6" s="175">
        <v>1</v>
      </c>
      <c r="AB6" s="175">
        <v>1</v>
      </c>
      <c r="AC6" s="175">
        <v>9</v>
      </c>
      <c r="AD6" s="173">
        <v>4</v>
      </c>
      <c r="AE6" s="176">
        <v>15</v>
      </c>
      <c r="AF6" s="177">
        <v>15</v>
      </c>
      <c r="AG6" s="172">
        <v>0</v>
      </c>
      <c r="AH6" s="173">
        <v>0</v>
      </c>
      <c r="AI6" s="173">
        <v>0</v>
      </c>
      <c r="AJ6" s="174">
        <v>0</v>
      </c>
      <c r="AK6" s="175">
        <v>1</v>
      </c>
      <c r="AL6" s="175">
        <v>1</v>
      </c>
      <c r="AM6" s="175">
        <v>18</v>
      </c>
      <c r="AN6" s="173">
        <v>23</v>
      </c>
      <c r="AO6" s="176">
        <v>43</v>
      </c>
      <c r="AP6" s="178">
        <v>43</v>
      </c>
      <c r="AQ6" s="32"/>
    </row>
    <row r="7" spans="2:43" ht="21" customHeight="1" x14ac:dyDescent="0.2">
      <c r="B7" s="471" t="s">
        <v>5</v>
      </c>
      <c r="C7" s="181">
        <v>0</v>
      </c>
      <c r="D7" s="182">
        <v>0</v>
      </c>
      <c r="E7" s="182">
        <v>0</v>
      </c>
      <c r="F7" s="183">
        <v>9</v>
      </c>
      <c r="G7" s="184">
        <v>46</v>
      </c>
      <c r="H7" s="184">
        <v>241</v>
      </c>
      <c r="I7" s="184">
        <v>300</v>
      </c>
      <c r="J7" s="182">
        <v>175</v>
      </c>
      <c r="K7" s="185">
        <v>771</v>
      </c>
      <c r="L7" s="186">
        <v>771</v>
      </c>
      <c r="M7" s="181">
        <v>0</v>
      </c>
      <c r="N7" s="182">
        <v>0</v>
      </c>
      <c r="O7" s="185">
        <v>0</v>
      </c>
      <c r="P7" s="188">
        <v>36</v>
      </c>
      <c r="Q7" s="184">
        <v>100</v>
      </c>
      <c r="R7" s="184">
        <v>112</v>
      </c>
      <c r="S7" s="184">
        <v>155</v>
      </c>
      <c r="T7" s="182">
        <v>84</v>
      </c>
      <c r="U7" s="185">
        <v>487</v>
      </c>
      <c r="V7" s="189">
        <v>487</v>
      </c>
      <c r="W7" s="188">
        <v>0</v>
      </c>
      <c r="X7" s="182">
        <v>0</v>
      </c>
      <c r="Y7" s="182">
        <v>0</v>
      </c>
      <c r="Z7" s="183">
        <v>0</v>
      </c>
      <c r="AA7" s="184">
        <v>0</v>
      </c>
      <c r="AB7" s="184">
        <v>0</v>
      </c>
      <c r="AC7" s="184">
        <v>4</v>
      </c>
      <c r="AD7" s="182">
        <v>2</v>
      </c>
      <c r="AE7" s="185">
        <v>6</v>
      </c>
      <c r="AF7" s="186">
        <v>6</v>
      </c>
      <c r="AG7" s="181">
        <v>0</v>
      </c>
      <c r="AH7" s="182">
        <v>0</v>
      </c>
      <c r="AI7" s="182">
        <v>0</v>
      </c>
      <c r="AJ7" s="183">
        <v>0</v>
      </c>
      <c r="AK7" s="184">
        <v>0</v>
      </c>
      <c r="AL7" s="184">
        <v>1</v>
      </c>
      <c r="AM7" s="184">
        <v>4</v>
      </c>
      <c r="AN7" s="182">
        <v>6</v>
      </c>
      <c r="AO7" s="185">
        <v>11</v>
      </c>
      <c r="AP7" s="187">
        <v>11</v>
      </c>
      <c r="AQ7" s="32"/>
    </row>
    <row r="8" spans="2:43" ht="21" customHeight="1" x14ac:dyDescent="0.2">
      <c r="B8" s="472" t="s">
        <v>6</v>
      </c>
      <c r="C8" s="181">
        <v>0</v>
      </c>
      <c r="D8" s="182">
        <v>0</v>
      </c>
      <c r="E8" s="182">
        <v>0</v>
      </c>
      <c r="F8" s="183">
        <v>1</v>
      </c>
      <c r="G8" s="184">
        <v>4</v>
      </c>
      <c r="H8" s="184">
        <v>50</v>
      </c>
      <c r="I8" s="184">
        <v>71</v>
      </c>
      <c r="J8" s="182">
        <v>44</v>
      </c>
      <c r="K8" s="185">
        <v>170</v>
      </c>
      <c r="L8" s="186">
        <v>170</v>
      </c>
      <c r="M8" s="181">
        <v>0</v>
      </c>
      <c r="N8" s="182">
        <v>0</v>
      </c>
      <c r="O8" s="185">
        <v>0</v>
      </c>
      <c r="P8" s="188">
        <v>10</v>
      </c>
      <c r="Q8" s="184">
        <v>19</v>
      </c>
      <c r="R8" s="184">
        <v>18</v>
      </c>
      <c r="S8" s="184">
        <v>37</v>
      </c>
      <c r="T8" s="182">
        <v>19</v>
      </c>
      <c r="U8" s="185">
        <v>103</v>
      </c>
      <c r="V8" s="189">
        <v>103</v>
      </c>
      <c r="W8" s="188">
        <v>0</v>
      </c>
      <c r="X8" s="182">
        <v>0</v>
      </c>
      <c r="Y8" s="182">
        <v>0</v>
      </c>
      <c r="Z8" s="183">
        <v>0</v>
      </c>
      <c r="AA8" s="184">
        <v>1</v>
      </c>
      <c r="AB8" s="184">
        <v>1</v>
      </c>
      <c r="AC8" s="184">
        <v>5</v>
      </c>
      <c r="AD8" s="182">
        <v>1</v>
      </c>
      <c r="AE8" s="185">
        <v>8</v>
      </c>
      <c r="AF8" s="186">
        <v>8</v>
      </c>
      <c r="AG8" s="181">
        <v>0</v>
      </c>
      <c r="AH8" s="182">
        <v>0</v>
      </c>
      <c r="AI8" s="182">
        <v>0</v>
      </c>
      <c r="AJ8" s="183">
        <v>0</v>
      </c>
      <c r="AK8" s="184">
        <v>0</v>
      </c>
      <c r="AL8" s="184">
        <v>0</v>
      </c>
      <c r="AM8" s="184">
        <v>3</v>
      </c>
      <c r="AN8" s="182">
        <v>4</v>
      </c>
      <c r="AO8" s="185">
        <v>7</v>
      </c>
      <c r="AP8" s="187">
        <v>7</v>
      </c>
      <c r="AQ8" s="32"/>
    </row>
    <row r="9" spans="2:43" ht="21" customHeight="1" x14ac:dyDescent="0.2">
      <c r="B9" s="472" t="s">
        <v>14</v>
      </c>
      <c r="C9" s="181">
        <v>0</v>
      </c>
      <c r="D9" s="182">
        <v>0</v>
      </c>
      <c r="E9" s="182">
        <v>0</v>
      </c>
      <c r="F9" s="183">
        <v>0</v>
      </c>
      <c r="G9" s="184">
        <v>0</v>
      </c>
      <c r="H9" s="184">
        <v>43</v>
      </c>
      <c r="I9" s="184">
        <v>55</v>
      </c>
      <c r="J9" s="182">
        <v>27</v>
      </c>
      <c r="K9" s="185">
        <v>125</v>
      </c>
      <c r="L9" s="186">
        <v>125</v>
      </c>
      <c r="M9" s="181">
        <v>0</v>
      </c>
      <c r="N9" s="182">
        <v>0</v>
      </c>
      <c r="O9" s="185">
        <v>0</v>
      </c>
      <c r="P9" s="188">
        <v>0</v>
      </c>
      <c r="Q9" s="184">
        <v>7</v>
      </c>
      <c r="R9" s="184">
        <v>14</v>
      </c>
      <c r="S9" s="184">
        <v>17</v>
      </c>
      <c r="T9" s="182">
        <v>7</v>
      </c>
      <c r="U9" s="185">
        <v>45</v>
      </c>
      <c r="V9" s="189">
        <v>45</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4</v>
      </c>
      <c r="AN9" s="182">
        <v>6</v>
      </c>
      <c r="AO9" s="185">
        <v>10</v>
      </c>
      <c r="AP9" s="187">
        <v>10</v>
      </c>
      <c r="AQ9" s="32"/>
    </row>
    <row r="10" spans="2:43" ht="21" customHeight="1" x14ac:dyDescent="0.2">
      <c r="B10" s="472" t="s">
        <v>7</v>
      </c>
      <c r="C10" s="181">
        <v>0</v>
      </c>
      <c r="D10" s="182">
        <v>0</v>
      </c>
      <c r="E10" s="182">
        <v>0</v>
      </c>
      <c r="F10" s="183">
        <v>0</v>
      </c>
      <c r="G10" s="184">
        <v>3</v>
      </c>
      <c r="H10" s="184">
        <v>20</v>
      </c>
      <c r="I10" s="184">
        <v>47</v>
      </c>
      <c r="J10" s="182">
        <v>32</v>
      </c>
      <c r="K10" s="185">
        <v>102</v>
      </c>
      <c r="L10" s="186">
        <v>102</v>
      </c>
      <c r="M10" s="181">
        <v>0</v>
      </c>
      <c r="N10" s="182">
        <v>0</v>
      </c>
      <c r="O10" s="185">
        <v>0</v>
      </c>
      <c r="P10" s="188">
        <v>18</v>
      </c>
      <c r="Q10" s="184">
        <v>9</v>
      </c>
      <c r="R10" s="184">
        <v>9</v>
      </c>
      <c r="S10" s="184">
        <v>21</v>
      </c>
      <c r="T10" s="182">
        <v>5</v>
      </c>
      <c r="U10" s="185">
        <v>62</v>
      </c>
      <c r="V10" s="189">
        <v>62</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2</v>
      </c>
      <c r="G11" s="184">
        <v>3</v>
      </c>
      <c r="H11" s="184">
        <v>12</v>
      </c>
      <c r="I11" s="184">
        <v>15</v>
      </c>
      <c r="J11" s="182">
        <v>7</v>
      </c>
      <c r="K11" s="185">
        <v>39</v>
      </c>
      <c r="L11" s="186">
        <v>39</v>
      </c>
      <c r="M11" s="181">
        <v>0</v>
      </c>
      <c r="N11" s="182">
        <v>0</v>
      </c>
      <c r="O11" s="185">
        <v>0</v>
      </c>
      <c r="P11" s="188">
        <v>2</v>
      </c>
      <c r="Q11" s="184">
        <v>3</v>
      </c>
      <c r="R11" s="184">
        <v>6</v>
      </c>
      <c r="S11" s="184">
        <v>8</v>
      </c>
      <c r="T11" s="182">
        <v>5</v>
      </c>
      <c r="U11" s="185">
        <v>24</v>
      </c>
      <c r="V11" s="189">
        <v>24</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2</v>
      </c>
      <c r="AN11" s="182">
        <v>0</v>
      </c>
      <c r="AO11" s="185">
        <v>2</v>
      </c>
      <c r="AP11" s="187">
        <v>2</v>
      </c>
      <c r="AQ11" s="32"/>
    </row>
    <row r="12" spans="2:43" ht="21" customHeight="1" x14ac:dyDescent="0.2">
      <c r="B12" s="472" t="s">
        <v>9</v>
      </c>
      <c r="C12" s="181">
        <v>0</v>
      </c>
      <c r="D12" s="182">
        <v>0</v>
      </c>
      <c r="E12" s="182">
        <v>0</v>
      </c>
      <c r="F12" s="183">
        <v>0</v>
      </c>
      <c r="G12" s="184">
        <v>0</v>
      </c>
      <c r="H12" s="184">
        <v>13</v>
      </c>
      <c r="I12" s="184">
        <v>24</v>
      </c>
      <c r="J12" s="182">
        <v>10</v>
      </c>
      <c r="K12" s="185">
        <v>47</v>
      </c>
      <c r="L12" s="186">
        <v>47</v>
      </c>
      <c r="M12" s="181">
        <v>0</v>
      </c>
      <c r="N12" s="182">
        <v>0</v>
      </c>
      <c r="O12" s="185">
        <v>0</v>
      </c>
      <c r="P12" s="188">
        <v>2</v>
      </c>
      <c r="Q12" s="184">
        <v>4</v>
      </c>
      <c r="R12" s="184">
        <v>4</v>
      </c>
      <c r="S12" s="184">
        <v>10</v>
      </c>
      <c r="T12" s="182">
        <v>5</v>
      </c>
      <c r="U12" s="185">
        <v>25</v>
      </c>
      <c r="V12" s="189">
        <v>25</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1</v>
      </c>
      <c r="AN12" s="182">
        <v>0</v>
      </c>
      <c r="AO12" s="185">
        <v>1</v>
      </c>
      <c r="AP12" s="187">
        <v>1</v>
      </c>
      <c r="AQ12" s="32"/>
    </row>
    <row r="13" spans="2:43" ht="21" customHeight="1" x14ac:dyDescent="0.2">
      <c r="B13" s="472" t="s">
        <v>10</v>
      </c>
      <c r="C13" s="181">
        <v>0</v>
      </c>
      <c r="D13" s="182">
        <v>0</v>
      </c>
      <c r="E13" s="182">
        <v>0</v>
      </c>
      <c r="F13" s="183">
        <v>1</v>
      </c>
      <c r="G13" s="184">
        <v>0</v>
      </c>
      <c r="H13" s="184">
        <v>23</v>
      </c>
      <c r="I13" s="184">
        <v>37</v>
      </c>
      <c r="J13" s="182">
        <v>13</v>
      </c>
      <c r="K13" s="185">
        <v>74</v>
      </c>
      <c r="L13" s="186">
        <v>74</v>
      </c>
      <c r="M13" s="181">
        <v>0</v>
      </c>
      <c r="N13" s="182">
        <v>0</v>
      </c>
      <c r="O13" s="185">
        <v>0</v>
      </c>
      <c r="P13" s="188">
        <v>5</v>
      </c>
      <c r="Q13" s="184">
        <v>6</v>
      </c>
      <c r="R13" s="184">
        <v>10</v>
      </c>
      <c r="S13" s="184">
        <v>13</v>
      </c>
      <c r="T13" s="182">
        <v>9</v>
      </c>
      <c r="U13" s="185">
        <v>43</v>
      </c>
      <c r="V13" s="189">
        <v>43</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2</v>
      </c>
      <c r="AO13" s="185">
        <v>2</v>
      </c>
      <c r="AP13" s="187">
        <v>2</v>
      </c>
      <c r="AQ13" s="32"/>
    </row>
    <row r="14" spans="2:43" ht="21" customHeight="1" x14ac:dyDescent="0.2">
      <c r="B14" s="472" t="s">
        <v>11</v>
      </c>
      <c r="C14" s="181">
        <v>0</v>
      </c>
      <c r="D14" s="182">
        <v>0</v>
      </c>
      <c r="E14" s="182">
        <v>0</v>
      </c>
      <c r="F14" s="183">
        <v>0</v>
      </c>
      <c r="G14" s="184">
        <v>0</v>
      </c>
      <c r="H14" s="184">
        <v>6</v>
      </c>
      <c r="I14" s="184">
        <v>19</v>
      </c>
      <c r="J14" s="182">
        <v>5</v>
      </c>
      <c r="K14" s="185">
        <v>30</v>
      </c>
      <c r="L14" s="186">
        <v>30</v>
      </c>
      <c r="M14" s="181">
        <v>0</v>
      </c>
      <c r="N14" s="182">
        <v>0</v>
      </c>
      <c r="O14" s="185">
        <v>0</v>
      </c>
      <c r="P14" s="188">
        <v>1</v>
      </c>
      <c r="Q14" s="184">
        <v>1</v>
      </c>
      <c r="R14" s="184">
        <v>5</v>
      </c>
      <c r="S14" s="184">
        <v>4</v>
      </c>
      <c r="T14" s="182">
        <v>6</v>
      </c>
      <c r="U14" s="185">
        <v>17</v>
      </c>
      <c r="V14" s="189">
        <v>17</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72" t="s">
        <v>12</v>
      </c>
      <c r="C15" s="181">
        <v>0</v>
      </c>
      <c r="D15" s="182">
        <v>0</v>
      </c>
      <c r="E15" s="182">
        <v>0</v>
      </c>
      <c r="F15" s="183">
        <v>0</v>
      </c>
      <c r="G15" s="184">
        <v>0</v>
      </c>
      <c r="H15" s="184">
        <v>7</v>
      </c>
      <c r="I15" s="184">
        <v>18</v>
      </c>
      <c r="J15" s="182">
        <v>7</v>
      </c>
      <c r="K15" s="185">
        <v>32</v>
      </c>
      <c r="L15" s="186">
        <v>32</v>
      </c>
      <c r="M15" s="181">
        <v>0</v>
      </c>
      <c r="N15" s="182">
        <v>0</v>
      </c>
      <c r="O15" s="185">
        <v>0</v>
      </c>
      <c r="P15" s="188">
        <v>2</v>
      </c>
      <c r="Q15" s="184">
        <v>5</v>
      </c>
      <c r="R15" s="184">
        <v>7</v>
      </c>
      <c r="S15" s="184">
        <v>9</v>
      </c>
      <c r="T15" s="182">
        <v>4</v>
      </c>
      <c r="U15" s="185">
        <v>27</v>
      </c>
      <c r="V15" s="189">
        <v>27</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1</v>
      </c>
      <c r="AO15" s="185">
        <v>2</v>
      </c>
      <c r="AP15" s="187">
        <v>2</v>
      </c>
      <c r="AQ15" s="32"/>
    </row>
    <row r="16" spans="2:43" ht="21" customHeight="1" x14ac:dyDescent="0.2">
      <c r="B16" s="472" t="s">
        <v>13</v>
      </c>
      <c r="C16" s="181">
        <v>0</v>
      </c>
      <c r="D16" s="182">
        <v>0</v>
      </c>
      <c r="E16" s="182">
        <v>0</v>
      </c>
      <c r="F16" s="183">
        <v>0</v>
      </c>
      <c r="G16" s="184">
        <v>0</v>
      </c>
      <c r="H16" s="184">
        <v>2</v>
      </c>
      <c r="I16" s="184">
        <v>12</v>
      </c>
      <c r="J16" s="182">
        <v>5</v>
      </c>
      <c r="K16" s="185">
        <v>19</v>
      </c>
      <c r="L16" s="186">
        <v>19</v>
      </c>
      <c r="M16" s="181">
        <v>0</v>
      </c>
      <c r="N16" s="182">
        <v>0</v>
      </c>
      <c r="O16" s="185">
        <v>0</v>
      </c>
      <c r="P16" s="188">
        <v>1</v>
      </c>
      <c r="Q16" s="184">
        <v>2</v>
      </c>
      <c r="R16" s="184">
        <v>4</v>
      </c>
      <c r="S16" s="184">
        <v>1</v>
      </c>
      <c r="T16" s="182">
        <v>2</v>
      </c>
      <c r="U16" s="185">
        <v>10</v>
      </c>
      <c r="V16" s="189">
        <v>10</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1</v>
      </c>
      <c r="I17" s="184">
        <v>8</v>
      </c>
      <c r="J17" s="182">
        <v>1</v>
      </c>
      <c r="K17" s="185">
        <v>10</v>
      </c>
      <c r="L17" s="186">
        <v>10</v>
      </c>
      <c r="M17" s="181">
        <v>0</v>
      </c>
      <c r="N17" s="182">
        <v>0</v>
      </c>
      <c r="O17" s="185">
        <v>0</v>
      </c>
      <c r="P17" s="188">
        <v>0</v>
      </c>
      <c r="Q17" s="184">
        <v>3</v>
      </c>
      <c r="R17" s="184">
        <v>1</v>
      </c>
      <c r="S17" s="184">
        <v>4</v>
      </c>
      <c r="T17" s="182">
        <v>3</v>
      </c>
      <c r="U17" s="185">
        <v>11</v>
      </c>
      <c r="V17" s="189">
        <v>11</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1</v>
      </c>
      <c r="H18" s="184">
        <v>6</v>
      </c>
      <c r="I18" s="184">
        <v>13</v>
      </c>
      <c r="J18" s="182">
        <v>4</v>
      </c>
      <c r="K18" s="185">
        <v>24</v>
      </c>
      <c r="L18" s="186">
        <v>24</v>
      </c>
      <c r="M18" s="181">
        <v>0</v>
      </c>
      <c r="N18" s="182">
        <v>0</v>
      </c>
      <c r="O18" s="185">
        <v>0</v>
      </c>
      <c r="P18" s="188">
        <v>0</v>
      </c>
      <c r="Q18" s="184">
        <v>3</v>
      </c>
      <c r="R18" s="184">
        <v>5</v>
      </c>
      <c r="S18" s="184">
        <v>8</v>
      </c>
      <c r="T18" s="182">
        <v>2</v>
      </c>
      <c r="U18" s="185">
        <v>18</v>
      </c>
      <c r="V18" s="189">
        <v>18</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2</v>
      </c>
      <c r="AO18" s="185">
        <v>2</v>
      </c>
      <c r="AP18" s="187">
        <v>2</v>
      </c>
      <c r="AQ18" s="32"/>
    </row>
    <row r="19" spans="2:43" ht="21" customHeight="1" x14ac:dyDescent="0.2">
      <c r="B19" s="472" t="s">
        <v>17</v>
      </c>
      <c r="C19" s="181">
        <v>0</v>
      </c>
      <c r="D19" s="182">
        <v>0</v>
      </c>
      <c r="E19" s="182">
        <v>0</v>
      </c>
      <c r="F19" s="183">
        <v>0</v>
      </c>
      <c r="G19" s="184">
        <v>0</v>
      </c>
      <c r="H19" s="184">
        <v>11</v>
      </c>
      <c r="I19" s="184">
        <v>17</v>
      </c>
      <c r="J19" s="182">
        <v>10</v>
      </c>
      <c r="K19" s="185">
        <v>38</v>
      </c>
      <c r="L19" s="186">
        <v>38</v>
      </c>
      <c r="M19" s="181">
        <v>0</v>
      </c>
      <c r="N19" s="182">
        <v>0</v>
      </c>
      <c r="O19" s="185">
        <v>0</v>
      </c>
      <c r="P19" s="188">
        <v>4</v>
      </c>
      <c r="Q19" s="184">
        <v>2</v>
      </c>
      <c r="R19" s="184">
        <v>12</v>
      </c>
      <c r="S19" s="184">
        <v>4</v>
      </c>
      <c r="T19" s="182">
        <v>8</v>
      </c>
      <c r="U19" s="185">
        <v>30</v>
      </c>
      <c r="V19" s="189">
        <v>30</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72" t="s">
        <v>18</v>
      </c>
      <c r="C20" s="181">
        <v>0</v>
      </c>
      <c r="D20" s="182">
        <v>0</v>
      </c>
      <c r="E20" s="182">
        <v>0</v>
      </c>
      <c r="F20" s="183">
        <v>0</v>
      </c>
      <c r="G20" s="184">
        <v>0</v>
      </c>
      <c r="H20" s="184">
        <v>5</v>
      </c>
      <c r="I20" s="184">
        <v>24</v>
      </c>
      <c r="J20" s="182">
        <v>6</v>
      </c>
      <c r="K20" s="185">
        <v>35</v>
      </c>
      <c r="L20" s="186">
        <v>35</v>
      </c>
      <c r="M20" s="181">
        <v>0</v>
      </c>
      <c r="N20" s="182">
        <v>0</v>
      </c>
      <c r="O20" s="185">
        <v>0</v>
      </c>
      <c r="P20" s="188">
        <v>2</v>
      </c>
      <c r="Q20" s="184">
        <v>4</v>
      </c>
      <c r="R20" s="184">
        <v>5</v>
      </c>
      <c r="S20" s="184">
        <v>6</v>
      </c>
      <c r="T20" s="182">
        <v>1</v>
      </c>
      <c r="U20" s="185">
        <v>18</v>
      </c>
      <c r="V20" s="189">
        <v>18</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0</v>
      </c>
      <c r="AN20" s="182">
        <v>0</v>
      </c>
      <c r="AO20" s="185">
        <v>0</v>
      </c>
      <c r="AP20" s="187">
        <v>0</v>
      </c>
      <c r="AQ20" s="32"/>
    </row>
    <row r="21" spans="2:43" ht="21" customHeight="1" x14ac:dyDescent="0.2">
      <c r="B21" s="472" t="s">
        <v>19</v>
      </c>
      <c r="C21" s="181">
        <v>0</v>
      </c>
      <c r="D21" s="182">
        <v>0</v>
      </c>
      <c r="E21" s="182">
        <v>0</v>
      </c>
      <c r="F21" s="183">
        <v>0</v>
      </c>
      <c r="G21" s="184">
        <v>0</v>
      </c>
      <c r="H21" s="184">
        <v>5</v>
      </c>
      <c r="I21" s="184">
        <v>3</v>
      </c>
      <c r="J21" s="182">
        <v>5</v>
      </c>
      <c r="K21" s="185">
        <v>13</v>
      </c>
      <c r="L21" s="186">
        <v>13</v>
      </c>
      <c r="M21" s="181">
        <v>0</v>
      </c>
      <c r="N21" s="182">
        <v>0</v>
      </c>
      <c r="O21" s="185">
        <v>0</v>
      </c>
      <c r="P21" s="188">
        <v>0</v>
      </c>
      <c r="Q21" s="184">
        <v>2</v>
      </c>
      <c r="R21" s="184">
        <v>3</v>
      </c>
      <c r="S21" s="184">
        <v>6</v>
      </c>
      <c r="T21" s="182">
        <v>0</v>
      </c>
      <c r="U21" s="185">
        <v>11</v>
      </c>
      <c r="V21" s="189">
        <v>11</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9</v>
      </c>
      <c r="I22" s="184">
        <v>12</v>
      </c>
      <c r="J22" s="182">
        <v>6</v>
      </c>
      <c r="K22" s="185">
        <v>28</v>
      </c>
      <c r="L22" s="186">
        <v>28</v>
      </c>
      <c r="M22" s="181">
        <v>0</v>
      </c>
      <c r="N22" s="182">
        <v>0</v>
      </c>
      <c r="O22" s="185">
        <v>0</v>
      </c>
      <c r="P22" s="188">
        <v>2</v>
      </c>
      <c r="Q22" s="184">
        <v>1</v>
      </c>
      <c r="R22" s="184">
        <v>1</v>
      </c>
      <c r="S22" s="184">
        <v>2</v>
      </c>
      <c r="T22" s="182">
        <v>1</v>
      </c>
      <c r="U22" s="185">
        <v>7</v>
      </c>
      <c r="V22" s="189">
        <v>7</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9</v>
      </c>
      <c r="I23" s="184">
        <v>13</v>
      </c>
      <c r="J23" s="182">
        <v>6</v>
      </c>
      <c r="K23" s="185">
        <v>28</v>
      </c>
      <c r="L23" s="186">
        <v>28</v>
      </c>
      <c r="M23" s="181">
        <v>0</v>
      </c>
      <c r="N23" s="182">
        <v>0</v>
      </c>
      <c r="O23" s="185">
        <v>0</v>
      </c>
      <c r="P23" s="188">
        <v>0</v>
      </c>
      <c r="Q23" s="184">
        <v>1</v>
      </c>
      <c r="R23" s="184">
        <v>2</v>
      </c>
      <c r="S23" s="184">
        <v>1</v>
      </c>
      <c r="T23" s="182">
        <v>0</v>
      </c>
      <c r="U23" s="185">
        <v>4</v>
      </c>
      <c r="V23" s="189">
        <v>4</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0</v>
      </c>
      <c r="H24" s="184">
        <v>4</v>
      </c>
      <c r="I24" s="184">
        <v>5</v>
      </c>
      <c r="J24" s="182">
        <v>1</v>
      </c>
      <c r="K24" s="185">
        <v>10</v>
      </c>
      <c r="L24" s="186">
        <v>10</v>
      </c>
      <c r="M24" s="181">
        <v>0</v>
      </c>
      <c r="N24" s="182">
        <v>0</v>
      </c>
      <c r="O24" s="185">
        <v>0</v>
      </c>
      <c r="P24" s="188">
        <v>0</v>
      </c>
      <c r="Q24" s="184">
        <v>0</v>
      </c>
      <c r="R24" s="184">
        <v>1</v>
      </c>
      <c r="S24" s="184">
        <v>1</v>
      </c>
      <c r="T24" s="182">
        <v>1</v>
      </c>
      <c r="U24" s="185">
        <v>3</v>
      </c>
      <c r="V24" s="189">
        <v>3</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3</v>
      </c>
      <c r="I25" s="184">
        <v>6</v>
      </c>
      <c r="J25" s="182">
        <v>2</v>
      </c>
      <c r="K25" s="185">
        <v>11</v>
      </c>
      <c r="L25" s="186">
        <v>11</v>
      </c>
      <c r="M25" s="181">
        <v>0</v>
      </c>
      <c r="N25" s="182">
        <v>0</v>
      </c>
      <c r="O25" s="185">
        <v>0</v>
      </c>
      <c r="P25" s="188">
        <v>0</v>
      </c>
      <c r="Q25" s="184">
        <v>1</v>
      </c>
      <c r="R25" s="184">
        <v>1</v>
      </c>
      <c r="S25" s="184">
        <v>3</v>
      </c>
      <c r="T25" s="182">
        <v>2</v>
      </c>
      <c r="U25" s="185">
        <v>7</v>
      </c>
      <c r="V25" s="189">
        <v>7</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72" t="s">
        <v>24</v>
      </c>
      <c r="C26" s="181">
        <v>0</v>
      </c>
      <c r="D26" s="182">
        <v>0</v>
      </c>
      <c r="E26" s="182">
        <v>0</v>
      </c>
      <c r="F26" s="183">
        <v>0</v>
      </c>
      <c r="G26" s="184">
        <v>0</v>
      </c>
      <c r="H26" s="184">
        <v>0</v>
      </c>
      <c r="I26" s="184">
        <v>3</v>
      </c>
      <c r="J26" s="182">
        <v>2</v>
      </c>
      <c r="K26" s="185">
        <v>5</v>
      </c>
      <c r="L26" s="186">
        <v>5</v>
      </c>
      <c r="M26" s="181">
        <v>0</v>
      </c>
      <c r="N26" s="182">
        <v>0</v>
      </c>
      <c r="O26" s="185">
        <v>0</v>
      </c>
      <c r="P26" s="188">
        <v>0</v>
      </c>
      <c r="Q26" s="184">
        <v>1</v>
      </c>
      <c r="R26" s="184">
        <v>6</v>
      </c>
      <c r="S26" s="184">
        <v>4</v>
      </c>
      <c r="T26" s="182">
        <v>0</v>
      </c>
      <c r="U26" s="185">
        <v>11</v>
      </c>
      <c r="V26" s="189">
        <v>11</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1</v>
      </c>
      <c r="H27" s="184">
        <v>5</v>
      </c>
      <c r="I27" s="184">
        <v>1</v>
      </c>
      <c r="J27" s="182">
        <v>2</v>
      </c>
      <c r="K27" s="185">
        <v>9</v>
      </c>
      <c r="L27" s="186">
        <v>9</v>
      </c>
      <c r="M27" s="181">
        <v>0</v>
      </c>
      <c r="N27" s="182">
        <v>0</v>
      </c>
      <c r="O27" s="185">
        <v>0</v>
      </c>
      <c r="P27" s="188">
        <v>2</v>
      </c>
      <c r="Q27" s="184">
        <v>1</v>
      </c>
      <c r="R27" s="184">
        <v>0</v>
      </c>
      <c r="S27" s="184">
        <v>2</v>
      </c>
      <c r="T27" s="182">
        <v>2</v>
      </c>
      <c r="U27" s="185">
        <v>7</v>
      </c>
      <c r="V27" s="189">
        <v>7</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3</v>
      </c>
      <c r="I28" s="184">
        <v>4</v>
      </c>
      <c r="J28" s="182">
        <v>2</v>
      </c>
      <c r="K28" s="185">
        <v>9</v>
      </c>
      <c r="L28" s="186">
        <v>9</v>
      </c>
      <c r="M28" s="181">
        <v>0</v>
      </c>
      <c r="N28" s="182">
        <v>0</v>
      </c>
      <c r="O28" s="185">
        <v>0</v>
      </c>
      <c r="P28" s="188">
        <v>0</v>
      </c>
      <c r="Q28" s="184">
        <v>1</v>
      </c>
      <c r="R28" s="184">
        <v>1</v>
      </c>
      <c r="S28" s="184">
        <v>0</v>
      </c>
      <c r="T28" s="182">
        <v>0</v>
      </c>
      <c r="U28" s="185">
        <v>2</v>
      </c>
      <c r="V28" s="189">
        <v>2</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1</v>
      </c>
      <c r="H29" s="184">
        <v>0</v>
      </c>
      <c r="I29" s="184">
        <v>2</v>
      </c>
      <c r="J29" s="182">
        <v>0</v>
      </c>
      <c r="K29" s="185">
        <v>3</v>
      </c>
      <c r="L29" s="186">
        <v>3</v>
      </c>
      <c r="M29" s="181">
        <v>0</v>
      </c>
      <c r="N29" s="182">
        <v>0</v>
      </c>
      <c r="O29" s="185">
        <v>0</v>
      </c>
      <c r="P29" s="188">
        <v>1</v>
      </c>
      <c r="Q29" s="184">
        <v>4</v>
      </c>
      <c r="R29" s="184">
        <v>3</v>
      </c>
      <c r="S29" s="184">
        <v>4</v>
      </c>
      <c r="T29" s="182">
        <v>0</v>
      </c>
      <c r="U29" s="185">
        <v>12</v>
      </c>
      <c r="V29" s="189">
        <v>12</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1</v>
      </c>
      <c r="AN29" s="182">
        <v>0</v>
      </c>
      <c r="AO29" s="185">
        <v>1</v>
      </c>
      <c r="AP29" s="187">
        <v>1</v>
      </c>
      <c r="AQ29" s="32"/>
    </row>
    <row r="30" spans="2:43" ht="21" customHeight="1" x14ac:dyDescent="0.2">
      <c r="B30" s="472" t="s">
        <v>28</v>
      </c>
      <c r="C30" s="181">
        <v>0</v>
      </c>
      <c r="D30" s="182">
        <v>0</v>
      </c>
      <c r="E30" s="182">
        <v>0</v>
      </c>
      <c r="F30" s="183">
        <v>0</v>
      </c>
      <c r="G30" s="184">
        <v>0</v>
      </c>
      <c r="H30" s="184">
        <v>0</v>
      </c>
      <c r="I30" s="184">
        <v>1</v>
      </c>
      <c r="J30" s="182">
        <v>0</v>
      </c>
      <c r="K30" s="185">
        <v>1</v>
      </c>
      <c r="L30" s="186">
        <v>1</v>
      </c>
      <c r="M30" s="181">
        <v>0</v>
      </c>
      <c r="N30" s="182">
        <v>0</v>
      </c>
      <c r="O30" s="185">
        <v>0</v>
      </c>
      <c r="P30" s="188">
        <v>0</v>
      </c>
      <c r="Q30" s="184">
        <v>1</v>
      </c>
      <c r="R30" s="184">
        <v>0</v>
      </c>
      <c r="S30" s="184">
        <v>0</v>
      </c>
      <c r="T30" s="182">
        <v>0</v>
      </c>
      <c r="U30" s="185">
        <v>1</v>
      </c>
      <c r="V30" s="189">
        <v>1</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0</v>
      </c>
      <c r="T31" s="182">
        <v>0</v>
      </c>
      <c r="U31" s="185">
        <v>0</v>
      </c>
      <c r="V31" s="189">
        <v>0</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1</v>
      </c>
      <c r="J32" s="182">
        <v>0</v>
      </c>
      <c r="K32" s="185">
        <v>2</v>
      </c>
      <c r="L32" s="186">
        <v>2</v>
      </c>
      <c r="M32" s="181">
        <v>0</v>
      </c>
      <c r="N32" s="182">
        <v>0</v>
      </c>
      <c r="O32" s="185">
        <v>0</v>
      </c>
      <c r="P32" s="188">
        <v>2</v>
      </c>
      <c r="Q32" s="184">
        <v>0</v>
      </c>
      <c r="R32" s="184">
        <v>0</v>
      </c>
      <c r="S32" s="184">
        <v>3</v>
      </c>
      <c r="T32" s="182">
        <v>0</v>
      </c>
      <c r="U32" s="185">
        <v>5</v>
      </c>
      <c r="V32" s="189">
        <v>5</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72"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1</v>
      </c>
      <c r="S33" s="184">
        <v>0</v>
      </c>
      <c r="T33" s="182">
        <v>0</v>
      </c>
      <c r="U33" s="185">
        <v>1</v>
      </c>
      <c r="V33" s="189">
        <v>1</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3</v>
      </c>
      <c r="J34" s="182">
        <v>0</v>
      </c>
      <c r="K34" s="185">
        <v>4</v>
      </c>
      <c r="L34" s="186">
        <v>4</v>
      </c>
      <c r="M34" s="181">
        <v>0</v>
      </c>
      <c r="N34" s="182">
        <v>0</v>
      </c>
      <c r="O34" s="185">
        <v>0</v>
      </c>
      <c r="P34" s="188">
        <v>0</v>
      </c>
      <c r="Q34" s="184">
        <v>0</v>
      </c>
      <c r="R34" s="184">
        <v>0</v>
      </c>
      <c r="S34" s="184">
        <v>2</v>
      </c>
      <c r="T34" s="182">
        <v>0</v>
      </c>
      <c r="U34" s="185">
        <v>2</v>
      </c>
      <c r="V34" s="189">
        <v>2</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1</v>
      </c>
      <c r="AO35" s="185">
        <v>2</v>
      </c>
      <c r="AP35" s="187">
        <v>2</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1</v>
      </c>
      <c r="K37" s="185">
        <v>2</v>
      </c>
      <c r="L37" s="186">
        <v>2</v>
      </c>
      <c r="M37" s="181">
        <v>0</v>
      </c>
      <c r="N37" s="182">
        <v>0</v>
      </c>
      <c r="O37" s="185">
        <v>0</v>
      </c>
      <c r="P37" s="188">
        <v>2</v>
      </c>
      <c r="Q37" s="184">
        <v>0</v>
      </c>
      <c r="R37" s="184">
        <v>3</v>
      </c>
      <c r="S37" s="184">
        <v>0</v>
      </c>
      <c r="T37" s="182">
        <v>0</v>
      </c>
      <c r="U37" s="185">
        <v>5</v>
      </c>
      <c r="V37" s="189">
        <v>5</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0</v>
      </c>
      <c r="I38" s="184">
        <v>2</v>
      </c>
      <c r="J38" s="182">
        <v>2</v>
      </c>
      <c r="K38" s="185">
        <v>4</v>
      </c>
      <c r="L38" s="186">
        <v>4</v>
      </c>
      <c r="M38" s="181">
        <v>0</v>
      </c>
      <c r="N38" s="182">
        <v>0</v>
      </c>
      <c r="O38" s="185">
        <v>0</v>
      </c>
      <c r="P38" s="188">
        <v>0</v>
      </c>
      <c r="Q38" s="184">
        <v>2</v>
      </c>
      <c r="R38" s="184">
        <v>2</v>
      </c>
      <c r="S38" s="184">
        <v>0</v>
      </c>
      <c r="T38" s="182">
        <v>0</v>
      </c>
      <c r="U38" s="185">
        <v>4</v>
      </c>
      <c r="V38" s="189">
        <v>4</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8</v>
      </c>
      <c r="H1" s="582">
        <f>IF(G1&lt;3,G1-2+12,G1-2)</f>
        <v>6</v>
      </c>
      <c r="I1" s="582"/>
    </row>
    <row r="2" spans="2:43" ht="24" customHeight="1" thickBot="1" x14ac:dyDescent="0.25">
      <c r="B2" s="15" t="s">
        <v>158</v>
      </c>
      <c r="F2" s="15" t="s">
        <v>139</v>
      </c>
    </row>
    <row r="3" spans="2:43" ht="21" customHeight="1" x14ac:dyDescent="0.2">
      <c r="B3" s="548"/>
      <c r="C3" s="551" t="s">
        <v>57</v>
      </c>
      <c r="D3" s="552"/>
      <c r="E3" s="552"/>
      <c r="F3" s="552"/>
      <c r="G3" s="552"/>
      <c r="H3" s="552"/>
      <c r="I3" s="552"/>
      <c r="J3" s="552"/>
      <c r="K3" s="552"/>
      <c r="L3" s="552"/>
      <c r="M3" s="551" t="s">
        <v>58</v>
      </c>
      <c r="N3" s="554"/>
      <c r="O3" s="554"/>
      <c r="P3" s="554"/>
      <c r="Q3" s="554"/>
      <c r="R3" s="554"/>
      <c r="S3" s="554"/>
      <c r="T3" s="554"/>
      <c r="U3" s="554"/>
      <c r="V3" s="554"/>
      <c r="W3" s="551" t="s">
        <v>59</v>
      </c>
      <c r="X3" s="552"/>
      <c r="Y3" s="552"/>
      <c r="Z3" s="552"/>
      <c r="AA3" s="552"/>
      <c r="AB3" s="552"/>
      <c r="AC3" s="552"/>
      <c r="AD3" s="552"/>
      <c r="AE3" s="552"/>
      <c r="AF3" s="552"/>
      <c r="AG3" s="580" t="s">
        <v>150</v>
      </c>
      <c r="AH3" s="552"/>
      <c r="AI3" s="552"/>
      <c r="AJ3" s="552"/>
      <c r="AK3" s="552"/>
      <c r="AL3" s="552"/>
      <c r="AM3" s="552"/>
      <c r="AN3" s="552"/>
      <c r="AO3" s="552"/>
      <c r="AP3" s="553"/>
    </row>
    <row r="4" spans="2:43" ht="21" customHeight="1" x14ac:dyDescent="0.2">
      <c r="B4" s="550"/>
      <c r="C4" s="556" t="s">
        <v>61</v>
      </c>
      <c r="D4" s="557"/>
      <c r="E4" s="558"/>
      <c r="F4" s="559" t="s">
        <v>62</v>
      </c>
      <c r="G4" s="560"/>
      <c r="H4" s="560"/>
      <c r="I4" s="560"/>
      <c r="J4" s="560"/>
      <c r="K4" s="561"/>
      <c r="L4" s="572" t="s">
        <v>52</v>
      </c>
      <c r="M4" s="556" t="s">
        <v>61</v>
      </c>
      <c r="N4" s="557"/>
      <c r="O4" s="558"/>
      <c r="P4" s="559" t="s">
        <v>62</v>
      </c>
      <c r="Q4" s="560"/>
      <c r="R4" s="560"/>
      <c r="S4" s="560"/>
      <c r="T4" s="560"/>
      <c r="U4" s="561"/>
      <c r="V4" s="562" t="s">
        <v>52</v>
      </c>
      <c r="W4" s="556" t="s">
        <v>61</v>
      </c>
      <c r="X4" s="557"/>
      <c r="Y4" s="558"/>
      <c r="Z4" s="559" t="s">
        <v>62</v>
      </c>
      <c r="AA4" s="560"/>
      <c r="AB4" s="560"/>
      <c r="AC4" s="560"/>
      <c r="AD4" s="560"/>
      <c r="AE4" s="561"/>
      <c r="AF4" s="572" t="s">
        <v>52</v>
      </c>
      <c r="AG4" s="556" t="s">
        <v>61</v>
      </c>
      <c r="AH4" s="557"/>
      <c r="AI4" s="558"/>
      <c r="AJ4" s="559" t="s">
        <v>62</v>
      </c>
      <c r="AK4" s="560"/>
      <c r="AL4" s="560"/>
      <c r="AM4" s="560"/>
      <c r="AN4" s="560"/>
      <c r="AO4" s="561"/>
      <c r="AP4" s="562" t="s">
        <v>52</v>
      </c>
    </row>
    <row r="5" spans="2:43" ht="30" customHeight="1" thickBot="1" x14ac:dyDescent="0.25">
      <c r="B5" s="338" t="s">
        <v>42</v>
      </c>
      <c r="C5" s="26" t="s">
        <v>43</v>
      </c>
      <c r="D5" s="27" t="s">
        <v>44</v>
      </c>
      <c r="E5" s="27" t="s">
        <v>45</v>
      </c>
      <c r="F5" s="28" t="s">
        <v>47</v>
      </c>
      <c r="G5" s="29" t="s">
        <v>48</v>
      </c>
      <c r="H5" s="29" t="s">
        <v>49</v>
      </c>
      <c r="I5" s="30" t="s">
        <v>50</v>
      </c>
      <c r="J5" s="27" t="s">
        <v>51</v>
      </c>
      <c r="K5" s="31" t="s">
        <v>95</v>
      </c>
      <c r="L5" s="571"/>
      <c r="M5" s="26" t="s">
        <v>43</v>
      </c>
      <c r="N5" s="27" t="s">
        <v>44</v>
      </c>
      <c r="O5" s="31" t="s">
        <v>45</v>
      </c>
      <c r="P5" s="12" t="s">
        <v>47</v>
      </c>
      <c r="Q5" s="29" t="s">
        <v>48</v>
      </c>
      <c r="R5" s="29" t="s">
        <v>49</v>
      </c>
      <c r="S5" s="30" t="s">
        <v>50</v>
      </c>
      <c r="T5" s="27" t="s">
        <v>51</v>
      </c>
      <c r="U5" s="31" t="s">
        <v>45</v>
      </c>
      <c r="V5" s="563"/>
      <c r="W5" s="26" t="s">
        <v>43</v>
      </c>
      <c r="X5" s="27" t="s">
        <v>44</v>
      </c>
      <c r="Y5" s="27" t="s">
        <v>45</v>
      </c>
      <c r="Z5" s="28" t="s">
        <v>47</v>
      </c>
      <c r="AA5" s="29" t="s">
        <v>48</v>
      </c>
      <c r="AB5" s="29" t="s">
        <v>49</v>
      </c>
      <c r="AC5" s="30" t="s">
        <v>50</v>
      </c>
      <c r="AD5" s="27" t="s">
        <v>51</v>
      </c>
      <c r="AE5" s="31" t="s">
        <v>45</v>
      </c>
      <c r="AF5" s="571"/>
      <c r="AG5" s="26" t="s">
        <v>43</v>
      </c>
      <c r="AH5" s="27" t="s">
        <v>44</v>
      </c>
      <c r="AI5" s="27" t="s">
        <v>45</v>
      </c>
      <c r="AJ5" s="28" t="s">
        <v>47</v>
      </c>
      <c r="AK5" s="29" t="s">
        <v>48</v>
      </c>
      <c r="AL5" s="29" t="s">
        <v>49</v>
      </c>
      <c r="AM5" s="30" t="s">
        <v>50</v>
      </c>
      <c r="AN5" s="27" t="s">
        <v>51</v>
      </c>
      <c r="AO5" s="31" t="s">
        <v>45</v>
      </c>
      <c r="AP5" s="563"/>
    </row>
    <row r="6" spans="2:43" ht="21" customHeight="1" x14ac:dyDescent="0.2">
      <c r="B6" s="470" t="s">
        <v>4</v>
      </c>
      <c r="C6" s="172">
        <v>0</v>
      </c>
      <c r="D6" s="173">
        <v>0</v>
      </c>
      <c r="E6" s="173">
        <v>0</v>
      </c>
      <c r="F6" s="174">
        <v>5</v>
      </c>
      <c r="G6" s="175">
        <v>39</v>
      </c>
      <c r="H6" s="175">
        <v>276</v>
      </c>
      <c r="I6" s="175">
        <v>423</v>
      </c>
      <c r="J6" s="173">
        <v>304</v>
      </c>
      <c r="K6" s="176">
        <v>1047</v>
      </c>
      <c r="L6" s="177">
        <v>1047</v>
      </c>
      <c r="M6" s="172">
        <v>0</v>
      </c>
      <c r="N6" s="173">
        <v>0</v>
      </c>
      <c r="O6" s="176">
        <v>0</v>
      </c>
      <c r="P6" s="179">
        <v>40</v>
      </c>
      <c r="Q6" s="175">
        <v>129</v>
      </c>
      <c r="R6" s="175">
        <v>197</v>
      </c>
      <c r="S6" s="175">
        <v>248</v>
      </c>
      <c r="T6" s="173">
        <v>126</v>
      </c>
      <c r="U6" s="176">
        <v>740</v>
      </c>
      <c r="V6" s="180">
        <v>740</v>
      </c>
      <c r="W6" s="179">
        <v>0</v>
      </c>
      <c r="X6" s="173">
        <v>0</v>
      </c>
      <c r="Y6" s="173">
        <v>0</v>
      </c>
      <c r="Z6" s="174">
        <v>0</v>
      </c>
      <c r="AA6" s="175">
        <v>0</v>
      </c>
      <c r="AB6" s="175">
        <v>0</v>
      </c>
      <c r="AC6" s="175">
        <v>10</v>
      </c>
      <c r="AD6" s="173">
        <v>13</v>
      </c>
      <c r="AE6" s="176">
        <v>23</v>
      </c>
      <c r="AF6" s="177">
        <v>23</v>
      </c>
      <c r="AG6" s="172">
        <v>0</v>
      </c>
      <c r="AH6" s="173">
        <v>0</v>
      </c>
      <c r="AI6" s="173">
        <v>0</v>
      </c>
      <c r="AJ6" s="174">
        <v>0</v>
      </c>
      <c r="AK6" s="175">
        <v>1</v>
      </c>
      <c r="AL6" s="175">
        <v>2</v>
      </c>
      <c r="AM6" s="175">
        <v>13</v>
      </c>
      <c r="AN6" s="173">
        <v>26</v>
      </c>
      <c r="AO6" s="176">
        <v>42</v>
      </c>
      <c r="AP6" s="178">
        <v>42</v>
      </c>
      <c r="AQ6" s="32"/>
    </row>
    <row r="7" spans="2:43" ht="21" customHeight="1" x14ac:dyDescent="0.2">
      <c r="B7" s="471" t="s">
        <v>5</v>
      </c>
      <c r="C7" s="181">
        <v>0</v>
      </c>
      <c r="D7" s="182">
        <v>0</v>
      </c>
      <c r="E7" s="182">
        <v>0</v>
      </c>
      <c r="F7" s="183">
        <v>1</v>
      </c>
      <c r="G7" s="184">
        <v>30</v>
      </c>
      <c r="H7" s="184">
        <v>144</v>
      </c>
      <c r="I7" s="184">
        <v>186</v>
      </c>
      <c r="J7" s="182">
        <v>135</v>
      </c>
      <c r="K7" s="185">
        <v>496</v>
      </c>
      <c r="L7" s="186">
        <v>496</v>
      </c>
      <c r="M7" s="181">
        <v>0</v>
      </c>
      <c r="N7" s="182">
        <v>0</v>
      </c>
      <c r="O7" s="185">
        <v>0</v>
      </c>
      <c r="P7" s="188">
        <v>17</v>
      </c>
      <c r="Q7" s="184">
        <v>64</v>
      </c>
      <c r="R7" s="184">
        <v>93</v>
      </c>
      <c r="S7" s="184">
        <v>126</v>
      </c>
      <c r="T7" s="182">
        <v>60</v>
      </c>
      <c r="U7" s="185">
        <v>360</v>
      </c>
      <c r="V7" s="189">
        <v>360</v>
      </c>
      <c r="W7" s="188">
        <v>0</v>
      </c>
      <c r="X7" s="182">
        <v>0</v>
      </c>
      <c r="Y7" s="182">
        <v>0</v>
      </c>
      <c r="Z7" s="183">
        <v>0</v>
      </c>
      <c r="AA7" s="184">
        <v>0</v>
      </c>
      <c r="AB7" s="184">
        <v>0</v>
      </c>
      <c r="AC7" s="184">
        <v>4</v>
      </c>
      <c r="AD7" s="182">
        <v>5</v>
      </c>
      <c r="AE7" s="185">
        <v>9</v>
      </c>
      <c r="AF7" s="186">
        <v>9</v>
      </c>
      <c r="AG7" s="181">
        <v>0</v>
      </c>
      <c r="AH7" s="182">
        <v>0</v>
      </c>
      <c r="AI7" s="182">
        <v>0</v>
      </c>
      <c r="AJ7" s="183">
        <v>0</v>
      </c>
      <c r="AK7" s="184">
        <v>0</v>
      </c>
      <c r="AL7" s="184">
        <v>0</v>
      </c>
      <c r="AM7" s="184">
        <v>7</v>
      </c>
      <c r="AN7" s="182">
        <v>10</v>
      </c>
      <c r="AO7" s="185">
        <v>17</v>
      </c>
      <c r="AP7" s="187">
        <v>17</v>
      </c>
      <c r="AQ7" s="32"/>
    </row>
    <row r="8" spans="2:43" ht="21" customHeight="1" x14ac:dyDescent="0.2">
      <c r="B8" s="472" t="s">
        <v>6</v>
      </c>
      <c r="C8" s="181">
        <v>0</v>
      </c>
      <c r="D8" s="182">
        <v>0</v>
      </c>
      <c r="E8" s="182">
        <v>0</v>
      </c>
      <c r="F8" s="183">
        <v>2</v>
      </c>
      <c r="G8" s="184">
        <v>3</v>
      </c>
      <c r="H8" s="184">
        <v>30</v>
      </c>
      <c r="I8" s="184">
        <v>58</v>
      </c>
      <c r="J8" s="182">
        <v>38</v>
      </c>
      <c r="K8" s="185">
        <v>131</v>
      </c>
      <c r="L8" s="186">
        <v>131</v>
      </c>
      <c r="M8" s="181">
        <v>0</v>
      </c>
      <c r="N8" s="182">
        <v>0</v>
      </c>
      <c r="O8" s="185">
        <v>0</v>
      </c>
      <c r="P8" s="188">
        <v>6</v>
      </c>
      <c r="Q8" s="184">
        <v>14</v>
      </c>
      <c r="R8" s="184">
        <v>23</v>
      </c>
      <c r="S8" s="184">
        <v>37</v>
      </c>
      <c r="T8" s="182">
        <v>21</v>
      </c>
      <c r="U8" s="185">
        <v>101</v>
      </c>
      <c r="V8" s="189">
        <v>101</v>
      </c>
      <c r="W8" s="188">
        <v>0</v>
      </c>
      <c r="X8" s="182">
        <v>0</v>
      </c>
      <c r="Y8" s="182">
        <v>0</v>
      </c>
      <c r="Z8" s="183">
        <v>0</v>
      </c>
      <c r="AA8" s="184">
        <v>0</v>
      </c>
      <c r="AB8" s="184">
        <v>0</v>
      </c>
      <c r="AC8" s="184">
        <v>5</v>
      </c>
      <c r="AD8" s="182">
        <v>4</v>
      </c>
      <c r="AE8" s="185">
        <v>9</v>
      </c>
      <c r="AF8" s="186">
        <v>9</v>
      </c>
      <c r="AG8" s="181">
        <v>0</v>
      </c>
      <c r="AH8" s="182">
        <v>0</v>
      </c>
      <c r="AI8" s="182">
        <v>0</v>
      </c>
      <c r="AJ8" s="183">
        <v>0</v>
      </c>
      <c r="AK8" s="184">
        <v>0</v>
      </c>
      <c r="AL8" s="184">
        <v>0</v>
      </c>
      <c r="AM8" s="184">
        <v>2</v>
      </c>
      <c r="AN8" s="182">
        <v>5</v>
      </c>
      <c r="AO8" s="185">
        <v>7</v>
      </c>
      <c r="AP8" s="187">
        <v>7</v>
      </c>
      <c r="AQ8" s="32"/>
    </row>
    <row r="9" spans="2:43" ht="21" customHeight="1" x14ac:dyDescent="0.2">
      <c r="B9" s="472" t="s">
        <v>14</v>
      </c>
      <c r="C9" s="181">
        <v>0</v>
      </c>
      <c r="D9" s="182">
        <v>0</v>
      </c>
      <c r="E9" s="182">
        <v>0</v>
      </c>
      <c r="F9" s="183">
        <v>0</v>
      </c>
      <c r="G9" s="184">
        <v>0</v>
      </c>
      <c r="H9" s="184">
        <v>20</v>
      </c>
      <c r="I9" s="184">
        <v>34</v>
      </c>
      <c r="J9" s="182">
        <v>22</v>
      </c>
      <c r="K9" s="185">
        <v>76</v>
      </c>
      <c r="L9" s="186">
        <v>76</v>
      </c>
      <c r="M9" s="181">
        <v>0</v>
      </c>
      <c r="N9" s="182">
        <v>0</v>
      </c>
      <c r="O9" s="185">
        <v>0</v>
      </c>
      <c r="P9" s="188">
        <v>0</v>
      </c>
      <c r="Q9" s="184">
        <v>7</v>
      </c>
      <c r="R9" s="184">
        <v>10</v>
      </c>
      <c r="S9" s="184">
        <v>13</v>
      </c>
      <c r="T9" s="182">
        <v>7</v>
      </c>
      <c r="U9" s="185">
        <v>37</v>
      </c>
      <c r="V9" s="189">
        <v>37</v>
      </c>
      <c r="W9" s="188">
        <v>0</v>
      </c>
      <c r="X9" s="182">
        <v>0</v>
      </c>
      <c r="Y9" s="182">
        <v>0</v>
      </c>
      <c r="Z9" s="183">
        <v>0</v>
      </c>
      <c r="AA9" s="184">
        <v>0</v>
      </c>
      <c r="AB9" s="184">
        <v>0</v>
      </c>
      <c r="AC9" s="184">
        <v>0</v>
      </c>
      <c r="AD9" s="182">
        <v>2</v>
      </c>
      <c r="AE9" s="185">
        <v>2</v>
      </c>
      <c r="AF9" s="186">
        <v>2</v>
      </c>
      <c r="AG9" s="181">
        <v>0</v>
      </c>
      <c r="AH9" s="182">
        <v>0</v>
      </c>
      <c r="AI9" s="182">
        <v>0</v>
      </c>
      <c r="AJ9" s="183">
        <v>0</v>
      </c>
      <c r="AK9" s="184">
        <v>0</v>
      </c>
      <c r="AL9" s="184">
        <v>1</v>
      </c>
      <c r="AM9" s="184">
        <v>1</v>
      </c>
      <c r="AN9" s="182">
        <v>2</v>
      </c>
      <c r="AO9" s="185">
        <v>4</v>
      </c>
      <c r="AP9" s="187">
        <v>4</v>
      </c>
      <c r="AQ9" s="32"/>
    </row>
    <row r="10" spans="2:43" ht="21" customHeight="1" x14ac:dyDescent="0.2">
      <c r="B10" s="472" t="s">
        <v>7</v>
      </c>
      <c r="C10" s="181">
        <v>0</v>
      </c>
      <c r="D10" s="182">
        <v>0</v>
      </c>
      <c r="E10" s="182">
        <v>0</v>
      </c>
      <c r="F10" s="183">
        <v>0</v>
      </c>
      <c r="G10" s="184">
        <v>1</v>
      </c>
      <c r="H10" s="184">
        <v>6</v>
      </c>
      <c r="I10" s="184">
        <v>17</v>
      </c>
      <c r="J10" s="182">
        <v>12</v>
      </c>
      <c r="K10" s="185">
        <v>36</v>
      </c>
      <c r="L10" s="186">
        <v>36</v>
      </c>
      <c r="M10" s="181">
        <v>0</v>
      </c>
      <c r="N10" s="182">
        <v>0</v>
      </c>
      <c r="O10" s="185">
        <v>0</v>
      </c>
      <c r="P10" s="188">
        <v>2</v>
      </c>
      <c r="Q10" s="184">
        <v>2</v>
      </c>
      <c r="R10" s="184">
        <v>6</v>
      </c>
      <c r="S10" s="184">
        <v>9</v>
      </c>
      <c r="T10" s="182">
        <v>2</v>
      </c>
      <c r="U10" s="185">
        <v>21</v>
      </c>
      <c r="V10" s="189">
        <v>21</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1</v>
      </c>
      <c r="G11" s="184">
        <v>1</v>
      </c>
      <c r="H11" s="184">
        <v>6</v>
      </c>
      <c r="I11" s="184">
        <v>8</v>
      </c>
      <c r="J11" s="182">
        <v>6</v>
      </c>
      <c r="K11" s="185">
        <v>22</v>
      </c>
      <c r="L11" s="186">
        <v>22</v>
      </c>
      <c r="M11" s="181">
        <v>0</v>
      </c>
      <c r="N11" s="182">
        <v>0</v>
      </c>
      <c r="O11" s="185">
        <v>0</v>
      </c>
      <c r="P11" s="188">
        <v>1</v>
      </c>
      <c r="Q11" s="184">
        <v>3</v>
      </c>
      <c r="R11" s="184">
        <v>10</v>
      </c>
      <c r="S11" s="184">
        <v>5</v>
      </c>
      <c r="T11" s="182">
        <v>3</v>
      </c>
      <c r="U11" s="185">
        <v>22</v>
      </c>
      <c r="V11" s="189">
        <v>22</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1</v>
      </c>
      <c r="AM11" s="184">
        <v>0</v>
      </c>
      <c r="AN11" s="182">
        <v>0</v>
      </c>
      <c r="AO11" s="185">
        <v>2</v>
      </c>
      <c r="AP11" s="187">
        <v>2</v>
      </c>
      <c r="AQ11" s="32"/>
    </row>
    <row r="12" spans="2:43" ht="21" customHeight="1" x14ac:dyDescent="0.2">
      <c r="B12" s="472" t="s">
        <v>9</v>
      </c>
      <c r="C12" s="181">
        <v>0</v>
      </c>
      <c r="D12" s="182">
        <v>0</v>
      </c>
      <c r="E12" s="182">
        <v>0</v>
      </c>
      <c r="F12" s="183">
        <v>1</v>
      </c>
      <c r="G12" s="184">
        <v>0</v>
      </c>
      <c r="H12" s="184">
        <v>5</v>
      </c>
      <c r="I12" s="184">
        <v>15</v>
      </c>
      <c r="J12" s="182">
        <v>12</v>
      </c>
      <c r="K12" s="185">
        <v>33</v>
      </c>
      <c r="L12" s="186">
        <v>33</v>
      </c>
      <c r="M12" s="181">
        <v>0</v>
      </c>
      <c r="N12" s="182">
        <v>0</v>
      </c>
      <c r="O12" s="185">
        <v>0</v>
      </c>
      <c r="P12" s="188">
        <v>1</v>
      </c>
      <c r="Q12" s="184">
        <v>7</v>
      </c>
      <c r="R12" s="184">
        <v>8</v>
      </c>
      <c r="S12" s="184">
        <v>8</v>
      </c>
      <c r="T12" s="182">
        <v>6</v>
      </c>
      <c r="U12" s="185">
        <v>30</v>
      </c>
      <c r="V12" s="189">
        <v>30</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1</v>
      </c>
      <c r="AO12" s="185">
        <v>1</v>
      </c>
      <c r="AP12" s="187">
        <v>1</v>
      </c>
      <c r="AQ12" s="32"/>
    </row>
    <row r="13" spans="2:43" ht="21" customHeight="1" x14ac:dyDescent="0.2">
      <c r="B13" s="472" t="s">
        <v>10</v>
      </c>
      <c r="C13" s="181">
        <v>0</v>
      </c>
      <c r="D13" s="182">
        <v>0</v>
      </c>
      <c r="E13" s="182">
        <v>0</v>
      </c>
      <c r="F13" s="183">
        <v>0</v>
      </c>
      <c r="G13" s="184">
        <v>0</v>
      </c>
      <c r="H13" s="184">
        <v>10</v>
      </c>
      <c r="I13" s="184">
        <v>16</v>
      </c>
      <c r="J13" s="182">
        <v>20</v>
      </c>
      <c r="K13" s="185">
        <v>46</v>
      </c>
      <c r="L13" s="186">
        <v>46</v>
      </c>
      <c r="M13" s="181">
        <v>0</v>
      </c>
      <c r="N13" s="182">
        <v>0</v>
      </c>
      <c r="O13" s="185">
        <v>0</v>
      </c>
      <c r="P13" s="188">
        <v>1</v>
      </c>
      <c r="Q13" s="184">
        <v>1</v>
      </c>
      <c r="R13" s="184">
        <v>6</v>
      </c>
      <c r="S13" s="184">
        <v>5</v>
      </c>
      <c r="T13" s="182">
        <v>4</v>
      </c>
      <c r="U13" s="185">
        <v>17</v>
      </c>
      <c r="V13" s="189">
        <v>17</v>
      </c>
      <c r="W13" s="188">
        <v>0</v>
      </c>
      <c r="X13" s="182">
        <v>0</v>
      </c>
      <c r="Y13" s="182">
        <v>0</v>
      </c>
      <c r="Z13" s="183">
        <v>0</v>
      </c>
      <c r="AA13" s="184">
        <v>0</v>
      </c>
      <c r="AB13" s="184">
        <v>0</v>
      </c>
      <c r="AC13" s="184">
        <v>0</v>
      </c>
      <c r="AD13" s="182">
        <v>1</v>
      </c>
      <c r="AE13" s="185">
        <v>1</v>
      </c>
      <c r="AF13" s="186">
        <v>1</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4</v>
      </c>
      <c r="I14" s="184">
        <v>4</v>
      </c>
      <c r="J14" s="182">
        <v>9</v>
      </c>
      <c r="K14" s="185">
        <v>17</v>
      </c>
      <c r="L14" s="186">
        <v>17</v>
      </c>
      <c r="M14" s="181">
        <v>0</v>
      </c>
      <c r="N14" s="182">
        <v>0</v>
      </c>
      <c r="O14" s="185">
        <v>0</v>
      </c>
      <c r="P14" s="188">
        <v>1</v>
      </c>
      <c r="Q14" s="184">
        <v>1</v>
      </c>
      <c r="R14" s="184">
        <v>5</v>
      </c>
      <c r="S14" s="184">
        <v>4</v>
      </c>
      <c r="T14" s="182">
        <v>1</v>
      </c>
      <c r="U14" s="185">
        <v>12</v>
      </c>
      <c r="V14" s="189">
        <v>12</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0</v>
      </c>
      <c r="AN14" s="182">
        <v>0</v>
      </c>
      <c r="AO14" s="185">
        <v>0</v>
      </c>
      <c r="AP14" s="187">
        <v>0</v>
      </c>
      <c r="AQ14" s="32"/>
    </row>
    <row r="15" spans="2:43" ht="21" customHeight="1" x14ac:dyDescent="0.2">
      <c r="B15" s="472" t="s">
        <v>12</v>
      </c>
      <c r="C15" s="181">
        <v>0</v>
      </c>
      <c r="D15" s="182">
        <v>0</v>
      </c>
      <c r="E15" s="182">
        <v>0</v>
      </c>
      <c r="F15" s="183">
        <v>0</v>
      </c>
      <c r="G15" s="184">
        <v>1</v>
      </c>
      <c r="H15" s="184">
        <v>4</v>
      </c>
      <c r="I15" s="184">
        <v>9</v>
      </c>
      <c r="J15" s="182">
        <v>5</v>
      </c>
      <c r="K15" s="185">
        <v>19</v>
      </c>
      <c r="L15" s="186">
        <v>19</v>
      </c>
      <c r="M15" s="181">
        <v>0</v>
      </c>
      <c r="N15" s="182">
        <v>0</v>
      </c>
      <c r="O15" s="185">
        <v>0</v>
      </c>
      <c r="P15" s="188">
        <v>0</v>
      </c>
      <c r="Q15" s="184">
        <v>4</v>
      </c>
      <c r="R15" s="184">
        <v>6</v>
      </c>
      <c r="S15" s="184">
        <v>5</v>
      </c>
      <c r="T15" s="182">
        <v>2</v>
      </c>
      <c r="U15" s="185">
        <v>17</v>
      </c>
      <c r="V15" s="189">
        <v>17</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0</v>
      </c>
      <c r="AO15" s="185">
        <v>1</v>
      </c>
      <c r="AP15" s="187">
        <v>1</v>
      </c>
      <c r="AQ15" s="32"/>
    </row>
    <row r="16" spans="2:43" ht="21" customHeight="1" x14ac:dyDescent="0.2">
      <c r="B16" s="472" t="s">
        <v>13</v>
      </c>
      <c r="C16" s="181">
        <v>0</v>
      </c>
      <c r="D16" s="182">
        <v>0</v>
      </c>
      <c r="E16" s="182">
        <v>0</v>
      </c>
      <c r="F16" s="183">
        <v>0</v>
      </c>
      <c r="G16" s="184">
        <v>0</v>
      </c>
      <c r="H16" s="184">
        <v>3</v>
      </c>
      <c r="I16" s="184">
        <v>6</v>
      </c>
      <c r="J16" s="182">
        <v>6</v>
      </c>
      <c r="K16" s="185">
        <v>15</v>
      </c>
      <c r="L16" s="186">
        <v>15</v>
      </c>
      <c r="M16" s="181">
        <v>0</v>
      </c>
      <c r="N16" s="182">
        <v>0</v>
      </c>
      <c r="O16" s="185">
        <v>0</v>
      </c>
      <c r="P16" s="188">
        <v>1</v>
      </c>
      <c r="Q16" s="184">
        <v>2</v>
      </c>
      <c r="R16" s="184">
        <v>2</v>
      </c>
      <c r="S16" s="184">
        <v>2</v>
      </c>
      <c r="T16" s="182">
        <v>3</v>
      </c>
      <c r="U16" s="185">
        <v>10</v>
      </c>
      <c r="V16" s="189">
        <v>10</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1</v>
      </c>
      <c r="I17" s="184">
        <v>2</v>
      </c>
      <c r="J17" s="182">
        <v>1</v>
      </c>
      <c r="K17" s="185">
        <v>4</v>
      </c>
      <c r="L17" s="186">
        <v>4</v>
      </c>
      <c r="M17" s="181">
        <v>0</v>
      </c>
      <c r="N17" s="182">
        <v>0</v>
      </c>
      <c r="O17" s="185">
        <v>0</v>
      </c>
      <c r="P17" s="188">
        <v>0</v>
      </c>
      <c r="Q17" s="184">
        <v>0</v>
      </c>
      <c r="R17" s="184">
        <v>1</v>
      </c>
      <c r="S17" s="184">
        <v>2</v>
      </c>
      <c r="T17" s="182">
        <v>1</v>
      </c>
      <c r="U17" s="185">
        <v>4</v>
      </c>
      <c r="V17" s="189">
        <v>4</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0</v>
      </c>
      <c r="H18" s="184">
        <v>5</v>
      </c>
      <c r="I18" s="184">
        <v>9</v>
      </c>
      <c r="J18" s="182">
        <v>2</v>
      </c>
      <c r="K18" s="185">
        <v>16</v>
      </c>
      <c r="L18" s="186">
        <v>16</v>
      </c>
      <c r="M18" s="181">
        <v>0</v>
      </c>
      <c r="N18" s="182">
        <v>0</v>
      </c>
      <c r="O18" s="185">
        <v>0</v>
      </c>
      <c r="P18" s="188">
        <v>1</v>
      </c>
      <c r="Q18" s="184">
        <v>1</v>
      </c>
      <c r="R18" s="184">
        <v>4</v>
      </c>
      <c r="S18" s="184">
        <v>3</v>
      </c>
      <c r="T18" s="182">
        <v>3</v>
      </c>
      <c r="U18" s="185">
        <v>12</v>
      </c>
      <c r="V18" s="189">
        <v>12</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1</v>
      </c>
      <c r="H19" s="184">
        <v>10</v>
      </c>
      <c r="I19" s="184">
        <v>8</v>
      </c>
      <c r="J19" s="182">
        <v>5</v>
      </c>
      <c r="K19" s="185">
        <v>24</v>
      </c>
      <c r="L19" s="186">
        <v>24</v>
      </c>
      <c r="M19" s="181">
        <v>0</v>
      </c>
      <c r="N19" s="182">
        <v>0</v>
      </c>
      <c r="O19" s="185">
        <v>0</v>
      </c>
      <c r="P19" s="188">
        <v>0</v>
      </c>
      <c r="Q19" s="184">
        <v>6</v>
      </c>
      <c r="R19" s="184">
        <v>7</v>
      </c>
      <c r="S19" s="184">
        <v>5</v>
      </c>
      <c r="T19" s="182">
        <v>4</v>
      </c>
      <c r="U19" s="185">
        <v>22</v>
      </c>
      <c r="V19" s="189">
        <v>22</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72" t="s">
        <v>18</v>
      </c>
      <c r="C20" s="181">
        <v>0</v>
      </c>
      <c r="D20" s="182">
        <v>0</v>
      </c>
      <c r="E20" s="182">
        <v>0</v>
      </c>
      <c r="F20" s="183">
        <v>0</v>
      </c>
      <c r="G20" s="184">
        <v>1</v>
      </c>
      <c r="H20" s="184">
        <v>7</v>
      </c>
      <c r="I20" s="184">
        <v>14</v>
      </c>
      <c r="J20" s="182">
        <v>9</v>
      </c>
      <c r="K20" s="185">
        <v>31</v>
      </c>
      <c r="L20" s="186">
        <v>31</v>
      </c>
      <c r="M20" s="181">
        <v>0</v>
      </c>
      <c r="N20" s="182">
        <v>0</v>
      </c>
      <c r="O20" s="185">
        <v>0</v>
      </c>
      <c r="P20" s="188">
        <v>2</v>
      </c>
      <c r="Q20" s="184">
        <v>3</v>
      </c>
      <c r="R20" s="184">
        <v>5</v>
      </c>
      <c r="S20" s="184">
        <v>7</v>
      </c>
      <c r="T20" s="182">
        <v>3</v>
      </c>
      <c r="U20" s="185">
        <v>20</v>
      </c>
      <c r="V20" s="189">
        <v>20</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1</v>
      </c>
      <c r="AO20" s="185">
        <v>1</v>
      </c>
      <c r="AP20" s="187">
        <v>1</v>
      </c>
      <c r="AQ20" s="32"/>
    </row>
    <row r="21" spans="2:43" ht="21" customHeight="1" x14ac:dyDescent="0.2">
      <c r="B21" s="472" t="s">
        <v>19</v>
      </c>
      <c r="C21" s="181">
        <v>0</v>
      </c>
      <c r="D21" s="182">
        <v>0</v>
      </c>
      <c r="E21" s="182">
        <v>0</v>
      </c>
      <c r="F21" s="183">
        <v>0</v>
      </c>
      <c r="G21" s="184">
        <v>0</v>
      </c>
      <c r="H21" s="184">
        <v>2</v>
      </c>
      <c r="I21" s="184">
        <v>2</v>
      </c>
      <c r="J21" s="182">
        <v>2</v>
      </c>
      <c r="K21" s="185">
        <v>6</v>
      </c>
      <c r="L21" s="186">
        <v>6</v>
      </c>
      <c r="M21" s="181">
        <v>0</v>
      </c>
      <c r="N21" s="182">
        <v>0</v>
      </c>
      <c r="O21" s="185">
        <v>0</v>
      </c>
      <c r="P21" s="188">
        <v>0</v>
      </c>
      <c r="Q21" s="184">
        <v>3</v>
      </c>
      <c r="R21" s="184">
        <v>2</v>
      </c>
      <c r="S21" s="184">
        <v>2</v>
      </c>
      <c r="T21" s="182">
        <v>1</v>
      </c>
      <c r="U21" s="185">
        <v>8</v>
      </c>
      <c r="V21" s="189">
        <v>8</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2</v>
      </c>
      <c r="I22" s="184">
        <v>9</v>
      </c>
      <c r="J22" s="182">
        <v>6</v>
      </c>
      <c r="K22" s="185">
        <v>18</v>
      </c>
      <c r="L22" s="186">
        <v>18</v>
      </c>
      <c r="M22" s="181">
        <v>0</v>
      </c>
      <c r="N22" s="182">
        <v>0</v>
      </c>
      <c r="O22" s="185">
        <v>0</v>
      </c>
      <c r="P22" s="188">
        <v>2</v>
      </c>
      <c r="Q22" s="184">
        <v>1</v>
      </c>
      <c r="R22" s="184">
        <v>0</v>
      </c>
      <c r="S22" s="184">
        <v>3</v>
      </c>
      <c r="T22" s="182">
        <v>0</v>
      </c>
      <c r="U22" s="185">
        <v>6</v>
      </c>
      <c r="V22" s="189">
        <v>6</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4</v>
      </c>
      <c r="I23" s="184">
        <v>9</v>
      </c>
      <c r="J23" s="182">
        <v>3</v>
      </c>
      <c r="K23" s="185">
        <v>16</v>
      </c>
      <c r="L23" s="186">
        <v>16</v>
      </c>
      <c r="M23" s="181">
        <v>0</v>
      </c>
      <c r="N23" s="182">
        <v>0</v>
      </c>
      <c r="O23" s="185">
        <v>0</v>
      </c>
      <c r="P23" s="188">
        <v>0</v>
      </c>
      <c r="Q23" s="184">
        <v>5</v>
      </c>
      <c r="R23" s="184">
        <v>2</v>
      </c>
      <c r="S23" s="184">
        <v>0</v>
      </c>
      <c r="T23" s="182">
        <v>1</v>
      </c>
      <c r="U23" s="185">
        <v>8</v>
      </c>
      <c r="V23" s="189">
        <v>8</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2</v>
      </c>
      <c r="AO23" s="185">
        <v>2</v>
      </c>
      <c r="AP23" s="187">
        <v>2</v>
      </c>
      <c r="AQ23" s="32"/>
    </row>
    <row r="24" spans="2:43" ht="21" customHeight="1" x14ac:dyDescent="0.2">
      <c r="B24" s="472" t="s">
        <v>22</v>
      </c>
      <c r="C24" s="181">
        <v>0</v>
      </c>
      <c r="D24" s="182">
        <v>0</v>
      </c>
      <c r="E24" s="182">
        <v>0</v>
      </c>
      <c r="F24" s="183">
        <v>0</v>
      </c>
      <c r="G24" s="184">
        <v>0</v>
      </c>
      <c r="H24" s="184">
        <v>1</v>
      </c>
      <c r="I24" s="184">
        <v>1</v>
      </c>
      <c r="J24" s="182">
        <v>1</v>
      </c>
      <c r="K24" s="185">
        <v>3</v>
      </c>
      <c r="L24" s="186">
        <v>3</v>
      </c>
      <c r="M24" s="181">
        <v>0</v>
      </c>
      <c r="N24" s="182">
        <v>0</v>
      </c>
      <c r="O24" s="185">
        <v>0</v>
      </c>
      <c r="P24" s="188">
        <v>1</v>
      </c>
      <c r="Q24" s="184">
        <v>0</v>
      </c>
      <c r="R24" s="184">
        <v>2</v>
      </c>
      <c r="S24" s="184">
        <v>0</v>
      </c>
      <c r="T24" s="182">
        <v>0</v>
      </c>
      <c r="U24" s="185">
        <v>3</v>
      </c>
      <c r="V24" s="189">
        <v>3</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2</v>
      </c>
      <c r="I25" s="184">
        <v>3</v>
      </c>
      <c r="J25" s="182">
        <v>2</v>
      </c>
      <c r="K25" s="185">
        <v>7</v>
      </c>
      <c r="L25" s="186">
        <v>7</v>
      </c>
      <c r="M25" s="181">
        <v>0</v>
      </c>
      <c r="N25" s="182">
        <v>0</v>
      </c>
      <c r="O25" s="185">
        <v>0</v>
      </c>
      <c r="P25" s="188">
        <v>0</v>
      </c>
      <c r="Q25" s="184">
        <v>1</v>
      </c>
      <c r="R25" s="184">
        <v>1</v>
      </c>
      <c r="S25" s="184">
        <v>2</v>
      </c>
      <c r="T25" s="182">
        <v>2</v>
      </c>
      <c r="U25" s="185">
        <v>6</v>
      </c>
      <c r="V25" s="189">
        <v>6</v>
      </c>
      <c r="W25" s="188">
        <v>0</v>
      </c>
      <c r="X25" s="182">
        <v>0</v>
      </c>
      <c r="Y25" s="182">
        <v>0</v>
      </c>
      <c r="Z25" s="183">
        <v>0</v>
      </c>
      <c r="AA25" s="184">
        <v>0</v>
      </c>
      <c r="AB25" s="184">
        <v>0</v>
      </c>
      <c r="AC25" s="184">
        <v>1</v>
      </c>
      <c r="AD25" s="182">
        <v>0</v>
      </c>
      <c r="AE25" s="185">
        <v>1</v>
      </c>
      <c r="AF25" s="186">
        <v>1</v>
      </c>
      <c r="AG25" s="181">
        <v>0</v>
      </c>
      <c r="AH25" s="182">
        <v>0</v>
      </c>
      <c r="AI25" s="182">
        <v>0</v>
      </c>
      <c r="AJ25" s="183">
        <v>0</v>
      </c>
      <c r="AK25" s="184">
        <v>0</v>
      </c>
      <c r="AL25" s="184">
        <v>0</v>
      </c>
      <c r="AM25" s="184">
        <v>0</v>
      </c>
      <c r="AN25" s="182">
        <v>1</v>
      </c>
      <c r="AO25" s="185">
        <v>1</v>
      </c>
      <c r="AP25" s="187">
        <v>1</v>
      </c>
      <c r="AQ25" s="32"/>
    </row>
    <row r="26" spans="2:43" ht="21" customHeight="1" x14ac:dyDescent="0.2">
      <c r="B26" s="472" t="s">
        <v>24</v>
      </c>
      <c r="C26" s="181">
        <v>0</v>
      </c>
      <c r="D26" s="182">
        <v>0</v>
      </c>
      <c r="E26" s="182">
        <v>0</v>
      </c>
      <c r="F26" s="183">
        <v>0</v>
      </c>
      <c r="G26" s="184">
        <v>0</v>
      </c>
      <c r="H26" s="184">
        <v>2</v>
      </c>
      <c r="I26" s="184">
        <v>3</v>
      </c>
      <c r="J26" s="182">
        <v>2</v>
      </c>
      <c r="K26" s="185">
        <v>7</v>
      </c>
      <c r="L26" s="186">
        <v>7</v>
      </c>
      <c r="M26" s="181">
        <v>0</v>
      </c>
      <c r="N26" s="182">
        <v>0</v>
      </c>
      <c r="O26" s="185">
        <v>0</v>
      </c>
      <c r="P26" s="188">
        <v>0</v>
      </c>
      <c r="Q26" s="184">
        <v>0</v>
      </c>
      <c r="R26" s="184">
        <v>0</v>
      </c>
      <c r="S26" s="184">
        <v>1</v>
      </c>
      <c r="T26" s="182">
        <v>0</v>
      </c>
      <c r="U26" s="185">
        <v>1</v>
      </c>
      <c r="V26" s="189">
        <v>1</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0</v>
      </c>
      <c r="H27" s="184">
        <v>3</v>
      </c>
      <c r="I27" s="184">
        <v>2</v>
      </c>
      <c r="J27" s="182">
        <v>2</v>
      </c>
      <c r="K27" s="185">
        <v>7</v>
      </c>
      <c r="L27" s="186">
        <v>7</v>
      </c>
      <c r="M27" s="181">
        <v>0</v>
      </c>
      <c r="N27" s="182">
        <v>0</v>
      </c>
      <c r="O27" s="185">
        <v>0</v>
      </c>
      <c r="P27" s="188">
        <v>0</v>
      </c>
      <c r="Q27" s="184">
        <v>1</v>
      </c>
      <c r="R27" s="184">
        <v>0</v>
      </c>
      <c r="S27" s="184">
        <v>1</v>
      </c>
      <c r="T27" s="182">
        <v>0</v>
      </c>
      <c r="U27" s="185">
        <v>2</v>
      </c>
      <c r="V27" s="189">
        <v>2</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1</v>
      </c>
      <c r="AN27" s="182">
        <v>0</v>
      </c>
      <c r="AO27" s="185">
        <v>1</v>
      </c>
      <c r="AP27" s="187">
        <v>1</v>
      </c>
      <c r="AQ27" s="32"/>
    </row>
    <row r="28" spans="2:43" ht="21" customHeight="1" x14ac:dyDescent="0.2">
      <c r="B28" s="472" t="s">
        <v>26</v>
      </c>
      <c r="C28" s="181">
        <v>0</v>
      </c>
      <c r="D28" s="182">
        <v>0</v>
      </c>
      <c r="E28" s="182">
        <v>0</v>
      </c>
      <c r="F28" s="183">
        <v>0</v>
      </c>
      <c r="G28" s="184">
        <v>0</v>
      </c>
      <c r="H28" s="184">
        <v>1</v>
      </c>
      <c r="I28" s="184">
        <v>1</v>
      </c>
      <c r="J28" s="182">
        <v>0</v>
      </c>
      <c r="K28" s="185">
        <v>2</v>
      </c>
      <c r="L28" s="186">
        <v>2</v>
      </c>
      <c r="M28" s="181">
        <v>0</v>
      </c>
      <c r="N28" s="182">
        <v>0</v>
      </c>
      <c r="O28" s="185">
        <v>0</v>
      </c>
      <c r="P28" s="188">
        <v>1</v>
      </c>
      <c r="Q28" s="184">
        <v>1</v>
      </c>
      <c r="R28" s="184">
        <v>1</v>
      </c>
      <c r="S28" s="184">
        <v>1</v>
      </c>
      <c r="T28" s="182">
        <v>0</v>
      </c>
      <c r="U28" s="185">
        <v>4</v>
      </c>
      <c r="V28" s="189">
        <v>4</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0</v>
      </c>
      <c r="H29" s="184">
        <v>1</v>
      </c>
      <c r="I29" s="184">
        <v>2</v>
      </c>
      <c r="J29" s="182">
        <v>0</v>
      </c>
      <c r="K29" s="185">
        <v>3</v>
      </c>
      <c r="L29" s="186">
        <v>3</v>
      </c>
      <c r="M29" s="181">
        <v>0</v>
      </c>
      <c r="N29" s="182">
        <v>0</v>
      </c>
      <c r="O29" s="185">
        <v>0</v>
      </c>
      <c r="P29" s="188">
        <v>1</v>
      </c>
      <c r="Q29" s="184">
        <v>0</v>
      </c>
      <c r="R29" s="184">
        <v>0</v>
      </c>
      <c r="S29" s="184">
        <v>0</v>
      </c>
      <c r="T29" s="182">
        <v>0</v>
      </c>
      <c r="U29" s="185">
        <v>1</v>
      </c>
      <c r="V29" s="189">
        <v>1</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1</v>
      </c>
      <c r="S30" s="184">
        <v>0</v>
      </c>
      <c r="T30" s="182">
        <v>0</v>
      </c>
      <c r="U30" s="185">
        <v>1</v>
      </c>
      <c r="V30" s="189">
        <v>1</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0</v>
      </c>
      <c r="J31" s="182">
        <v>0</v>
      </c>
      <c r="K31" s="185">
        <v>0</v>
      </c>
      <c r="L31" s="186">
        <v>0</v>
      </c>
      <c r="M31" s="181">
        <v>0</v>
      </c>
      <c r="N31" s="182">
        <v>0</v>
      </c>
      <c r="O31" s="185">
        <v>0</v>
      </c>
      <c r="P31" s="188">
        <v>0</v>
      </c>
      <c r="Q31" s="184">
        <v>0</v>
      </c>
      <c r="R31" s="184">
        <v>0</v>
      </c>
      <c r="S31" s="184">
        <v>1</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3</v>
      </c>
      <c r="J32" s="182">
        <v>0</v>
      </c>
      <c r="K32" s="185">
        <v>4</v>
      </c>
      <c r="L32" s="186">
        <v>4</v>
      </c>
      <c r="M32" s="181">
        <v>0</v>
      </c>
      <c r="N32" s="182">
        <v>0</v>
      </c>
      <c r="O32" s="185">
        <v>0</v>
      </c>
      <c r="P32" s="188">
        <v>1</v>
      </c>
      <c r="Q32" s="184">
        <v>0</v>
      </c>
      <c r="R32" s="184">
        <v>0</v>
      </c>
      <c r="S32" s="184">
        <v>0</v>
      </c>
      <c r="T32" s="182">
        <v>1</v>
      </c>
      <c r="U32" s="185">
        <v>2</v>
      </c>
      <c r="V32" s="189">
        <v>2</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72" t="s">
        <v>31</v>
      </c>
      <c r="C33" s="181">
        <v>0</v>
      </c>
      <c r="D33" s="182">
        <v>0</v>
      </c>
      <c r="E33" s="182">
        <v>0</v>
      </c>
      <c r="F33" s="183">
        <v>0</v>
      </c>
      <c r="G33" s="184">
        <v>0</v>
      </c>
      <c r="H33" s="184">
        <v>0</v>
      </c>
      <c r="I33" s="184">
        <v>0</v>
      </c>
      <c r="J33" s="182">
        <v>1</v>
      </c>
      <c r="K33" s="185">
        <v>1</v>
      </c>
      <c r="L33" s="186">
        <v>1</v>
      </c>
      <c r="M33" s="181">
        <v>0</v>
      </c>
      <c r="N33" s="182">
        <v>0</v>
      </c>
      <c r="O33" s="185">
        <v>0</v>
      </c>
      <c r="P33" s="188">
        <v>0</v>
      </c>
      <c r="Q33" s="184">
        <v>1</v>
      </c>
      <c r="R33" s="184">
        <v>0</v>
      </c>
      <c r="S33" s="184">
        <v>0</v>
      </c>
      <c r="T33" s="182">
        <v>0</v>
      </c>
      <c r="U33" s="185">
        <v>1</v>
      </c>
      <c r="V33" s="189">
        <v>1</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0</v>
      </c>
      <c r="I34" s="184">
        <v>0</v>
      </c>
      <c r="J34" s="182">
        <v>1</v>
      </c>
      <c r="K34" s="185">
        <v>1</v>
      </c>
      <c r="L34" s="186">
        <v>1</v>
      </c>
      <c r="M34" s="181">
        <v>0</v>
      </c>
      <c r="N34" s="182">
        <v>0</v>
      </c>
      <c r="O34" s="185">
        <v>0</v>
      </c>
      <c r="P34" s="188">
        <v>0</v>
      </c>
      <c r="Q34" s="184">
        <v>0</v>
      </c>
      <c r="R34" s="184">
        <v>0</v>
      </c>
      <c r="S34" s="184">
        <v>1</v>
      </c>
      <c r="T34" s="182">
        <v>1</v>
      </c>
      <c r="U34" s="185">
        <v>2</v>
      </c>
      <c r="V34" s="189">
        <v>2</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1</v>
      </c>
      <c r="T35" s="182">
        <v>0</v>
      </c>
      <c r="U35" s="185">
        <v>2</v>
      </c>
      <c r="V35" s="189">
        <v>2</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2</v>
      </c>
      <c r="AO35" s="185">
        <v>3</v>
      </c>
      <c r="AP35" s="187">
        <v>3</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1</v>
      </c>
      <c r="R36" s="184">
        <v>0</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2</v>
      </c>
      <c r="I38" s="184">
        <v>1</v>
      </c>
      <c r="J38" s="182">
        <v>2</v>
      </c>
      <c r="K38" s="185">
        <v>5</v>
      </c>
      <c r="L38" s="186">
        <v>5</v>
      </c>
      <c r="M38" s="181">
        <v>0</v>
      </c>
      <c r="N38" s="182">
        <v>0</v>
      </c>
      <c r="O38" s="185">
        <v>0</v>
      </c>
      <c r="P38" s="188">
        <v>1</v>
      </c>
      <c r="Q38" s="184">
        <v>0</v>
      </c>
      <c r="R38" s="184">
        <v>1</v>
      </c>
      <c r="S38" s="184">
        <v>4</v>
      </c>
      <c r="T38" s="182">
        <v>0</v>
      </c>
      <c r="U38" s="185">
        <v>6</v>
      </c>
      <c r="V38" s="189">
        <v>6</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5</v>
      </c>
      <c r="E1" s="468">
        <f>第１表!F2</f>
        <v>5</v>
      </c>
      <c r="F1" s="233">
        <f>第１表!G2</f>
        <v>8</v>
      </c>
      <c r="G1" s="583">
        <f>IF(F1&lt;3,F1-2+12,F1-2)</f>
        <v>6</v>
      </c>
      <c r="H1" s="583"/>
      <c r="IB1" s="341"/>
      <c r="IC1" s="239"/>
      <c r="ID1" s="624"/>
      <c r="IE1" s="624"/>
    </row>
    <row r="2" spans="1:409" s="39" customFormat="1" ht="24" customHeight="1" x14ac:dyDescent="0.2">
      <c r="B2" s="15" t="s">
        <v>146</v>
      </c>
      <c r="E2" s="236"/>
      <c r="F2" s="237"/>
      <c r="G2" s="598"/>
      <c r="H2" s="598"/>
      <c r="CB2" s="302"/>
      <c r="CC2" s="302"/>
      <c r="CD2" s="302"/>
      <c r="CE2" s="302"/>
      <c r="CF2" s="302"/>
      <c r="CG2" s="302"/>
      <c r="CH2" s="302"/>
      <c r="CI2" s="302"/>
      <c r="CJ2" s="302"/>
      <c r="CK2" s="302"/>
      <c r="CL2" s="302"/>
      <c r="DI2" s="302"/>
      <c r="DJ2" s="302"/>
      <c r="DK2" s="302"/>
      <c r="DL2" s="302"/>
      <c r="DM2" s="302"/>
      <c r="DN2" s="302"/>
      <c r="DO2" s="302"/>
      <c r="DP2" s="302"/>
      <c r="DQ2" s="302"/>
      <c r="DR2" s="302"/>
      <c r="DS2" s="302"/>
      <c r="FL2" s="302"/>
      <c r="FM2" s="302"/>
      <c r="FN2" s="302"/>
      <c r="FO2" s="302"/>
      <c r="FP2" s="302"/>
      <c r="FQ2" s="302"/>
      <c r="FR2" s="302"/>
      <c r="FS2" s="302"/>
      <c r="FT2" s="302"/>
      <c r="FU2" s="302"/>
      <c r="FV2" s="302"/>
      <c r="HZ2" s="34"/>
      <c r="IA2" s="34"/>
      <c r="IB2" s="238"/>
      <c r="IC2" s="239"/>
      <c r="ID2" s="344"/>
      <c r="IE2" s="344"/>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7</v>
      </c>
      <c r="CB3" s="302"/>
      <c r="CC3" s="302"/>
      <c r="CD3" s="302"/>
      <c r="CE3" s="302"/>
      <c r="CF3" s="302"/>
      <c r="CG3" s="302"/>
      <c r="CH3" s="302"/>
      <c r="CI3" s="302"/>
      <c r="CJ3" s="302"/>
      <c r="CK3" s="302"/>
      <c r="CL3" s="302"/>
      <c r="DI3" s="302"/>
      <c r="DJ3" s="302"/>
      <c r="DK3" s="302"/>
      <c r="DL3" s="302"/>
      <c r="DM3" s="302"/>
      <c r="DN3" s="302"/>
      <c r="DO3" s="302"/>
      <c r="DP3" s="302"/>
      <c r="DQ3" s="302"/>
      <c r="DR3" s="302"/>
      <c r="DS3" s="302"/>
      <c r="FL3" s="302"/>
      <c r="FM3" s="302"/>
      <c r="FN3" s="302"/>
      <c r="FO3" s="302"/>
      <c r="FP3" s="302"/>
      <c r="FQ3" s="302"/>
      <c r="FR3" s="302"/>
      <c r="FS3" s="302"/>
      <c r="FT3" s="302"/>
      <c r="FU3" s="302"/>
      <c r="FV3" s="302"/>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03" t="s">
        <v>42</v>
      </c>
      <c r="C4" s="606" t="s">
        <v>63</v>
      </c>
      <c r="D4" s="606"/>
      <c r="E4" s="606"/>
      <c r="F4" s="606"/>
      <c r="G4" s="606"/>
      <c r="H4" s="606"/>
      <c r="I4" s="606"/>
      <c r="J4" s="606"/>
      <c r="K4" s="606"/>
      <c r="L4" s="606"/>
      <c r="M4" s="606"/>
      <c r="N4" s="552"/>
      <c r="O4" s="552"/>
      <c r="P4" s="552"/>
      <c r="Q4" s="552"/>
      <c r="R4" s="552"/>
      <c r="S4" s="552"/>
      <c r="T4" s="552"/>
      <c r="U4" s="552"/>
      <c r="V4" s="552"/>
      <c r="W4" s="552"/>
      <c r="X4" s="552"/>
      <c r="Y4" s="552"/>
      <c r="Z4" s="552"/>
      <c r="AA4" s="552"/>
      <c r="AB4" s="552"/>
      <c r="AC4" s="552"/>
      <c r="AD4" s="552"/>
      <c r="AE4" s="552"/>
      <c r="AF4" s="552"/>
      <c r="AG4" s="552"/>
      <c r="AH4" s="552"/>
      <c r="AI4" s="552"/>
      <c r="AJ4" s="552"/>
      <c r="AK4" s="552"/>
      <c r="AL4" s="552"/>
      <c r="AM4" s="552"/>
      <c r="AN4" s="552"/>
      <c r="AO4" s="552"/>
      <c r="AP4" s="552"/>
      <c r="AQ4" s="552"/>
      <c r="AR4" s="552"/>
      <c r="AS4" s="552"/>
      <c r="AT4" s="552"/>
      <c r="AU4" s="552"/>
      <c r="AV4" s="552"/>
      <c r="AW4" s="552"/>
      <c r="AX4" s="552"/>
      <c r="AY4" s="552"/>
      <c r="AZ4" s="552"/>
      <c r="BA4" s="552"/>
      <c r="BB4" s="552"/>
      <c r="BC4" s="552"/>
      <c r="BD4" s="552"/>
      <c r="BE4" s="552"/>
      <c r="BF4" s="552"/>
      <c r="BG4" s="552"/>
      <c r="BH4" s="552"/>
      <c r="BI4" s="552"/>
      <c r="BJ4" s="552"/>
      <c r="BK4" s="552"/>
      <c r="BL4" s="552"/>
      <c r="BM4" s="552"/>
      <c r="BN4" s="552"/>
      <c r="BO4" s="552"/>
      <c r="BP4" s="552"/>
      <c r="BQ4" s="552"/>
      <c r="BR4" s="552"/>
      <c r="BS4" s="552"/>
      <c r="BT4" s="552"/>
      <c r="BU4" s="552"/>
      <c r="BV4" s="552"/>
      <c r="BW4" s="552"/>
      <c r="BX4" s="552"/>
      <c r="BY4" s="552"/>
      <c r="BZ4" s="552"/>
      <c r="CA4" s="552"/>
      <c r="CB4" s="552"/>
      <c r="CC4" s="552"/>
      <c r="CD4" s="552"/>
      <c r="CE4" s="552"/>
      <c r="CF4" s="552"/>
      <c r="CG4" s="552"/>
      <c r="CH4" s="552"/>
      <c r="CI4" s="552"/>
      <c r="CJ4" s="552"/>
      <c r="CK4" s="552"/>
      <c r="CL4" s="552"/>
      <c r="CM4" s="552"/>
      <c r="CN4" s="552"/>
      <c r="CO4" s="552"/>
      <c r="CP4" s="552"/>
      <c r="CQ4" s="552"/>
      <c r="CR4" s="552"/>
      <c r="CS4" s="552"/>
      <c r="CT4" s="552"/>
      <c r="CU4" s="552"/>
      <c r="CV4" s="552"/>
      <c r="CW4" s="552"/>
      <c r="CX4" s="552"/>
      <c r="CY4" s="552"/>
      <c r="CZ4" s="552"/>
      <c r="DA4" s="552"/>
      <c r="DB4" s="552"/>
      <c r="DC4" s="552"/>
      <c r="DD4" s="552"/>
      <c r="DE4" s="552"/>
      <c r="DF4" s="552"/>
      <c r="DG4" s="552"/>
      <c r="DH4" s="552"/>
      <c r="DI4" s="552"/>
      <c r="DJ4" s="552"/>
      <c r="DK4" s="552"/>
      <c r="DL4" s="552"/>
      <c r="DM4" s="552"/>
      <c r="DN4" s="552"/>
      <c r="DO4" s="552"/>
      <c r="DP4" s="552"/>
      <c r="DQ4" s="552"/>
      <c r="DR4" s="552"/>
      <c r="DS4" s="552"/>
      <c r="DT4" s="552"/>
      <c r="DU4" s="552"/>
      <c r="DV4" s="552"/>
      <c r="DW4" s="552"/>
      <c r="DX4" s="552"/>
      <c r="DY4" s="552"/>
      <c r="DZ4" s="552"/>
      <c r="EA4" s="552"/>
      <c r="EB4" s="552"/>
      <c r="EC4" s="552"/>
      <c r="ED4" s="552"/>
      <c r="EE4" s="552"/>
      <c r="EF4" s="552"/>
      <c r="EG4" s="552"/>
      <c r="EH4" s="552"/>
      <c r="EI4" s="552"/>
      <c r="EJ4" s="552"/>
      <c r="EK4" s="552"/>
      <c r="EL4" s="552"/>
      <c r="EM4" s="552"/>
      <c r="EN4" s="552"/>
      <c r="EO4" s="552"/>
      <c r="EP4" s="552"/>
      <c r="EQ4" s="552"/>
      <c r="ER4" s="552"/>
      <c r="ES4" s="552"/>
      <c r="ET4" s="552"/>
      <c r="EU4" s="552"/>
      <c r="EV4" s="552"/>
      <c r="EW4" s="552"/>
      <c r="EX4" s="552"/>
      <c r="EY4" s="552"/>
      <c r="EZ4" s="552"/>
      <c r="FA4" s="552"/>
      <c r="FB4" s="552"/>
      <c r="FC4" s="552"/>
      <c r="FD4" s="552"/>
      <c r="FE4" s="552"/>
      <c r="FF4" s="552"/>
      <c r="FG4" s="552"/>
      <c r="FH4" s="552"/>
      <c r="FI4" s="552"/>
      <c r="FJ4" s="552"/>
      <c r="FK4" s="552"/>
      <c r="FL4" s="552"/>
      <c r="FM4" s="552"/>
      <c r="FN4" s="552"/>
      <c r="FO4" s="552"/>
      <c r="FP4" s="552"/>
      <c r="FQ4" s="552"/>
      <c r="FR4" s="552"/>
      <c r="FS4" s="552"/>
      <c r="FT4" s="552"/>
      <c r="FU4" s="552"/>
      <c r="FV4" s="552"/>
      <c r="FW4" s="552"/>
      <c r="FX4" s="552"/>
      <c r="FY4" s="552"/>
      <c r="FZ4" s="552"/>
      <c r="GA4" s="552"/>
      <c r="GB4" s="552"/>
      <c r="GC4" s="552"/>
      <c r="GD4" s="552"/>
      <c r="GE4" s="552"/>
      <c r="GF4" s="552"/>
      <c r="GG4" s="552"/>
      <c r="GH4" s="552"/>
      <c r="GI4" s="552"/>
      <c r="GJ4" s="552"/>
      <c r="GK4" s="552"/>
      <c r="GL4" s="552"/>
      <c r="GM4" s="552"/>
      <c r="GN4" s="552"/>
      <c r="GO4" s="552"/>
      <c r="GP4" s="552"/>
      <c r="GQ4" s="552"/>
      <c r="GR4" s="552"/>
      <c r="GS4" s="552"/>
      <c r="GT4" s="552"/>
      <c r="GU4" s="552"/>
      <c r="GV4" s="552"/>
      <c r="GW4" s="552"/>
      <c r="GX4" s="552"/>
      <c r="GY4" s="552"/>
      <c r="GZ4" s="552"/>
      <c r="HA4" s="552"/>
      <c r="HB4" s="552"/>
      <c r="HC4" s="552"/>
      <c r="HD4" s="552"/>
      <c r="HE4" s="552"/>
      <c r="HF4" s="552"/>
      <c r="HG4" s="552"/>
      <c r="HH4" s="552"/>
      <c r="HI4" s="552"/>
      <c r="HJ4" s="552"/>
      <c r="HK4" s="552"/>
      <c r="HL4" s="552"/>
      <c r="HM4" s="552"/>
      <c r="HN4" s="552"/>
      <c r="HO4" s="552"/>
      <c r="HP4" s="552"/>
      <c r="HQ4" s="552"/>
      <c r="HR4" s="552"/>
      <c r="HS4" s="552"/>
      <c r="HT4" s="552"/>
      <c r="HU4" s="552"/>
      <c r="HV4" s="552"/>
      <c r="HW4" s="552"/>
      <c r="HX4" s="552"/>
      <c r="HY4" s="553"/>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1:409" ht="21" customHeight="1" thickBot="1" x14ac:dyDescent="0.25">
      <c r="B5" s="604"/>
      <c r="C5" s="607"/>
      <c r="D5" s="607"/>
      <c r="E5" s="607"/>
      <c r="F5" s="607"/>
      <c r="G5" s="607"/>
      <c r="H5" s="607"/>
      <c r="I5" s="607"/>
      <c r="J5" s="607"/>
      <c r="K5" s="607"/>
      <c r="L5" s="607"/>
      <c r="M5" s="607"/>
      <c r="N5" s="609" t="s">
        <v>64</v>
      </c>
      <c r="O5" s="610"/>
      <c r="P5" s="610"/>
      <c r="Q5" s="610"/>
      <c r="R5" s="610"/>
      <c r="S5" s="610"/>
      <c r="T5" s="610"/>
      <c r="U5" s="610"/>
      <c r="V5" s="610"/>
      <c r="W5" s="610"/>
      <c r="X5" s="610"/>
      <c r="Y5" s="610"/>
      <c r="Z5" s="610"/>
      <c r="AA5" s="610"/>
      <c r="AB5" s="610"/>
      <c r="AC5" s="610"/>
      <c r="AD5" s="610"/>
      <c r="AE5" s="610"/>
      <c r="AF5" s="610"/>
      <c r="AG5" s="610"/>
      <c r="AH5" s="610"/>
      <c r="AI5" s="610"/>
      <c r="AJ5" s="610"/>
      <c r="AK5" s="610"/>
      <c r="AL5" s="610"/>
      <c r="AM5" s="610"/>
      <c r="AN5" s="610"/>
      <c r="AO5" s="610"/>
      <c r="AP5" s="610"/>
      <c r="AQ5" s="610"/>
      <c r="AR5" s="610"/>
      <c r="AS5" s="610"/>
      <c r="AT5" s="610"/>
      <c r="AU5" s="610"/>
      <c r="AV5" s="610"/>
      <c r="AW5" s="610"/>
      <c r="AX5" s="610"/>
      <c r="AY5" s="610"/>
      <c r="AZ5" s="610"/>
      <c r="BA5" s="610"/>
      <c r="BB5" s="610"/>
      <c r="BC5" s="610"/>
      <c r="BD5" s="610"/>
      <c r="BE5" s="610"/>
      <c r="BF5" s="610"/>
      <c r="BG5" s="610"/>
      <c r="BH5" s="610"/>
      <c r="BI5" s="610"/>
      <c r="BJ5" s="610"/>
      <c r="BK5" s="610"/>
      <c r="BL5" s="610"/>
      <c r="BM5" s="610"/>
      <c r="BN5" s="610"/>
      <c r="BO5" s="610"/>
      <c r="BP5" s="610"/>
      <c r="BQ5" s="610"/>
      <c r="BR5" s="610"/>
      <c r="BS5" s="610"/>
      <c r="BT5" s="610"/>
      <c r="BU5" s="610"/>
      <c r="BV5" s="610"/>
      <c r="BW5" s="610"/>
      <c r="BX5" s="610"/>
      <c r="BY5" s="610"/>
      <c r="BZ5" s="610"/>
      <c r="CA5" s="611"/>
      <c r="CB5" s="609" t="s">
        <v>65</v>
      </c>
      <c r="CC5" s="610"/>
      <c r="CD5" s="610"/>
      <c r="CE5" s="610"/>
      <c r="CF5" s="610"/>
      <c r="CG5" s="610"/>
      <c r="CH5" s="610"/>
      <c r="CI5" s="610"/>
      <c r="CJ5" s="610"/>
      <c r="CK5" s="610"/>
      <c r="CL5" s="610"/>
      <c r="CM5" s="610"/>
      <c r="CN5" s="610"/>
      <c r="CO5" s="610"/>
      <c r="CP5" s="610"/>
      <c r="CQ5" s="610"/>
      <c r="CR5" s="610"/>
      <c r="CS5" s="610"/>
      <c r="CT5" s="610"/>
      <c r="CU5" s="610"/>
      <c r="CV5" s="610"/>
      <c r="CW5" s="610"/>
      <c r="CX5" s="610"/>
      <c r="CY5" s="610"/>
      <c r="CZ5" s="610"/>
      <c r="DA5" s="610"/>
      <c r="DB5" s="610"/>
      <c r="DC5" s="610"/>
      <c r="DD5" s="610"/>
      <c r="DE5" s="610"/>
      <c r="DF5" s="610"/>
      <c r="DG5" s="610"/>
      <c r="DH5" s="611"/>
      <c r="DI5" s="585" t="s">
        <v>66</v>
      </c>
      <c r="DJ5" s="586"/>
      <c r="DK5" s="586"/>
      <c r="DL5" s="586"/>
      <c r="DM5" s="586"/>
      <c r="DN5" s="586"/>
      <c r="DO5" s="586"/>
      <c r="DP5" s="586"/>
      <c r="DQ5" s="586"/>
      <c r="DR5" s="586"/>
      <c r="DS5" s="586"/>
      <c r="DT5" s="586"/>
      <c r="DU5" s="586"/>
      <c r="DV5" s="586"/>
      <c r="DW5" s="586"/>
      <c r="DX5" s="586"/>
      <c r="DY5" s="586"/>
      <c r="DZ5" s="586"/>
      <c r="EA5" s="586"/>
      <c r="EB5" s="586"/>
      <c r="EC5" s="586"/>
      <c r="ED5" s="586"/>
      <c r="EE5" s="586"/>
      <c r="EF5" s="586"/>
      <c r="EG5" s="586"/>
      <c r="EH5" s="586"/>
      <c r="EI5" s="586"/>
      <c r="EJ5" s="586"/>
      <c r="EK5" s="586"/>
      <c r="EL5" s="586"/>
      <c r="EM5" s="586"/>
      <c r="EN5" s="586"/>
      <c r="EO5" s="586"/>
      <c r="EP5" s="586"/>
      <c r="EQ5" s="586"/>
      <c r="ER5" s="586"/>
      <c r="ES5" s="586"/>
      <c r="ET5" s="586"/>
      <c r="EU5" s="586"/>
      <c r="EV5" s="586"/>
      <c r="EW5" s="586"/>
      <c r="EX5" s="586"/>
      <c r="EY5" s="586"/>
      <c r="EZ5" s="586"/>
      <c r="FA5" s="586"/>
      <c r="FB5" s="586"/>
      <c r="FC5" s="586"/>
      <c r="FD5" s="586"/>
      <c r="FE5" s="586"/>
      <c r="FF5" s="586"/>
      <c r="FG5" s="586"/>
      <c r="FH5" s="586"/>
      <c r="FI5" s="586"/>
      <c r="FJ5" s="586"/>
      <c r="FK5" s="587"/>
      <c r="FL5" s="609" t="s">
        <v>67</v>
      </c>
      <c r="FM5" s="610"/>
      <c r="FN5" s="610"/>
      <c r="FO5" s="610"/>
      <c r="FP5" s="610"/>
      <c r="FQ5" s="610"/>
      <c r="FR5" s="610"/>
      <c r="FS5" s="610"/>
      <c r="FT5" s="610"/>
      <c r="FU5" s="610"/>
      <c r="FV5" s="610"/>
      <c r="FW5" s="610"/>
      <c r="FX5" s="610"/>
      <c r="FY5" s="610"/>
      <c r="FZ5" s="610"/>
      <c r="GA5" s="610"/>
      <c r="GB5" s="610"/>
      <c r="GC5" s="610"/>
      <c r="GD5" s="610"/>
      <c r="GE5" s="610"/>
      <c r="GF5" s="610"/>
      <c r="GG5" s="610"/>
      <c r="GH5" s="610"/>
      <c r="GI5" s="610"/>
      <c r="GJ5" s="610"/>
      <c r="GK5" s="610"/>
      <c r="GL5" s="610"/>
      <c r="GM5" s="610"/>
      <c r="GN5" s="610"/>
      <c r="GO5" s="610"/>
      <c r="GP5" s="610"/>
      <c r="GQ5" s="610"/>
      <c r="GR5" s="610"/>
      <c r="GS5" s="610"/>
      <c r="GT5" s="610"/>
      <c r="GU5" s="610"/>
      <c r="GV5" s="610"/>
      <c r="GW5" s="610"/>
      <c r="GX5" s="610"/>
      <c r="GY5" s="610"/>
      <c r="GZ5" s="610"/>
      <c r="HA5" s="610"/>
      <c r="HB5" s="610"/>
      <c r="HC5" s="611"/>
      <c r="HD5" s="595" t="s">
        <v>68</v>
      </c>
      <c r="HE5" s="596"/>
      <c r="HF5" s="596"/>
      <c r="HG5" s="596"/>
      <c r="HH5" s="596"/>
      <c r="HI5" s="596"/>
      <c r="HJ5" s="596"/>
      <c r="HK5" s="596"/>
      <c r="HL5" s="596"/>
      <c r="HM5" s="596"/>
      <c r="HN5" s="597"/>
      <c r="HO5" s="595" t="s">
        <v>69</v>
      </c>
      <c r="HP5" s="596"/>
      <c r="HQ5" s="596"/>
      <c r="HR5" s="596"/>
      <c r="HS5" s="596"/>
      <c r="HT5" s="596"/>
      <c r="HU5" s="596"/>
      <c r="HV5" s="596"/>
      <c r="HW5" s="596"/>
      <c r="HX5" s="596"/>
      <c r="HY5" s="5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1:409" ht="21" customHeight="1" thickBot="1" x14ac:dyDescent="0.25">
      <c r="B6" s="604"/>
      <c r="C6" s="608"/>
      <c r="D6" s="608"/>
      <c r="E6" s="608"/>
      <c r="F6" s="608"/>
      <c r="G6" s="608"/>
      <c r="H6" s="608"/>
      <c r="I6" s="608"/>
      <c r="J6" s="608"/>
      <c r="K6" s="608"/>
      <c r="L6" s="608"/>
      <c r="M6" s="608"/>
      <c r="N6" s="575"/>
      <c r="O6" s="568"/>
      <c r="P6" s="568"/>
      <c r="Q6" s="568"/>
      <c r="R6" s="568"/>
      <c r="S6" s="568"/>
      <c r="T6" s="568"/>
      <c r="U6" s="568"/>
      <c r="V6" s="568"/>
      <c r="W6" s="568"/>
      <c r="X6" s="576"/>
      <c r="Y6" s="577" t="s">
        <v>70</v>
      </c>
      <c r="Z6" s="578"/>
      <c r="AA6" s="578"/>
      <c r="AB6" s="578"/>
      <c r="AC6" s="578"/>
      <c r="AD6" s="578"/>
      <c r="AE6" s="578"/>
      <c r="AF6" s="578"/>
      <c r="AG6" s="578"/>
      <c r="AH6" s="578"/>
      <c r="AI6" s="579"/>
      <c r="AJ6" s="595" t="s">
        <v>71</v>
      </c>
      <c r="AK6" s="596"/>
      <c r="AL6" s="596"/>
      <c r="AM6" s="596"/>
      <c r="AN6" s="596"/>
      <c r="AO6" s="596"/>
      <c r="AP6" s="596"/>
      <c r="AQ6" s="596"/>
      <c r="AR6" s="596"/>
      <c r="AS6" s="596"/>
      <c r="AT6" s="597"/>
      <c r="AU6" s="591" t="s">
        <v>72</v>
      </c>
      <c r="AV6" s="592"/>
      <c r="AW6" s="592"/>
      <c r="AX6" s="592"/>
      <c r="AY6" s="592"/>
      <c r="AZ6" s="592"/>
      <c r="BA6" s="592"/>
      <c r="BB6" s="592"/>
      <c r="BC6" s="592"/>
      <c r="BD6" s="592"/>
      <c r="BE6" s="593"/>
      <c r="BF6" s="591" t="s">
        <v>73</v>
      </c>
      <c r="BG6" s="592"/>
      <c r="BH6" s="592"/>
      <c r="BI6" s="592"/>
      <c r="BJ6" s="592"/>
      <c r="BK6" s="592"/>
      <c r="BL6" s="592"/>
      <c r="BM6" s="592"/>
      <c r="BN6" s="592"/>
      <c r="BO6" s="592"/>
      <c r="BP6" s="593"/>
      <c r="BQ6" s="591" t="s">
        <v>74</v>
      </c>
      <c r="BR6" s="592"/>
      <c r="BS6" s="592"/>
      <c r="BT6" s="592"/>
      <c r="BU6" s="592"/>
      <c r="BV6" s="592"/>
      <c r="BW6" s="592"/>
      <c r="BX6" s="592"/>
      <c r="BY6" s="592"/>
      <c r="BZ6" s="592"/>
      <c r="CA6" s="593"/>
      <c r="CB6" s="588"/>
      <c r="CC6" s="589"/>
      <c r="CD6" s="589"/>
      <c r="CE6" s="589"/>
      <c r="CF6" s="589"/>
      <c r="CG6" s="589"/>
      <c r="CH6" s="589"/>
      <c r="CI6" s="589"/>
      <c r="CJ6" s="589"/>
      <c r="CK6" s="589"/>
      <c r="CL6" s="590"/>
      <c r="CM6" s="591" t="s">
        <v>75</v>
      </c>
      <c r="CN6" s="592"/>
      <c r="CO6" s="592"/>
      <c r="CP6" s="592"/>
      <c r="CQ6" s="592"/>
      <c r="CR6" s="592"/>
      <c r="CS6" s="592"/>
      <c r="CT6" s="592"/>
      <c r="CU6" s="592"/>
      <c r="CV6" s="592"/>
      <c r="CW6" s="593"/>
      <c r="CX6" s="591" t="s">
        <v>76</v>
      </c>
      <c r="CY6" s="592"/>
      <c r="CZ6" s="592"/>
      <c r="DA6" s="592"/>
      <c r="DB6" s="592"/>
      <c r="DC6" s="592"/>
      <c r="DD6" s="592"/>
      <c r="DE6" s="592"/>
      <c r="DF6" s="592"/>
      <c r="DG6" s="592"/>
      <c r="DH6" s="593"/>
      <c r="DI6" s="588"/>
      <c r="DJ6" s="589"/>
      <c r="DK6" s="589"/>
      <c r="DL6" s="589"/>
      <c r="DM6" s="589"/>
      <c r="DN6" s="589"/>
      <c r="DO6" s="589"/>
      <c r="DP6" s="589"/>
      <c r="DQ6" s="589"/>
      <c r="DR6" s="589"/>
      <c r="DS6" s="589"/>
      <c r="DT6" s="591" t="s">
        <v>77</v>
      </c>
      <c r="DU6" s="592"/>
      <c r="DV6" s="592"/>
      <c r="DW6" s="592"/>
      <c r="DX6" s="592"/>
      <c r="DY6" s="592"/>
      <c r="DZ6" s="592"/>
      <c r="EA6" s="592"/>
      <c r="EB6" s="592"/>
      <c r="EC6" s="592"/>
      <c r="ED6" s="593"/>
      <c r="EE6" s="591" t="s">
        <v>78</v>
      </c>
      <c r="EF6" s="592"/>
      <c r="EG6" s="592"/>
      <c r="EH6" s="592"/>
      <c r="EI6" s="592"/>
      <c r="EJ6" s="592"/>
      <c r="EK6" s="592"/>
      <c r="EL6" s="592"/>
      <c r="EM6" s="592"/>
      <c r="EN6" s="592"/>
      <c r="EO6" s="593"/>
      <c r="EP6" s="591" t="s">
        <v>79</v>
      </c>
      <c r="EQ6" s="592"/>
      <c r="ER6" s="592"/>
      <c r="ES6" s="592"/>
      <c r="ET6" s="592"/>
      <c r="EU6" s="592"/>
      <c r="EV6" s="592"/>
      <c r="EW6" s="592"/>
      <c r="EX6" s="592"/>
      <c r="EY6" s="592"/>
      <c r="EZ6" s="593"/>
      <c r="FA6" s="594" t="s">
        <v>151</v>
      </c>
      <c r="FB6" s="592"/>
      <c r="FC6" s="592"/>
      <c r="FD6" s="592"/>
      <c r="FE6" s="592"/>
      <c r="FF6" s="592"/>
      <c r="FG6" s="592"/>
      <c r="FH6" s="592"/>
      <c r="FI6" s="592"/>
      <c r="FJ6" s="592"/>
      <c r="FK6" s="593"/>
      <c r="FL6" s="588"/>
      <c r="FM6" s="589"/>
      <c r="FN6" s="589"/>
      <c r="FO6" s="589"/>
      <c r="FP6" s="589"/>
      <c r="FQ6" s="589"/>
      <c r="FR6" s="589"/>
      <c r="FS6" s="589"/>
      <c r="FT6" s="589"/>
      <c r="FU6" s="589"/>
      <c r="FV6" s="589"/>
      <c r="FW6" s="591" t="s">
        <v>80</v>
      </c>
      <c r="FX6" s="592"/>
      <c r="FY6" s="592"/>
      <c r="FZ6" s="592"/>
      <c r="GA6" s="592"/>
      <c r="GB6" s="592"/>
      <c r="GC6" s="592"/>
      <c r="GD6" s="592"/>
      <c r="GE6" s="592"/>
      <c r="GF6" s="592"/>
      <c r="GG6" s="593"/>
      <c r="GH6" s="577" t="s">
        <v>81</v>
      </c>
      <c r="GI6" s="578"/>
      <c r="GJ6" s="578"/>
      <c r="GK6" s="578"/>
      <c r="GL6" s="578"/>
      <c r="GM6" s="578"/>
      <c r="GN6" s="578"/>
      <c r="GO6" s="578"/>
      <c r="GP6" s="578"/>
      <c r="GQ6" s="578"/>
      <c r="GR6" s="579"/>
      <c r="GS6" s="577" t="s">
        <v>82</v>
      </c>
      <c r="GT6" s="578"/>
      <c r="GU6" s="578"/>
      <c r="GV6" s="578"/>
      <c r="GW6" s="578"/>
      <c r="GX6" s="578"/>
      <c r="GY6" s="578"/>
      <c r="GZ6" s="578"/>
      <c r="HA6" s="578"/>
      <c r="HB6" s="578"/>
      <c r="HC6" s="579"/>
      <c r="HD6" s="612"/>
      <c r="HE6" s="613"/>
      <c r="HF6" s="613"/>
      <c r="HG6" s="613"/>
      <c r="HH6" s="613"/>
      <c r="HI6" s="613"/>
      <c r="HJ6" s="613"/>
      <c r="HK6" s="613"/>
      <c r="HL6" s="613"/>
      <c r="HM6" s="613"/>
      <c r="HN6" s="614"/>
      <c r="HO6" s="612"/>
      <c r="HP6" s="613"/>
      <c r="HQ6" s="613"/>
      <c r="HR6" s="613"/>
      <c r="HS6" s="613"/>
      <c r="HT6" s="613"/>
      <c r="HU6" s="613"/>
      <c r="HV6" s="613"/>
      <c r="HW6" s="613"/>
      <c r="HX6" s="613"/>
      <c r="HY6" s="614"/>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1:409" ht="21" customHeight="1" x14ac:dyDescent="0.2">
      <c r="B7" s="604"/>
      <c r="C7" s="560" t="s">
        <v>61</v>
      </c>
      <c r="D7" s="560"/>
      <c r="E7" s="560"/>
      <c r="F7" s="559" t="s">
        <v>62</v>
      </c>
      <c r="G7" s="560"/>
      <c r="H7" s="560"/>
      <c r="I7" s="560"/>
      <c r="J7" s="560"/>
      <c r="K7" s="560"/>
      <c r="L7" s="560"/>
      <c r="M7" s="559" t="s">
        <v>52</v>
      </c>
      <c r="N7" s="616" t="s">
        <v>61</v>
      </c>
      <c r="O7" s="560"/>
      <c r="P7" s="560"/>
      <c r="Q7" s="559" t="s">
        <v>62</v>
      </c>
      <c r="R7" s="560"/>
      <c r="S7" s="560"/>
      <c r="T7" s="560"/>
      <c r="U7" s="560"/>
      <c r="V7" s="560"/>
      <c r="W7" s="561"/>
      <c r="X7" s="601" t="s">
        <v>52</v>
      </c>
      <c r="Y7" s="575" t="s">
        <v>61</v>
      </c>
      <c r="Z7" s="568"/>
      <c r="AA7" s="569"/>
      <c r="AB7" s="567" t="s">
        <v>62</v>
      </c>
      <c r="AC7" s="568"/>
      <c r="AD7" s="568"/>
      <c r="AE7" s="568"/>
      <c r="AF7" s="568"/>
      <c r="AG7" s="568"/>
      <c r="AH7" s="569"/>
      <c r="AI7" s="576" t="s">
        <v>52</v>
      </c>
      <c r="AJ7" s="556" t="s">
        <v>61</v>
      </c>
      <c r="AK7" s="557"/>
      <c r="AL7" s="558"/>
      <c r="AM7" s="617" t="s">
        <v>62</v>
      </c>
      <c r="AN7" s="557"/>
      <c r="AO7" s="557"/>
      <c r="AP7" s="557"/>
      <c r="AQ7" s="557"/>
      <c r="AR7" s="557"/>
      <c r="AS7" s="618"/>
      <c r="AT7" s="619" t="s">
        <v>52</v>
      </c>
      <c r="AU7" s="564" t="s">
        <v>61</v>
      </c>
      <c r="AV7" s="565"/>
      <c r="AW7" s="566"/>
      <c r="AX7" s="599" t="s">
        <v>62</v>
      </c>
      <c r="AY7" s="565"/>
      <c r="AZ7" s="565"/>
      <c r="BA7" s="565"/>
      <c r="BB7" s="565"/>
      <c r="BC7" s="565"/>
      <c r="BD7" s="600"/>
      <c r="BE7" s="576" t="s">
        <v>52</v>
      </c>
      <c r="BF7" s="564" t="s">
        <v>61</v>
      </c>
      <c r="BG7" s="565"/>
      <c r="BH7" s="566"/>
      <c r="BI7" s="599" t="s">
        <v>62</v>
      </c>
      <c r="BJ7" s="565"/>
      <c r="BK7" s="565"/>
      <c r="BL7" s="565"/>
      <c r="BM7" s="565"/>
      <c r="BN7" s="565"/>
      <c r="BO7" s="600"/>
      <c r="BP7" s="576" t="s">
        <v>52</v>
      </c>
      <c r="BQ7" s="564" t="s">
        <v>61</v>
      </c>
      <c r="BR7" s="565"/>
      <c r="BS7" s="566"/>
      <c r="BT7" s="599" t="s">
        <v>62</v>
      </c>
      <c r="BU7" s="565"/>
      <c r="BV7" s="565"/>
      <c r="BW7" s="565"/>
      <c r="BX7" s="565"/>
      <c r="BY7" s="565"/>
      <c r="BZ7" s="600"/>
      <c r="CA7" s="576" t="s">
        <v>52</v>
      </c>
      <c r="CB7" s="556" t="s">
        <v>61</v>
      </c>
      <c r="CC7" s="557"/>
      <c r="CD7" s="558"/>
      <c r="CE7" s="617" t="s">
        <v>62</v>
      </c>
      <c r="CF7" s="557"/>
      <c r="CG7" s="557"/>
      <c r="CH7" s="557"/>
      <c r="CI7" s="557"/>
      <c r="CJ7" s="557"/>
      <c r="CK7" s="618"/>
      <c r="CL7" s="601" t="s">
        <v>52</v>
      </c>
      <c r="CM7" s="564" t="s">
        <v>61</v>
      </c>
      <c r="CN7" s="565"/>
      <c r="CO7" s="600"/>
      <c r="CP7" s="599" t="s">
        <v>62</v>
      </c>
      <c r="CQ7" s="565"/>
      <c r="CR7" s="565"/>
      <c r="CS7" s="565"/>
      <c r="CT7" s="565"/>
      <c r="CU7" s="565"/>
      <c r="CV7" s="600"/>
      <c r="CW7" s="623" t="s">
        <v>52</v>
      </c>
      <c r="CX7" s="564" t="s">
        <v>61</v>
      </c>
      <c r="CY7" s="565"/>
      <c r="CZ7" s="600"/>
      <c r="DA7" s="599" t="s">
        <v>62</v>
      </c>
      <c r="DB7" s="565"/>
      <c r="DC7" s="565"/>
      <c r="DD7" s="565"/>
      <c r="DE7" s="565"/>
      <c r="DF7" s="565"/>
      <c r="DG7" s="600"/>
      <c r="DH7" s="623" t="s">
        <v>52</v>
      </c>
      <c r="DI7" s="556" t="s">
        <v>61</v>
      </c>
      <c r="DJ7" s="557"/>
      <c r="DK7" s="618"/>
      <c r="DL7" s="617" t="s">
        <v>62</v>
      </c>
      <c r="DM7" s="557"/>
      <c r="DN7" s="557"/>
      <c r="DO7" s="557"/>
      <c r="DP7" s="557"/>
      <c r="DQ7" s="557"/>
      <c r="DR7" s="618"/>
      <c r="DS7" s="601" t="s">
        <v>52</v>
      </c>
      <c r="DT7" s="564" t="s">
        <v>61</v>
      </c>
      <c r="DU7" s="565"/>
      <c r="DV7" s="566"/>
      <c r="DW7" s="599" t="s">
        <v>62</v>
      </c>
      <c r="DX7" s="565"/>
      <c r="DY7" s="565"/>
      <c r="DZ7" s="565"/>
      <c r="EA7" s="565"/>
      <c r="EB7" s="565"/>
      <c r="EC7" s="600"/>
      <c r="ED7" s="576" t="s">
        <v>52</v>
      </c>
      <c r="EE7" s="564" t="s">
        <v>61</v>
      </c>
      <c r="EF7" s="565"/>
      <c r="EG7" s="566"/>
      <c r="EH7" s="599" t="s">
        <v>62</v>
      </c>
      <c r="EI7" s="565"/>
      <c r="EJ7" s="565"/>
      <c r="EK7" s="565"/>
      <c r="EL7" s="565"/>
      <c r="EM7" s="565"/>
      <c r="EN7" s="600"/>
      <c r="EO7" s="576" t="s">
        <v>52</v>
      </c>
      <c r="EP7" s="564" t="s">
        <v>61</v>
      </c>
      <c r="EQ7" s="565"/>
      <c r="ER7" s="566"/>
      <c r="ES7" s="599" t="s">
        <v>62</v>
      </c>
      <c r="ET7" s="565"/>
      <c r="EU7" s="565"/>
      <c r="EV7" s="565"/>
      <c r="EW7" s="565"/>
      <c r="EX7" s="565"/>
      <c r="EY7" s="600"/>
      <c r="EZ7" s="576" t="s">
        <v>52</v>
      </c>
      <c r="FA7" s="564" t="s">
        <v>61</v>
      </c>
      <c r="FB7" s="565"/>
      <c r="FC7" s="566"/>
      <c r="FD7" s="599" t="s">
        <v>62</v>
      </c>
      <c r="FE7" s="565"/>
      <c r="FF7" s="565"/>
      <c r="FG7" s="565"/>
      <c r="FH7" s="565"/>
      <c r="FI7" s="565"/>
      <c r="FJ7" s="600"/>
      <c r="FK7" s="576" t="s">
        <v>52</v>
      </c>
      <c r="FL7" s="556" t="s">
        <v>61</v>
      </c>
      <c r="FM7" s="557"/>
      <c r="FN7" s="558"/>
      <c r="FO7" s="617" t="s">
        <v>62</v>
      </c>
      <c r="FP7" s="557"/>
      <c r="FQ7" s="557"/>
      <c r="FR7" s="557"/>
      <c r="FS7" s="557"/>
      <c r="FT7" s="557"/>
      <c r="FU7" s="618"/>
      <c r="FV7" s="560" t="s">
        <v>52</v>
      </c>
      <c r="FW7" s="564" t="s">
        <v>61</v>
      </c>
      <c r="FX7" s="565"/>
      <c r="FY7" s="566"/>
      <c r="FZ7" s="599" t="s">
        <v>62</v>
      </c>
      <c r="GA7" s="565"/>
      <c r="GB7" s="565"/>
      <c r="GC7" s="565"/>
      <c r="GD7" s="565"/>
      <c r="GE7" s="565"/>
      <c r="GF7" s="600"/>
      <c r="GG7" s="576" t="s">
        <v>52</v>
      </c>
      <c r="GH7" s="575" t="s">
        <v>61</v>
      </c>
      <c r="GI7" s="568"/>
      <c r="GJ7" s="568"/>
      <c r="GK7" s="567" t="s">
        <v>62</v>
      </c>
      <c r="GL7" s="568"/>
      <c r="GM7" s="568"/>
      <c r="GN7" s="568"/>
      <c r="GO7" s="568"/>
      <c r="GP7" s="568"/>
      <c r="GQ7" s="569"/>
      <c r="GR7" s="620" t="s">
        <v>52</v>
      </c>
      <c r="GS7" s="575" t="s">
        <v>61</v>
      </c>
      <c r="GT7" s="568"/>
      <c r="GU7" s="569"/>
      <c r="GV7" s="567" t="s">
        <v>62</v>
      </c>
      <c r="GW7" s="568"/>
      <c r="GX7" s="568"/>
      <c r="GY7" s="568"/>
      <c r="GZ7" s="568"/>
      <c r="HA7" s="568"/>
      <c r="HB7" s="569"/>
      <c r="HC7" s="620" t="s">
        <v>52</v>
      </c>
      <c r="HD7" s="564" t="s">
        <v>61</v>
      </c>
      <c r="HE7" s="565"/>
      <c r="HF7" s="566"/>
      <c r="HG7" s="599" t="s">
        <v>62</v>
      </c>
      <c r="HH7" s="565"/>
      <c r="HI7" s="565"/>
      <c r="HJ7" s="565"/>
      <c r="HK7" s="565"/>
      <c r="HL7" s="565"/>
      <c r="HM7" s="600"/>
      <c r="HN7" s="576" t="s">
        <v>52</v>
      </c>
      <c r="HO7" s="564" t="s">
        <v>61</v>
      </c>
      <c r="HP7" s="565"/>
      <c r="HQ7" s="566"/>
      <c r="HR7" s="599" t="s">
        <v>62</v>
      </c>
      <c r="HS7" s="565"/>
      <c r="HT7" s="565"/>
      <c r="HU7" s="565"/>
      <c r="HV7" s="565"/>
      <c r="HW7" s="565"/>
      <c r="HX7" s="600"/>
      <c r="HY7" s="576"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1:409" ht="30" customHeight="1" thickBot="1" x14ac:dyDescent="0.25">
      <c r="B8" s="605"/>
      <c r="C8" s="55" t="s">
        <v>43</v>
      </c>
      <c r="D8" s="13" t="s">
        <v>44</v>
      </c>
      <c r="E8" s="36" t="s">
        <v>45</v>
      </c>
      <c r="F8" s="37" t="s">
        <v>83</v>
      </c>
      <c r="G8" s="13" t="s">
        <v>47</v>
      </c>
      <c r="H8" s="13" t="s">
        <v>48</v>
      </c>
      <c r="I8" s="13" t="s">
        <v>49</v>
      </c>
      <c r="J8" s="13" t="s">
        <v>50</v>
      </c>
      <c r="K8" s="13" t="s">
        <v>51</v>
      </c>
      <c r="L8" s="14" t="s">
        <v>45</v>
      </c>
      <c r="M8" s="615"/>
      <c r="N8" s="35" t="s">
        <v>43</v>
      </c>
      <c r="O8" s="13" t="s">
        <v>44</v>
      </c>
      <c r="P8" s="14" t="s">
        <v>45</v>
      </c>
      <c r="Q8" s="37" t="s">
        <v>83</v>
      </c>
      <c r="R8" s="13" t="s">
        <v>47</v>
      </c>
      <c r="S8" s="13" t="s">
        <v>48</v>
      </c>
      <c r="T8" s="13" t="s">
        <v>49</v>
      </c>
      <c r="U8" s="13" t="s">
        <v>50</v>
      </c>
      <c r="V8" s="13" t="s">
        <v>51</v>
      </c>
      <c r="W8" s="14" t="s">
        <v>45</v>
      </c>
      <c r="X8" s="602"/>
      <c r="Y8" s="35" t="s">
        <v>43</v>
      </c>
      <c r="Z8" s="13" t="s">
        <v>44</v>
      </c>
      <c r="AA8" s="14" t="s">
        <v>45</v>
      </c>
      <c r="AB8" s="37" t="s">
        <v>83</v>
      </c>
      <c r="AC8" s="13" t="s">
        <v>47</v>
      </c>
      <c r="AD8" s="13" t="s">
        <v>48</v>
      </c>
      <c r="AE8" s="13" t="s">
        <v>49</v>
      </c>
      <c r="AF8" s="13" t="s">
        <v>50</v>
      </c>
      <c r="AG8" s="13" t="s">
        <v>51</v>
      </c>
      <c r="AH8" s="14" t="s">
        <v>45</v>
      </c>
      <c r="AI8" s="584"/>
      <c r="AJ8" s="35" t="s">
        <v>43</v>
      </c>
      <c r="AK8" s="13" t="s">
        <v>44</v>
      </c>
      <c r="AL8" s="36" t="s">
        <v>45</v>
      </c>
      <c r="AM8" s="37" t="s">
        <v>83</v>
      </c>
      <c r="AN8" s="13" t="s">
        <v>47</v>
      </c>
      <c r="AO8" s="13" t="s">
        <v>48</v>
      </c>
      <c r="AP8" s="13" t="s">
        <v>49</v>
      </c>
      <c r="AQ8" s="13" t="s">
        <v>50</v>
      </c>
      <c r="AR8" s="13" t="s">
        <v>51</v>
      </c>
      <c r="AS8" s="14" t="s">
        <v>45</v>
      </c>
      <c r="AT8" s="584"/>
      <c r="AU8" s="35" t="s">
        <v>43</v>
      </c>
      <c r="AV8" s="13" t="s">
        <v>44</v>
      </c>
      <c r="AW8" s="36" t="s">
        <v>45</v>
      </c>
      <c r="AX8" s="37" t="s">
        <v>83</v>
      </c>
      <c r="AY8" s="13" t="s">
        <v>47</v>
      </c>
      <c r="AZ8" s="13" t="s">
        <v>48</v>
      </c>
      <c r="BA8" s="13" t="s">
        <v>49</v>
      </c>
      <c r="BB8" s="13" t="s">
        <v>50</v>
      </c>
      <c r="BC8" s="13" t="s">
        <v>51</v>
      </c>
      <c r="BD8" s="14" t="s">
        <v>45</v>
      </c>
      <c r="BE8" s="584"/>
      <c r="BF8" s="53" t="s">
        <v>43</v>
      </c>
      <c r="BG8" s="13" t="s">
        <v>44</v>
      </c>
      <c r="BH8" s="36" t="s">
        <v>45</v>
      </c>
      <c r="BI8" s="37" t="s">
        <v>83</v>
      </c>
      <c r="BJ8" s="13" t="s">
        <v>47</v>
      </c>
      <c r="BK8" s="13" t="s">
        <v>48</v>
      </c>
      <c r="BL8" s="13" t="s">
        <v>49</v>
      </c>
      <c r="BM8" s="13" t="s">
        <v>50</v>
      </c>
      <c r="BN8" s="13" t="s">
        <v>51</v>
      </c>
      <c r="BO8" s="14" t="s">
        <v>45</v>
      </c>
      <c r="BP8" s="584"/>
      <c r="BQ8" s="35" t="s">
        <v>43</v>
      </c>
      <c r="BR8" s="13" t="s">
        <v>44</v>
      </c>
      <c r="BS8" s="36" t="s">
        <v>45</v>
      </c>
      <c r="BT8" s="37" t="s">
        <v>83</v>
      </c>
      <c r="BU8" s="13" t="s">
        <v>47</v>
      </c>
      <c r="BV8" s="13" t="s">
        <v>48</v>
      </c>
      <c r="BW8" s="13" t="s">
        <v>49</v>
      </c>
      <c r="BX8" s="13" t="s">
        <v>50</v>
      </c>
      <c r="BY8" s="13" t="s">
        <v>51</v>
      </c>
      <c r="BZ8" s="14" t="s">
        <v>45</v>
      </c>
      <c r="CA8" s="584"/>
      <c r="CB8" s="35" t="s">
        <v>43</v>
      </c>
      <c r="CC8" s="13" t="s">
        <v>44</v>
      </c>
      <c r="CD8" s="36" t="s">
        <v>45</v>
      </c>
      <c r="CE8" s="37" t="s">
        <v>83</v>
      </c>
      <c r="CF8" s="13" t="s">
        <v>47</v>
      </c>
      <c r="CG8" s="13" t="s">
        <v>48</v>
      </c>
      <c r="CH8" s="13" t="s">
        <v>49</v>
      </c>
      <c r="CI8" s="13" t="s">
        <v>50</v>
      </c>
      <c r="CJ8" s="13" t="s">
        <v>51</v>
      </c>
      <c r="CK8" s="14" t="s">
        <v>45</v>
      </c>
      <c r="CL8" s="602"/>
      <c r="CM8" s="35" t="s">
        <v>43</v>
      </c>
      <c r="CN8" s="13" t="s">
        <v>44</v>
      </c>
      <c r="CO8" s="14" t="s">
        <v>45</v>
      </c>
      <c r="CP8" s="37" t="s">
        <v>83</v>
      </c>
      <c r="CQ8" s="13" t="s">
        <v>47</v>
      </c>
      <c r="CR8" s="13" t="s">
        <v>48</v>
      </c>
      <c r="CS8" s="13" t="s">
        <v>49</v>
      </c>
      <c r="CT8" s="13" t="s">
        <v>50</v>
      </c>
      <c r="CU8" s="13" t="s">
        <v>51</v>
      </c>
      <c r="CV8" s="14" t="s">
        <v>45</v>
      </c>
      <c r="CW8" s="602"/>
      <c r="CX8" s="35" t="s">
        <v>43</v>
      </c>
      <c r="CY8" s="13" t="s">
        <v>44</v>
      </c>
      <c r="CZ8" s="14" t="s">
        <v>45</v>
      </c>
      <c r="DA8" s="37" t="s">
        <v>83</v>
      </c>
      <c r="DB8" s="13" t="s">
        <v>47</v>
      </c>
      <c r="DC8" s="13" t="s">
        <v>48</v>
      </c>
      <c r="DD8" s="13" t="s">
        <v>49</v>
      </c>
      <c r="DE8" s="13" t="s">
        <v>50</v>
      </c>
      <c r="DF8" s="13" t="s">
        <v>51</v>
      </c>
      <c r="DG8" s="14" t="s">
        <v>45</v>
      </c>
      <c r="DH8" s="602"/>
      <c r="DI8" s="35" t="s">
        <v>43</v>
      </c>
      <c r="DJ8" s="13" t="s">
        <v>44</v>
      </c>
      <c r="DK8" s="14" t="s">
        <v>45</v>
      </c>
      <c r="DL8" s="37" t="s">
        <v>83</v>
      </c>
      <c r="DM8" s="13" t="s">
        <v>47</v>
      </c>
      <c r="DN8" s="13" t="s">
        <v>48</v>
      </c>
      <c r="DO8" s="13" t="s">
        <v>49</v>
      </c>
      <c r="DP8" s="13" t="s">
        <v>50</v>
      </c>
      <c r="DQ8" s="13" t="s">
        <v>51</v>
      </c>
      <c r="DR8" s="14" t="s">
        <v>45</v>
      </c>
      <c r="DS8" s="602"/>
      <c r="DT8" s="35" t="s">
        <v>43</v>
      </c>
      <c r="DU8" s="13" t="s">
        <v>44</v>
      </c>
      <c r="DV8" s="36" t="s">
        <v>45</v>
      </c>
      <c r="DW8" s="37" t="s">
        <v>83</v>
      </c>
      <c r="DX8" s="13" t="s">
        <v>47</v>
      </c>
      <c r="DY8" s="13" t="s">
        <v>48</v>
      </c>
      <c r="DZ8" s="13" t="s">
        <v>49</v>
      </c>
      <c r="EA8" s="13" t="s">
        <v>50</v>
      </c>
      <c r="EB8" s="13" t="s">
        <v>51</v>
      </c>
      <c r="EC8" s="14" t="s">
        <v>45</v>
      </c>
      <c r="ED8" s="584"/>
      <c r="EE8" s="35" t="s">
        <v>43</v>
      </c>
      <c r="EF8" s="13" t="s">
        <v>44</v>
      </c>
      <c r="EG8" s="36" t="s">
        <v>45</v>
      </c>
      <c r="EH8" s="37" t="s">
        <v>83</v>
      </c>
      <c r="EI8" s="13" t="s">
        <v>47</v>
      </c>
      <c r="EJ8" s="13" t="s">
        <v>48</v>
      </c>
      <c r="EK8" s="13" t="s">
        <v>49</v>
      </c>
      <c r="EL8" s="13" t="s">
        <v>50</v>
      </c>
      <c r="EM8" s="13" t="s">
        <v>51</v>
      </c>
      <c r="EN8" s="14" t="s">
        <v>45</v>
      </c>
      <c r="EO8" s="584"/>
      <c r="EP8" s="35" t="s">
        <v>43</v>
      </c>
      <c r="EQ8" s="13" t="s">
        <v>44</v>
      </c>
      <c r="ER8" s="36" t="s">
        <v>45</v>
      </c>
      <c r="ES8" s="37" t="s">
        <v>83</v>
      </c>
      <c r="ET8" s="13" t="s">
        <v>47</v>
      </c>
      <c r="EU8" s="13" t="s">
        <v>48</v>
      </c>
      <c r="EV8" s="13" t="s">
        <v>49</v>
      </c>
      <c r="EW8" s="13" t="s">
        <v>50</v>
      </c>
      <c r="EX8" s="13" t="s">
        <v>51</v>
      </c>
      <c r="EY8" s="14" t="s">
        <v>45</v>
      </c>
      <c r="EZ8" s="584"/>
      <c r="FA8" s="35" t="s">
        <v>43</v>
      </c>
      <c r="FB8" s="13" t="s">
        <v>44</v>
      </c>
      <c r="FC8" s="36" t="s">
        <v>45</v>
      </c>
      <c r="FD8" s="37" t="s">
        <v>83</v>
      </c>
      <c r="FE8" s="13" t="s">
        <v>47</v>
      </c>
      <c r="FF8" s="13" t="s">
        <v>48</v>
      </c>
      <c r="FG8" s="13" t="s">
        <v>49</v>
      </c>
      <c r="FH8" s="13" t="s">
        <v>50</v>
      </c>
      <c r="FI8" s="13" t="s">
        <v>51</v>
      </c>
      <c r="FJ8" s="14" t="s">
        <v>45</v>
      </c>
      <c r="FK8" s="584"/>
      <c r="FL8" s="35" t="s">
        <v>43</v>
      </c>
      <c r="FM8" s="13" t="s">
        <v>44</v>
      </c>
      <c r="FN8" s="36" t="s">
        <v>45</v>
      </c>
      <c r="FO8" s="37" t="s">
        <v>83</v>
      </c>
      <c r="FP8" s="13" t="s">
        <v>47</v>
      </c>
      <c r="FQ8" s="13" t="s">
        <v>48</v>
      </c>
      <c r="FR8" s="13" t="s">
        <v>49</v>
      </c>
      <c r="FS8" s="13" t="s">
        <v>50</v>
      </c>
      <c r="FT8" s="13" t="s">
        <v>51</v>
      </c>
      <c r="FU8" s="14" t="s">
        <v>45</v>
      </c>
      <c r="FV8" s="622"/>
      <c r="FW8" s="35" t="s">
        <v>43</v>
      </c>
      <c r="FX8" s="13" t="s">
        <v>44</v>
      </c>
      <c r="FY8" s="36" t="s">
        <v>45</v>
      </c>
      <c r="FZ8" s="37" t="s">
        <v>83</v>
      </c>
      <c r="GA8" s="13" t="s">
        <v>47</v>
      </c>
      <c r="GB8" s="13" t="s">
        <v>48</v>
      </c>
      <c r="GC8" s="13" t="s">
        <v>49</v>
      </c>
      <c r="GD8" s="13" t="s">
        <v>50</v>
      </c>
      <c r="GE8" s="13" t="s">
        <v>51</v>
      </c>
      <c r="GF8" s="14" t="s">
        <v>45</v>
      </c>
      <c r="GG8" s="584"/>
      <c r="GH8" s="35" t="s">
        <v>43</v>
      </c>
      <c r="GI8" s="13" t="s">
        <v>44</v>
      </c>
      <c r="GJ8" s="36" t="s">
        <v>45</v>
      </c>
      <c r="GK8" s="37" t="s">
        <v>83</v>
      </c>
      <c r="GL8" s="13" t="s">
        <v>47</v>
      </c>
      <c r="GM8" s="13" t="s">
        <v>48</v>
      </c>
      <c r="GN8" s="13" t="s">
        <v>49</v>
      </c>
      <c r="GO8" s="13" t="s">
        <v>50</v>
      </c>
      <c r="GP8" s="13" t="s">
        <v>51</v>
      </c>
      <c r="GQ8" s="14" t="s">
        <v>45</v>
      </c>
      <c r="GR8" s="621"/>
      <c r="GS8" s="35" t="s">
        <v>43</v>
      </c>
      <c r="GT8" s="13" t="s">
        <v>44</v>
      </c>
      <c r="GU8" s="36" t="s">
        <v>45</v>
      </c>
      <c r="GV8" s="37" t="s">
        <v>83</v>
      </c>
      <c r="GW8" s="13" t="s">
        <v>47</v>
      </c>
      <c r="GX8" s="13" t="s">
        <v>48</v>
      </c>
      <c r="GY8" s="13" t="s">
        <v>49</v>
      </c>
      <c r="GZ8" s="13" t="s">
        <v>50</v>
      </c>
      <c r="HA8" s="13" t="s">
        <v>51</v>
      </c>
      <c r="HB8" s="14" t="s">
        <v>45</v>
      </c>
      <c r="HC8" s="621"/>
      <c r="HD8" s="35" t="s">
        <v>43</v>
      </c>
      <c r="HE8" s="13" t="s">
        <v>44</v>
      </c>
      <c r="HF8" s="36" t="s">
        <v>45</v>
      </c>
      <c r="HG8" s="37" t="s">
        <v>83</v>
      </c>
      <c r="HH8" s="13" t="s">
        <v>47</v>
      </c>
      <c r="HI8" s="13" t="s">
        <v>48</v>
      </c>
      <c r="HJ8" s="13" t="s">
        <v>49</v>
      </c>
      <c r="HK8" s="13" t="s">
        <v>50</v>
      </c>
      <c r="HL8" s="13" t="s">
        <v>51</v>
      </c>
      <c r="HM8" s="14" t="s">
        <v>45</v>
      </c>
      <c r="HN8" s="584"/>
      <c r="HO8" s="35" t="s">
        <v>43</v>
      </c>
      <c r="HP8" s="13" t="s">
        <v>44</v>
      </c>
      <c r="HQ8" s="36" t="s">
        <v>45</v>
      </c>
      <c r="HR8" s="37" t="s">
        <v>83</v>
      </c>
      <c r="HS8" s="13" t="s">
        <v>47</v>
      </c>
      <c r="HT8" s="13" t="s">
        <v>48</v>
      </c>
      <c r="HU8" s="13" t="s">
        <v>49</v>
      </c>
      <c r="HV8" s="13" t="s">
        <v>50</v>
      </c>
      <c r="HW8" s="13" t="s">
        <v>51</v>
      </c>
      <c r="HX8" s="14" t="s">
        <v>45</v>
      </c>
      <c r="HY8" s="584"/>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1:409" s="403" customFormat="1" ht="21" customHeight="1" x14ac:dyDescent="0.2">
      <c r="A9" s="39"/>
      <c r="B9" s="470" t="s">
        <v>4</v>
      </c>
      <c r="C9" s="360">
        <v>403639268</v>
      </c>
      <c r="D9" s="361">
        <v>854008337</v>
      </c>
      <c r="E9" s="362">
        <v>1257647605</v>
      </c>
      <c r="F9" s="363">
        <v>0</v>
      </c>
      <c r="G9" s="361">
        <v>5205184032</v>
      </c>
      <c r="H9" s="361">
        <v>7208414718</v>
      </c>
      <c r="I9" s="361">
        <v>6085158974</v>
      </c>
      <c r="J9" s="361">
        <v>5790841882</v>
      </c>
      <c r="K9" s="361">
        <v>4365105145</v>
      </c>
      <c r="L9" s="364">
        <v>28654704751</v>
      </c>
      <c r="M9" s="365">
        <v>29912352356</v>
      </c>
      <c r="N9" s="360">
        <v>100447581</v>
      </c>
      <c r="O9" s="361">
        <v>262808410</v>
      </c>
      <c r="P9" s="366">
        <v>363255991</v>
      </c>
      <c r="Q9" s="360">
        <v>0</v>
      </c>
      <c r="R9" s="361">
        <v>1522235981</v>
      </c>
      <c r="S9" s="361">
        <v>2381643866</v>
      </c>
      <c r="T9" s="361">
        <v>2068334908</v>
      </c>
      <c r="U9" s="361">
        <v>2263412747</v>
      </c>
      <c r="V9" s="361">
        <v>2255711288</v>
      </c>
      <c r="W9" s="366">
        <v>10491338790</v>
      </c>
      <c r="X9" s="365">
        <v>10854594781</v>
      </c>
      <c r="Y9" s="360">
        <v>0</v>
      </c>
      <c r="Z9" s="361">
        <v>0</v>
      </c>
      <c r="AA9" s="366">
        <v>0</v>
      </c>
      <c r="AB9" s="367">
        <v>0</v>
      </c>
      <c r="AC9" s="368">
        <v>719567372</v>
      </c>
      <c r="AD9" s="368">
        <v>1164785616</v>
      </c>
      <c r="AE9" s="368">
        <v>1155751153</v>
      </c>
      <c r="AF9" s="368">
        <v>1313434917</v>
      </c>
      <c r="AG9" s="368">
        <v>1314806839</v>
      </c>
      <c r="AH9" s="366">
        <v>5668345897</v>
      </c>
      <c r="AI9" s="365">
        <v>5668345897</v>
      </c>
      <c r="AJ9" s="369">
        <v>18494</v>
      </c>
      <c r="AK9" s="368">
        <v>536881</v>
      </c>
      <c r="AL9" s="366">
        <v>555375</v>
      </c>
      <c r="AM9" s="367">
        <v>0</v>
      </c>
      <c r="AN9" s="368">
        <v>5472259</v>
      </c>
      <c r="AO9" s="364">
        <v>26130809</v>
      </c>
      <c r="AP9" s="368">
        <v>48911606</v>
      </c>
      <c r="AQ9" s="368">
        <v>130376454</v>
      </c>
      <c r="AR9" s="368">
        <v>245240242</v>
      </c>
      <c r="AS9" s="366">
        <v>456131370</v>
      </c>
      <c r="AT9" s="365">
        <v>456686745</v>
      </c>
      <c r="AU9" s="369">
        <v>55952144</v>
      </c>
      <c r="AV9" s="368">
        <v>185416716</v>
      </c>
      <c r="AW9" s="366">
        <v>241368860</v>
      </c>
      <c r="AX9" s="367">
        <v>0</v>
      </c>
      <c r="AY9" s="368">
        <v>494803501</v>
      </c>
      <c r="AZ9" s="368">
        <v>799008719</v>
      </c>
      <c r="BA9" s="368">
        <v>521606024</v>
      </c>
      <c r="BB9" s="368">
        <v>485047666</v>
      </c>
      <c r="BC9" s="368">
        <v>443418777</v>
      </c>
      <c r="BD9" s="366">
        <v>2743884687</v>
      </c>
      <c r="BE9" s="370">
        <v>2985253547</v>
      </c>
      <c r="BF9" s="369">
        <v>8106136</v>
      </c>
      <c r="BG9" s="364">
        <v>31501408</v>
      </c>
      <c r="BH9" s="371">
        <v>39607544</v>
      </c>
      <c r="BI9" s="367">
        <v>0</v>
      </c>
      <c r="BJ9" s="368">
        <v>42845438</v>
      </c>
      <c r="BK9" s="368">
        <v>71034115</v>
      </c>
      <c r="BL9" s="368">
        <v>46401619</v>
      </c>
      <c r="BM9" s="368">
        <v>41088361</v>
      </c>
      <c r="BN9" s="368">
        <v>24596563</v>
      </c>
      <c r="BO9" s="366">
        <v>225966096</v>
      </c>
      <c r="BP9" s="365">
        <v>265573640</v>
      </c>
      <c r="BQ9" s="369">
        <v>36370807</v>
      </c>
      <c r="BR9" s="368">
        <v>45353405</v>
      </c>
      <c r="BS9" s="366">
        <v>81724212</v>
      </c>
      <c r="BT9" s="367">
        <v>0</v>
      </c>
      <c r="BU9" s="368">
        <v>259547411</v>
      </c>
      <c r="BV9" s="368">
        <v>320684607</v>
      </c>
      <c r="BW9" s="368">
        <v>295664506</v>
      </c>
      <c r="BX9" s="368">
        <v>293465349</v>
      </c>
      <c r="BY9" s="368">
        <v>227648867</v>
      </c>
      <c r="BZ9" s="366">
        <v>1397010740</v>
      </c>
      <c r="CA9" s="365">
        <v>1478734952</v>
      </c>
      <c r="CB9" s="369">
        <v>38741449</v>
      </c>
      <c r="CC9" s="368">
        <v>116466375</v>
      </c>
      <c r="CD9" s="366">
        <v>155207824</v>
      </c>
      <c r="CE9" s="367">
        <v>0</v>
      </c>
      <c r="CF9" s="368">
        <v>1444997094</v>
      </c>
      <c r="CG9" s="368">
        <v>1949615623</v>
      </c>
      <c r="CH9" s="372">
        <v>1396174185</v>
      </c>
      <c r="CI9" s="368">
        <v>945886005</v>
      </c>
      <c r="CJ9" s="368">
        <v>475181497</v>
      </c>
      <c r="CK9" s="366">
        <v>6211854404</v>
      </c>
      <c r="CL9" s="365">
        <v>6367062228</v>
      </c>
      <c r="CM9" s="360">
        <v>3892</v>
      </c>
      <c r="CN9" s="361">
        <v>50689</v>
      </c>
      <c r="CO9" s="366">
        <v>54581</v>
      </c>
      <c r="CP9" s="367">
        <v>0</v>
      </c>
      <c r="CQ9" s="368">
        <v>1216862457</v>
      </c>
      <c r="CR9" s="368">
        <v>1518287463</v>
      </c>
      <c r="CS9" s="368">
        <v>1084298847</v>
      </c>
      <c r="CT9" s="368">
        <v>716259632</v>
      </c>
      <c r="CU9" s="368">
        <v>381040214</v>
      </c>
      <c r="CV9" s="373">
        <v>4916748613</v>
      </c>
      <c r="CW9" s="365">
        <v>4916803194</v>
      </c>
      <c r="CX9" s="369">
        <v>38737557</v>
      </c>
      <c r="CY9" s="368">
        <v>116415686</v>
      </c>
      <c r="CZ9" s="366">
        <v>155153243</v>
      </c>
      <c r="DA9" s="367">
        <v>0</v>
      </c>
      <c r="DB9" s="368">
        <v>228134637</v>
      </c>
      <c r="DC9" s="368">
        <v>431328160</v>
      </c>
      <c r="DD9" s="368">
        <v>311875338</v>
      </c>
      <c r="DE9" s="368">
        <v>229626373</v>
      </c>
      <c r="DF9" s="368">
        <v>94141283</v>
      </c>
      <c r="DG9" s="366">
        <v>1295105791</v>
      </c>
      <c r="DH9" s="365">
        <v>1450259034</v>
      </c>
      <c r="DI9" s="369">
        <v>2293893</v>
      </c>
      <c r="DJ9" s="368">
        <v>9067961</v>
      </c>
      <c r="DK9" s="371">
        <v>11361854</v>
      </c>
      <c r="DL9" s="367">
        <v>0</v>
      </c>
      <c r="DM9" s="368">
        <v>131969059</v>
      </c>
      <c r="DN9" s="368">
        <v>295005936</v>
      </c>
      <c r="DO9" s="368">
        <v>537022283</v>
      </c>
      <c r="DP9" s="368">
        <v>464176626</v>
      </c>
      <c r="DQ9" s="368">
        <v>264220821</v>
      </c>
      <c r="DR9" s="374">
        <v>1692394725</v>
      </c>
      <c r="DS9" s="365">
        <v>1703756579</v>
      </c>
      <c r="DT9" s="369">
        <v>2099994</v>
      </c>
      <c r="DU9" s="368">
        <v>8273881</v>
      </c>
      <c r="DV9" s="366">
        <v>10373875</v>
      </c>
      <c r="DW9" s="367">
        <v>0</v>
      </c>
      <c r="DX9" s="368">
        <v>118438361</v>
      </c>
      <c r="DY9" s="368">
        <v>256512323</v>
      </c>
      <c r="DZ9" s="368">
        <v>481293726</v>
      </c>
      <c r="EA9" s="368">
        <v>405976060</v>
      </c>
      <c r="EB9" s="368">
        <v>225068323</v>
      </c>
      <c r="EC9" s="366">
        <v>1487288793</v>
      </c>
      <c r="ED9" s="365">
        <v>1497662668</v>
      </c>
      <c r="EE9" s="369">
        <v>193899</v>
      </c>
      <c r="EF9" s="364">
        <v>794080</v>
      </c>
      <c r="EG9" s="366">
        <v>987979</v>
      </c>
      <c r="EH9" s="370">
        <v>0</v>
      </c>
      <c r="EI9" s="368">
        <v>13530698</v>
      </c>
      <c r="EJ9" s="368">
        <v>38493613</v>
      </c>
      <c r="EK9" s="368">
        <v>55728557</v>
      </c>
      <c r="EL9" s="368">
        <v>58200566</v>
      </c>
      <c r="EM9" s="372">
        <v>39152498</v>
      </c>
      <c r="EN9" s="364">
        <v>205105932</v>
      </c>
      <c r="EO9" s="365">
        <v>206093911</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94338248</v>
      </c>
      <c r="FM9" s="368">
        <v>200532529</v>
      </c>
      <c r="FN9" s="366">
        <v>294870777</v>
      </c>
      <c r="FO9" s="367">
        <v>0</v>
      </c>
      <c r="FP9" s="368">
        <v>260032224</v>
      </c>
      <c r="FQ9" s="368">
        <v>649676264</v>
      </c>
      <c r="FR9" s="368">
        <v>465067762</v>
      </c>
      <c r="FS9" s="368">
        <v>427226059</v>
      </c>
      <c r="FT9" s="368">
        <v>309731444</v>
      </c>
      <c r="FU9" s="366">
        <v>2111733753</v>
      </c>
      <c r="FV9" s="365">
        <v>2406604530</v>
      </c>
      <c r="FW9" s="369">
        <v>54211812</v>
      </c>
      <c r="FX9" s="368">
        <v>149508790</v>
      </c>
      <c r="FY9" s="364">
        <v>203720602</v>
      </c>
      <c r="FZ9" s="370">
        <v>0</v>
      </c>
      <c r="GA9" s="368">
        <v>202319100</v>
      </c>
      <c r="GB9" s="376">
        <v>598348747</v>
      </c>
      <c r="GC9" s="368">
        <v>435071805</v>
      </c>
      <c r="GD9" s="376">
        <v>399471165</v>
      </c>
      <c r="GE9" s="368">
        <v>300088257</v>
      </c>
      <c r="GF9" s="373">
        <v>1935299074</v>
      </c>
      <c r="GG9" s="377">
        <v>2139019676</v>
      </c>
      <c r="GH9" s="378">
        <v>5499486</v>
      </c>
      <c r="GI9" s="368">
        <v>8613613</v>
      </c>
      <c r="GJ9" s="376">
        <v>14113099</v>
      </c>
      <c r="GK9" s="363">
        <v>0</v>
      </c>
      <c r="GL9" s="368">
        <v>14514720</v>
      </c>
      <c r="GM9" s="364">
        <v>16039688</v>
      </c>
      <c r="GN9" s="368">
        <v>12988143</v>
      </c>
      <c r="GO9" s="364">
        <v>12600268</v>
      </c>
      <c r="GP9" s="368">
        <v>5340237</v>
      </c>
      <c r="GQ9" s="374">
        <v>61483056</v>
      </c>
      <c r="GR9" s="365">
        <v>75596155</v>
      </c>
      <c r="GS9" s="364">
        <v>34626950</v>
      </c>
      <c r="GT9" s="368">
        <v>42410126</v>
      </c>
      <c r="GU9" s="366">
        <v>77037076</v>
      </c>
      <c r="GV9" s="364">
        <v>0</v>
      </c>
      <c r="GW9" s="368">
        <v>43198404</v>
      </c>
      <c r="GX9" s="364">
        <v>35287829</v>
      </c>
      <c r="GY9" s="368">
        <v>17007814</v>
      </c>
      <c r="GZ9" s="364">
        <v>15154626</v>
      </c>
      <c r="HA9" s="368">
        <v>4302950</v>
      </c>
      <c r="HB9" s="364">
        <v>114951623</v>
      </c>
      <c r="HC9" s="365">
        <v>191988699</v>
      </c>
      <c r="HD9" s="364">
        <v>95600193</v>
      </c>
      <c r="HE9" s="368">
        <v>120558716</v>
      </c>
      <c r="HF9" s="364">
        <v>216158909</v>
      </c>
      <c r="HG9" s="370">
        <v>0</v>
      </c>
      <c r="HH9" s="368">
        <v>995816582</v>
      </c>
      <c r="HI9" s="376">
        <v>1014049816</v>
      </c>
      <c r="HJ9" s="368">
        <v>1016613361</v>
      </c>
      <c r="HK9" s="376">
        <v>1268527305</v>
      </c>
      <c r="HL9" s="368">
        <v>804086780</v>
      </c>
      <c r="HM9" s="373">
        <v>5099093844</v>
      </c>
      <c r="HN9" s="364">
        <v>5315252753</v>
      </c>
      <c r="HO9" s="378">
        <v>72217904</v>
      </c>
      <c r="HP9" s="368">
        <v>144574346</v>
      </c>
      <c r="HQ9" s="373">
        <v>216792250</v>
      </c>
      <c r="HR9" s="364">
        <v>0</v>
      </c>
      <c r="HS9" s="368">
        <v>850133092</v>
      </c>
      <c r="HT9" s="364">
        <v>918423213</v>
      </c>
      <c r="HU9" s="368">
        <v>601946475</v>
      </c>
      <c r="HV9" s="364">
        <v>421613140</v>
      </c>
      <c r="HW9" s="368">
        <v>256173315</v>
      </c>
      <c r="HX9" s="364">
        <v>3048289235</v>
      </c>
      <c r="HY9" s="365">
        <v>3265081485</v>
      </c>
      <c r="HZ9" s="379">
        <v>9266567</v>
      </c>
      <c r="IA9" s="380">
        <v>33951619</v>
      </c>
      <c r="IB9" s="381">
        <v>43218186</v>
      </c>
      <c r="IC9" s="382">
        <v>0</v>
      </c>
      <c r="ID9" s="380">
        <v>1611680514</v>
      </c>
      <c r="IE9" s="383">
        <v>2168232400</v>
      </c>
      <c r="IF9" s="384">
        <v>2335725326</v>
      </c>
      <c r="IG9" s="380">
        <v>1731429148</v>
      </c>
      <c r="IH9" s="384">
        <v>1301544792</v>
      </c>
      <c r="II9" s="385">
        <v>9148612180</v>
      </c>
      <c r="IJ9" s="386">
        <v>9191830366</v>
      </c>
      <c r="IK9" s="387">
        <v>0</v>
      </c>
      <c r="IL9" s="388">
        <v>0</v>
      </c>
      <c r="IM9" s="389">
        <v>0</v>
      </c>
      <c r="IN9" s="390"/>
      <c r="IO9" s="391">
        <v>24854115</v>
      </c>
      <c r="IP9" s="391">
        <v>50652132</v>
      </c>
      <c r="IQ9" s="391">
        <v>69042671</v>
      </c>
      <c r="IR9" s="391">
        <v>96746106</v>
      </c>
      <c r="IS9" s="391">
        <v>115472891</v>
      </c>
      <c r="IT9" s="392">
        <v>356767915</v>
      </c>
      <c r="IU9" s="393">
        <v>356767915</v>
      </c>
      <c r="IV9" s="394">
        <v>0</v>
      </c>
      <c r="IW9" s="391">
        <v>0</v>
      </c>
      <c r="IX9" s="395">
        <v>0</v>
      </c>
      <c r="IY9" s="396"/>
      <c r="IZ9" s="391">
        <v>3776813</v>
      </c>
      <c r="JA9" s="391">
        <v>10910968</v>
      </c>
      <c r="JB9" s="391">
        <v>12207465</v>
      </c>
      <c r="JC9" s="391">
        <v>15478506</v>
      </c>
      <c r="JD9" s="391">
        <v>16815510</v>
      </c>
      <c r="JE9" s="395">
        <v>59189262</v>
      </c>
      <c r="JF9" s="397">
        <v>59189262</v>
      </c>
      <c r="JG9" s="394">
        <v>0</v>
      </c>
      <c r="JH9" s="391">
        <v>0</v>
      </c>
      <c r="JI9" s="392">
        <v>0</v>
      </c>
      <c r="JJ9" s="398">
        <v>0</v>
      </c>
      <c r="JK9" s="391">
        <v>644728233</v>
      </c>
      <c r="JL9" s="391">
        <v>769623688</v>
      </c>
      <c r="JM9" s="391">
        <v>589441948</v>
      </c>
      <c r="JN9" s="391">
        <v>357881939</v>
      </c>
      <c r="JO9" s="391">
        <v>184057945</v>
      </c>
      <c r="JP9" s="395">
        <v>2545733753</v>
      </c>
      <c r="JQ9" s="393">
        <v>2545733753</v>
      </c>
      <c r="JR9" s="394">
        <v>415410</v>
      </c>
      <c r="JS9" s="391">
        <v>500857</v>
      </c>
      <c r="JT9" s="392">
        <v>916267</v>
      </c>
      <c r="JU9" s="398">
        <v>0</v>
      </c>
      <c r="JV9" s="391">
        <v>71591196</v>
      </c>
      <c r="JW9" s="391">
        <v>109854524</v>
      </c>
      <c r="JX9" s="391">
        <v>156565137</v>
      </c>
      <c r="JY9" s="391">
        <v>92194529</v>
      </c>
      <c r="JZ9" s="391">
        <v>79230488</v>
      </c>
      <c r="KA9" s="395">
        <v>509435874</v>
      </c>
      <c r="KB9" s="393">
        <v>510352141</v>
      </c>
      <c r="KC9" s="399">
        <v>8851157</v>
      </c>
      <c r="KD9" s="400">
        <v>23983761</v>
      </c>
      <c r="KE9" s="395">
        <v>32834918</v>
      </c>
      <c r="KF9" s="398">
        <v>0</v>
      </c>
      <c r="KG9" s="391">
        <v>194362362</v>
      </c>
      <c r="KH9" s="391">
        <v>302557588</v>
      </c>
      <c r="KI9" s="391">
        <v>372920900</v>
      </c>
      <c r="KJ9" s="391">
        <v>279529047</v>
      </c>
      <c r="KK9" s="391">
        <v>161230183</v>
      </c>
      <c r="KL9" s="395">
        <v>1310600080</v>
      </c>
      <c r="KM9" s="401">
        <v>1343434998</v>
      </c>
      <c r="KN9" s="387">
        <v>0</v>
      </c>
      <c r="KO9" s="388">
        <v>9467001</v>
      </c>
      <c r="KP9" s="389">
        <v>9467001</v>
      </c>
      <c r="KQ9" s="390"/>
      <c r="KR9" s="391">
        <v>634682254</v>
      </c>
      <c r="KS9" s="391">
        <v>844148819</v>
      </c>
      <c r="KT9" s="391">
        <v>979279479</v>
      </c>
      <c r="KU9" s="391">
        <v>662760639</v>
      </c>
      <c r="KV9" s="391">
        <v>485530007</v>
      </c>
      <c r="KW9" s="395">
        <v>3606401198</v>
      </c>
      <c r="KX9" s="393">
        <v>3615868199</v>
      </c>
      <c r="KY9" s="394">
        <v>0</v>
      </c>
      <c r="KZ9" s="391">
        <v>0</v>
      </c>
      <c r="LA9" s="395">
        <v>0</v>
      </c>
      <c r="LB9" s="402"/>
      <c r="LC9" s="391">
        <v>6092666</v>
      </c>
      <c r="LD9" s="391">
        <v>7671190</v>
      </c>
      <c r="LE9" s="391">
        <v>15420628</v>
      </c>
      <c r="LF9" s="391">
        <v>15509753</v>
      </c>
      <c r="LG9" s="391">
        <v>13416849</v>
      </c>
      <c r="LH9" s="395">
        <v>58111086</v>
      </c>
      <c r="LI9" s="397">
        <v>58111086</v>
      </c>
      <c r="LJ9" s="394">
        <v>0</v>
      </c>
      <c r="LK9" s="391">
        <v>0</v>
      </c>
      <c r="LL9" s="395">
        <v>0</v>
      </c>
      <c r="LM9" s="402"/>
      <c r="LN9" s="391">
        <v>2381741</v>
      </c>
      <c r="LO9" s="391">
        <v>6924516</v>
      </c>
      <c r="LP9" s="391">
        <v>56137607</v>
      </c>
      <c r="LQ9" s="391">
        <v>98817616</v>
      </c>
      <c r="LR9" s="391">
        <v>76712857</v>
      </c>
      <c r="LS9" s="395">
        <v>240974337</v>
      </c>
      <c r="LT9" s="393">
        <v>240974337</v>
      </c>
      <c r="LU9" s="394">
        <v>0</v>
      </c>
      <c r="LV9" s="391">
        <v>0</v>
      </c>
      <c r="LW9" s="395">
        <v>0</v>
      </c>
      <c r="LX9" s="402"/>
      <c r="LY9" s="391">
        <v>29211134</v>
      </c>
      <c r="LZ9" s="391">
        <v>65888975</v>
      </c>
      <c r="MA9" s="391">
        <v>84709491</v>
      </c>
      <c r="MB9" s="391">
        <v>112511013</v>
      </c>
      <c r="MC9" s="391">
        <v>169078062</v>
      </c>
      <c r="MD9" s="395">
        <v>461398675</v>
      </c>
      <c r="ME9" s="397">
        <v>461398675</v>
      </c>
      <c r="MF9" s="394">
        <v>0</v>
      </c>
      <c r="MG9" s="391">
        <v>0</v>
      </c>
      <c r="MH9" s="395">
        <v>0</v>
      </c>
      <c r="MI9" s="402"/>
      <c r="MJ9" s="391">
        <v>522799325</v>
      </c>
      <c r="MK9" s="391">
        <v>1305287522</v>
      </c>
      <c r="ML9" s="391">
        <v>3964403922</v>
      </c>
      <c r="MM9" s="391">
        <v>6078020666</v>
      </c>
      <c r="MN9" s="391">
        <v>4276754075</v>
      </c>
      <c r="MO9" s="395">
        <v>16147265510</v>
      </c>
      <c r="MP9" s="401">
        <v>16147265510</v>
      </c>
      <c r="MQ9" s="394">
        <v>0</v>
      </c>
      <c r="MR9" s="391">
        <v>0</v>
      </c>
      <c r="MS9" s="395">
        <v>0</v>
      </c>
      <c r="MT9" s="402"/>
      <c r="MU9" s="391">
        <v>94459591</v>
      </c>
      <c r="MV9" s="391">
        <v>370224048</v>
      </c>
      <c r="MW9" s="391">
        <v>2544687669</v>
      </c>
      <c r="MX9" s="391">
        <v>4112123601</v>
      </c>
      <c r="MY9" s="391">
        <v>3025308282</v>
      </c>
      <c r="MZ9" s="395">
        <v>10146803191</v>
      </c>
      <c r="NA9" s="401">
        <v>10146803191</v>
      </c>
      <c r="NB9" s="394">
        <v>0</v>
      </c>
      <c r="NC9" s="391">
        <v>0</v>
      </c>
      <c r="ND9" s="395">
        <v>0</v>
      </c>
      <c r="NE9" s="402"/>
      <c r="NF9" s="391">
        <v>424516408</v>
      </c>
      <c r="NG9" s="391">
        <v>926889131</v>
      </c>
      <c r="NH9" s="391">
        <v>1393018775</v>
      </c>
      <c r="NI9" s="391">
        <v>1785650672</v>
      </c>
      <c r="NJ9" s="391">
        <v>982569241</v>
      </c>
      <c r="NK9" s="395">
        <v>5512644227</v>
      </c>
      <c r="NL9" s="393">
        <v>5512644227</v>
      </c>
      <c r="NM9" s="394">
        <v>0</v>
      </c>
      <c r="NN9" s="391">
        <v>0</v>
      </c>
      <c r="NO9" s="395">
        <v>0</v>
      </c>
      <c r="NP9" s="402"/>
      <c r="NQ9" s="391">
        <v>75471</v>
      </c>
      <c r="NR9" s="391">
        <v>770597</v>
      </c>
      <c r="NS9" s="391">
        <v>4514206</v>
      </c>
      <c r="NT9" s="391">
        <v>38132251</v>
      </c>
      <c r="NU9" s="391">
        <v>51883672</v>
      </c>
      <c r="NV9" s="395">
        <v>95376197</v>
      </c>
      <c r="NW9" s="397">
        <v>95376197</v>
      </c>
      <c r="NX9" s="394">
        <v>0</v>
      </c>
      <c r="NY9" s="391">
        <v>0</v>
      </c>
      <c r="NZ9" s="395">
        <v>0</v>
      </c>
      <c r="OA9" s="402"/>
      <c r="OB9" s="391">
        <v>3747855</v>
      </c>
      <c r="OC9" s="391">
        <v>7403746</v>
      </c>
      <c r="OD9" s="391">
        <v>22183272</v>
      </c>
      <c r="OE9" s="391">
        <v>142114142</v>
      </c>
      <c r="OF9" s="391">
        <v>216992880</v>
      </c>
      <c r="OG9" s="395">
        <v>392441895</v>
      </c>
      <c r="OH9" s="397">
        <v>392441895</v>
      </c>
      <c r="OI9" s="394">
        <v>412905835</v>
      </c>
      <c r="OJ9" s="391">
        <v>887959956</v>
      </c>
      <c r="OK9" s="392">
        <v>1300865791</v>
      </c>
      <c r="OL9" s="398">
        <v>0</v>
      </c>
      <c r="OM9" s="391">
        <v>7339663871</v>
      </c>
      <c r="ON9" s="391">
        <v>10681934640</v>
      </c>
      <c r="OO9" s="391">
        <v>12385288222</v>
      </c>
      <c r="OP9" s="391">
        <v>13600291696</v>
      </c>
      <c r="OQ9" s="391">
        <v>9943404012</v>
      </c>
      <c r="OR9" s="395">
        <v>53950582441</v>
      </c>
      <c r="OS9" s="401">
        <v>55251448232</v>
      </c>
    </row>
    <row r="10" spans="1:409" s="403" customFormat="1" ht="21" customHeight="1" x14ac:dyDescent="0.2">
      <c r="A10" s="39"/>
      <c r="B10" s="471" t="s">
        <v>5</v>
      </c>
      <c r="C10" s="404">
        <v>162089532</v>
      </c>
      <c r="D10" s="405">
        <v>399405825</v>
      </c>
      <c r="E10" s="406">
        <v>561495357</v>
      </c>
      <c r="F10" s="407">
        <v>0</v>
      </c>
      <c r="G10" s="405">
        <v>1815193979</v>
      </c>
      <c r="H10" s="405">
        <v>3241192920</v>
      </c>
      <c r="I10" s="405">
        <v>2512369960</v>
      </c>
      <c r="J10" s="405">
        <v>2364273397</v>
      </c>
      <c r="K10" s="405">
        <v>1809749150</v>
      </c>
      <c r="L10" s="407">
        <v>11742779406</v>
      </c>
      <c r="M10" s="408">
        <v>12304274763</v>
      </c>
      <c r="N10" s="404">
        <v>43740791</v>
      </c>
      <c r="O10" s="405">
        <v>139685676</v>
      </c>
      <c r="P10" s="406">
        <v>183426467</v>
      </c>
      <c r="Q10" s="404">
        <v>0</v>
      </c>
      <c r="R10" s="405">
        <v>550387667</v>
      </c>
      <c r="S10" s="405">
        <v>1127983782</v>
      </c>
      <c r="T10" s="405">
        <v>876800447</v>
      </c>
      <c r="U10" s="405">
        <v>918944424</v>
      </c>
      <c r="V10" s="405">
        <v>933746457</v>
      </c>
      <c r="W10" s="406">
        <v>4407862777</v>
      </c>
      <c r="X10" s="408">
        <v>4591289244</v>
      </c>
      <c r="Y10" s="404">
        <v>0</v>
      </c>
      <c r="Z10" s="405">
        <v>0</v>
      </c>
      <c r="AA10" s="406">
        <v>0</v>
      </c>
      <c r="AB10" s="404">
        <v>0</v>
      </c>
      <c r="AC10" s="405">
        <v>254421738</v>
      </c>
      <c r="AD10" s="405">
        <v>525245134</v>
      </c>
      <c r="AE10" s="405">
        <v>453686500</v>
      </c>
      <c r="AF10" s="405">
        <v>496359107</v>
      </c>
      <c r="AG10" s="405">
        <v>515844895</v>
      </c>
      <c r="AH10" s="406">
        <v>2245557374</v>
      </c>
      <c r="AI10" s="408">
        <v>2245557374</v>
      </c>
      <c r="AJ10" s="404">
        <v>0</v>
      </c>
      <c r="AK10" s="405">
        <v>196271</v>
      </c>
      <c r="AL10" s="406">
        <v>196271</v>
      </c>
      <c r="AM10" s="404">
        <v>0</v>
      </c>
      <c r="AN10" s="405">
        <v>1167219</v>
      </c>
      <c r="AO10" s="405">
        <v>8937105</v>
      </c>
      <c r="AP10" s="405">
        <v>18356056</v>
      </c>
      <c r="AQ10" s="405">
        <v>53016321</v>
      </c>
      <c r="AR10" s="405">
        <v>109390346</v>
      </c>
      <c r="AS10" s="406">
        <v>190867047</v>
      </c>
      <c r="AT10" s="408">
        <v>191063318</v>
      </c>
      <c r="AU10" s="404">
        <v>24633282</v>
      </c>
      <c r="AV10" s="405">
        <v>99902271</v>
      </c>
      <c r="AW10" s="406">
        <v>124535553</v>
      </c>
      <c r="AX10" s="404">
        <v>0</v>
      </c>
      <c r="AY10" s="405">
        <v>184488685</v>
      </c>
      <c r="AZ10" s="405">
        <v>422813729</v>
      </c>
      <c r="BA10" s="405">
        <v>262539324</v>
      </c>
      <c r="BB10" s="405">
        <v>228728663</v>
      </c>
      <c r="BC10" s="405">
        <v>203238619</v>
      </c>
      <c r="BD10" s="406">
        <v>1301809020</v>
      </c>
      <c r="BE10" s="408">
        <v>1426344573</v>
      </c>
      <c r="BF10" s="404">
        <v>3379114</v>
      </c>
      <c r="BG10" s="405">
        <v>16947927</v>
      </c>
      <c r="BH10" s="409">
        <v>20327041</v>
      </c>
      <c r="BI10" s="410">
        <v>0</v>
      </c>
      <c r="BJ10" s="405">
        <v>10193011</v>
      </c>
      <c r="BK10" s="405">
        <v>27574039</v>
      </c>
      <c r="BL10" s="405">
        <v>19202309</v>
      </c>
      <c r="BM10" s="405">
        <v>17050728</v>
      </c>
      <c r="BN10" s="405">
        <v>9589096</v>
      </c>
      <c r="BO10" s="406">
        <v>83609183</v>
      </c>
      <c r="BP10" s="408">
        <v>103936224</v>
      </c>
      <c r="BQ10" s="404">
        <v>15728395</v>
      </c>
      <c r="BR10" s="405">
        <v>22639207</v>
      </c>
      <c r="BS10" s="406">
        <v>38367602</v>
      </c>
      <c r="BT10" s="404">
        <v>0</v>
      </c>
      <c r="BU10" s="405">
        <v>100117014</v>
      </c>
      <c r="BV10" s="405">
        <v>143413775</v>
      </c>
      <c r="BW10" s="405">
        <v>123016258</v>
      </c>
      <c r="BX10" s="405">
        <v>123789605</v>
      </c>
      <c r="BY10" s="405">
        <v>95683501</v>
      </c>
      <c r="BZ10" s="406">
        <v>586020153</v>
      </c>
      <c r="CA10" s="408">
        <v>624387755</v>
      </c>
      <c r="CB10" s="404">
        <v>16374214</v>
      </c>
      <c r="CC10" s="405">
        <v>52124754</v>
      </c>
      <c r="CD10" s="406">
        <v>68498968</v>
      </c>
      <c r="CE10" s="404">
        <v>0</v>
      </c>
      <c r="CF10" s="405">
        <v>459084870</v>
      </c>
      <c r="CG10" s="405">
        <v>806478807</v>
      </c>
      <c r="CH10" s="405">
        <v>528277392</v>
      </c>
      <c r="CI10" s="405">
        <v>347323631</v>
      </c>
      <c r="CJ10" s="405">
        <v>177499048</v>
      </c>
      <c r="CK10" s="406">
        <v>2318663748</v>
      </c>
      <c r="CL10" s="408">
        <v>2387162716</v>
      </c>
      <c r="CM10" s="404">
        <v>0</v>
      </c>
      <c r="CN10" s="405">
        <v>50689</v>
      </c>
      <c r="CO10" s="406">
        <v>50689</v>
      </c>
      <c r="CP10" s="410">
        <v>0</v>
      </c>
      <c r="CQ10" s="405">
        <v>389746322</v>
      </c>
      <c r="CR10" s="405">
        <v>610688191</v>
      </c>
      <c r="CS10" s="405">
        <v>390152968</v>
      </c>
      <c r="CT10" s="405">
        <v>243797637</v>
      </c>
      <c r="CU10" s="405">
        <v>135907545</v>
      </c>
      <c r="CV10" s="406">
        <v>1770292663</v>
      </c>
      <c r="CW10" s="408">
        <v>1770343352</v>
      </c>
      <c r="CX10" s="404">
        <v>16374214</v>
      </c>
      <c r="CY10" s="405">
        <v>52074065</v>
      </c>
      <c r="CZ10" s="406">
        <v>68448279</v>
      </c>
      <c r="DA10" s="404">
        <v>0</v>
      </c>
      <c r="DB10" s="405">
        <v>69338548</v>
      </c>
      <c r="DC10" s="405">
        <v>195790616</v>
      </c>
      <c r="DD10" s="405">
        <v>138124424</v>
      </c>
      <c r="DE10" s="405">
        <v>103525994</v>
      </c>
      <c r="DF10" s="405">
        <v>41591503</v>
      </c>
      <c r="DG10" s="406">
        <v>548371085</v>
      </c>
      <c r="DH10" s="408">
        <v>616819364</v>
      </c>
      <c r="DI10" s="404">
        <v>836818</v>
      </c>
      <c r="DJ10" s="405">
        <v>3852678</v>
      </c>
      <c r="DK10" s="409">
        <v>4689496</v>
      </c>
      <c r="DL10" s="410">
        <v>0</v>
      </c>
      <c r="DM10" s="405">
        <v>42939929</v>
      </c>
      <c r="DN10" s="405">
        <v>118300793</v>
      </c>
      <c r="DO10" s="405">
        <v>221408087</v>
      </c>
      <c r="DP10" s="405">
        <v>184179070</v>
      </c>
      <c r="DQ10" s="405">
        <v>110002344</v>
      </c>
      <c r="DR10" s="406">
        <v>676830223</v>
      </c>
      <c r="DS10" s="408">
        <v>681519719</v>
      </c>
      <c r="DT10" s="404">
        <v>717069</v>
      </c>
      <c r="DU10" s="405">
        <v>3260683</v>
      </c>
      <c r="DV10" s="406">
        <v>3977752</v>
      </c>
      <c r="DW10" s="404">
        <v>0</v>
      </c>
      <c r="DX10" s="405">
        <v>35864615</v>
      </c>
      <c r="DY10" s="405">
        <v>95973919</v>
      </c>
      <c r="DZ10" s="405">
        <v>188591797</v>
      </c>
      <c r="EA10" s="405">
        <v>151829489</v>
      </c>
      <c r="EB10" s="405">
        <v>84542268</v>
      </c>
      <c r="EC10" s="406">
        <v>556802088</v>
      </c>
      <c r="ED10" s="408">
        <v>560779840</v>
      </c>
      <c r="EE10" s="404">
        <v>119749</v>
      </c>
      <c r="EF10" s="409">
        <v>591995</v>
      </c>
      <c r="EG10" s="406">
        <v>711744</v>
      </c>
      <c r="EH10" s="404">
        <v>0</v>
      </c>
      <c r="EI10" s="405">
        <v>7075314</v>
      </c>
      <c r="EJ10" s="405">
        <v>22326874</v>
      </c>
      <c r="EK10" s="405">
        <v>32816290</v>
      </c>
      <c r="EL10" s="405">
        <v>32349581</v>
      </c>
      <c r="EM10" s="405">
        <v>25460076</v>
      </c>
      <c r="EN10" s="409">
        <v>120028135</v>
      </c>
      <c r="EO10" s="408">
        <v>120739879</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33577419</v>
      </c>
      <c r="FM10" s="405">
        <v>84240434</v>
      </c>
      <c r="FN10" s="406">
        <v>117817853</v>
      </c>
      <c r="FO10" s="404">
        <v>0</v>
      </c>
      <c r="FP10" s="405">
        <v>73012566</v>
      </c>
      <c r="FQ10" s="405">
        <v>279204798</v>
      </c>
      <c r="FR10" s="405">
        <v>188133083</v>
      </c>
      <c r="FS10" s="405">
        <v>167284449</v>
      </c>
      <c r="FT10" s="405">
        <v>126525503</v>
      </c>
      <c r="FU10" s="406">
        <v>834160399</v>
      </c>
      <c r="FV10" s="408">
        <v>951978252</v>
      </c>
      <c r="FW10" s="412">
        <v>17048294</v>
      </c>
      <c r="FX10" s="405">
        <v>61742499</v>
      </c>
      <c r="FY10" s="409">
        <v>78790793</v>
      </c>
      <c r="FZ10" s="410">
        <v>0</v>
      </c>
      <c r="GA10" s="405">
        <v>53935181</v>
      </c>
      <c r="GB10" s="405">
        <v>259898645</v>
      </c>
      <c r="GC10" s="405">
        <v>175973722</v>
      </c>
      <c r="GD10" s="405">
        <v>156001552</v>
      </c>
      <c r="GE10" s="405">
        <v>121424497</v>
      </c>
      <c r="GF10" s="406">
        <v>767233597</v>
      </c>
      <c r="GG10" s="413">
        <v>846024390</v>
      </c>
      <c r="GH10" s="412">
        <v>1902002</v>
      </c>
      <c r="GI10" s="405">
        <v>3219954</v>
      </c>
      <c r="GJ10" s="409">
        <v>5121956</v>
      </c>
      <c r="GK10" s="410">
        <v>0</v>
      </c>
      <c r="GL10" s="405">
        <v>4407822</v>
      </c>
      <c r="GM10" s="405">
        <v>5644043</v>
      </c>
      <c r="GN10" s="405">
        <v>5036172</v>
      </c>
      <c r="GO10" s="405">
        <v>4777846</v>
      </c>
      <c r="GP10" s="405">
        <v>2763457</v>
      </c>
      <c r="GQ10" s="406">
        <v>22629340</v>
      </c>
      <c r="GR10" s="408">
        <v>27751296</v>
      </c>
      <c r="GS10" s="404">
        <v>14627123</v>
      </c>
      <c r="GT10" s="405">
        <v>19277981</v>
      </c>
      <c r="GU10" s="406">
        <v>33905104</v>
      </c>
      <c r="GV10" s="404">
        <v>0</v>
      </c>
      <c r="GW10" s="405">
        <v>14669563</v>
      </c>
      <c r="GX10" s="405">
        <v>13662110</v>
      </c>
      <c r="GY10" s="405">
        <v>7123189</v>
      </c>
      <c r="GZ10" s="405">
        <v>6505051</v>
      </c>
      <c r="HA10" s="405">
        <v>2337549</v>
      </c>
      <c r="HB10" s="409">
        <v>44297462</v>
      </c>
      <c r="HC10" s="408">
        <v>78202566</v>
      </c>
      <c r="HD10" s="404">
        <v>40951947</v>
      </c>
      <c r="HE10" s="405">
        <v>54688913</v>
      </c>
      <c r="HF10" s="409">
        <v>95640860</v>
      </c>
      <c r="HG10" s="410">
        <v>0</v>
      </c>
      <c r="HH10" s="405">
        <v>401585203</v>
      </c>
      <c r="HI10" s="405">
        <v>482847772</v>
      </c>
      <c r="HJ10" s="405">
        <v>439896168</v>
      </c>
      <c r="HK10" s="405">
        <v>569454297</v>
      </c>
      <c r="HL10" s="405">
        <v>353145590</v>
      </c>
      <c r="HM10" s="406">
        <v>2246929030</v>
      </c>
      <c r="HN10" s="407">
        <v>2342569890</v>
      </c>
      <c r="HO10" s="412">
        <v>26608343</v>
      </c>
      <c r="HP10" s="405">
        <v>64813370</v>
      </c>
      <c r="HQ10" s="406">
        <v>91421713</v>
      </c>
      <c r="HR10" s="404">
        <v>0</v>
      </c>
      <c r="HS10" s="405">
        <v>288183744</v>
      </c>
      <c r="HT10" s="405">
        <v>426376968</v>
      </c>
      <c r="HU10" s="405">
        <v>257854783</v>
      </c>
      <c r="HV10" s="405">
        <v>177087526</v>
      </c>
      <c r="HW10" s="405">
        <v>108830208</v>
      </c>
      <c r="HX10" s="409">
        <v>1258333229</v>
      </c>
      <c r="HY10" s="408">
        <v>1349754942</v>
      </c>
      <c r="HZ10" s="414">
        <v>4207637</v>
      </c>
      <c r="IA10" s="415">
        <v>13258420</v>
      </c>
      <c r="IB10" s="416">
        <v>17466057</v>
      </c>
      <c r="IC10" s="417">
        <v>0</v>
      </c>
      <c r="ID10" s="418">
        <v>630589348</v>
      </c>
      <c r="IE10" s="419">
        <v>974054110</v>
      </c>
      <c r="IF10" s="420">
        <v>1003215241</v>
      </c>
      <c r="IG10" s="418">
        <v>735530910</v>
      </c>
      <c r="IH10" s="420">
        <v>575344638</v>
      </c>
      <c r="II10" s="421">
        <v>3918734247</v>
      </c>
      <c r="IJ10" s="422">
        <v>3936200304</v>
      </c>
      <c r="IK10" s="423">
        <v>0</v>
      </c>
      <c r="IL10" s="424">
        <v>0</v>
      </c>
      <c r="IM10" s="425">
        <v>0</v>
      </c>
      <c r="IN10" s="426"/>
      <c r="IO10" s="427">
        <v>9520984</v>
      </c>
      <c r="IP10" s="427">
        <v>22316198</v>
      </c>
      <c r="IQ10" s="427">
        <v>35354766</v>
      </c>
      <c r="IR10" s="427">
        <v>49633922</v>
      </c>
      <c r="IS10" s="427">
        <v>57785121</v>
      </c>
      <c r="IT10" s="428">
        <v>174610991</v>
      </c>
      <c r="IU10" s="429">
        <v>174610991</v>
      </c>
      <c r="IV10" s="430">
        <v>0</v>
      </c>
      <c r="IW10" s="427">
        <v>0</v>
      </c>
      <c r="IX10" s="431">
        <v>0</v>
      </c>
      <c r="IY10" s="432"/>
      <c r="IZ10" s="427">
        <v>2018235</v>
      </c>
      <c r="JA10" s="427">
        <v>7766537</v>
      </c>
      <c r="JB10" s="427">
        <v>8942549</v>
      </c>
      <c r="JC10" s="427">
        <v>11553055</v>
      </c>
      <c r="JD10" s="427">
        <v>12963402</v>
      </c>
      <c r="JE10" s="431">
        <v>43243778</v>
      </c>
      <c r="JF10" s="433">
        <v>43243778</v>
      </c>
      <c r="JG10" s="430">
        <v>0</v>
      </c>
      <c r="JH10" s="427">
        <v>0</v>
      </c>
      <c r="JI10" s="428">
        <v>0</v>
      </c>
      <c r="JJ10" s="434">
        <v>0</v>
      </c>
      <c r="JK10" s="427">
        <v>223321036</v>
      </c>
      <c r="JL10" s="427">
        <v>360849229</v>
      </c>
      <c r="JM10" s="427">
        <v>267832879</v>
      </c>
      <c r="JN10" s="427">
        <v>164594803</v>
      </c>
      <c r="JO10" s="427">
        <v>81928899</v>
      </c>
      <c r="JP10" s="431">
        <v>1098526846</v>
      </c>
      <c r="JQ10" s="429">
        <v>1098526846</v>
      </c>
      <c r="JR10" s="430">
        <v>313903</v>
      </c>
      <c r="JS10" s="427">
        <v>243828</v>
      </c>
      <c r="JT10" s="428">
        <v>557731</v>
      </c>
      <c r="JU10" s="434">
        <v>0</v>
      </c>
      <c r="JV10" s="427">
        <v>35750004</v>
      </c>
      <c r="JW10" s="427">
        <v>59393149</v>
      </c>
      <c r="JX10" s="427">
        <v>81878564</v>
      </c>
      <c r="JY10" s="427">
        <v>50320402</v>
      </c>
      <c r="JZ10" s="427">
        <v>44167326</v>
      </c>
      <c r="KA10" s="431">
        <v>271509445</v>
      </c>
      <c r="KB10" s="429">
        <v>272067176</v>
      </c>
      <c r="KC10" s="435">
        <v>3893734</v>
      </c>
      <c r="KD10" s="436">
        <v>9825091</v>
      </c>
      <c r="KE10" s="431">
        <v>13718825</v>
      </c>
      <c r="KF10" s="434">
        <v>0</v>
      </c>
      <c r="KG10" s="427">
        <v>71260790</v>
      </c>
      <c r="KH10" s="427">
        <v>137129353</v>
      </c>
      <c r="KI10" s="427">
        <v>158370352</v>
      </c>
      <c r="KJ10" s="427">
        <v>124270088</v>
      </c>
      <c r="KK10" s="427">
        <v>82173268</v>
      </c>
      <c r="KL10" s="431">
        <v>573203851</v>
      </c>
      <c r="KM10" s="437">
        <v>586922676</v>
      </c>
      <c r="KN10" s="423">
        <v>0</v>
      </c>
      <c r="KO10" s="424">
        <v>3189501</v>
      </c>
      <c r="KP10" s="425">
        <v>3189501</v>
      </c>
      <c r="KQ10" s="426"/>
      <c r="KR10" s="427">
        <v>282819766</v>
      </c>
      <c r="KS10" s="427">
        <v>368347844</v>
      </c>
      <c r="KT10" s="427">
        <v>421189098</v>
      </c>
      <c r="KU10" s="427">
        <v>293630319</v>
      </c>
      <c r="KV10" s="427">
        <v>220172943</v>
      </c>
      <c r="KW10" s="431">
        <v>1586159970</v>
      </c>
      <c r="KX10" s="429">
        <v>1589349471</v>
      </c>
      <c r="KY10" s="430">
        <v>0</v>
      </c>
      <c r="KZ10" s="427">
        <v>0</v>
      </c>
      <c r="LA10" s="431">
        <v>0</v>
      </c>
      <c r="LB10" s="438"/>
      <c r="LC10" s="427">
        <v>0</v>
      </c>
      <c r="LD10" s="427">
        <v>381440</v>
      </c>
      <c r="LE10" s="427">
        <v>1275846</v>
      </c>
      <c r="LF10" s="427">
        <v>232999</v>
      </c>
      <c r="LG10" s="427">
        <v>763830</v>
      </c>
      <c r="LH10" s="431">
        <v>2654115</v>
      </c>
      <c r="LI10" s="433">
        <v>2654115</v>
      </c>
      <c r="LJ10" s="430">
        <v>0</v>
      </c>
      <c r="LK10" s="427">
        <v>0</v>
      </c>
      <c r="LL10" s="431">
        <v>0</v>
      </c>
      <c r="LM10" s="438"/>
      <c r="LN10" s="427">
        <v>1283565</v>
      </c>
      <c r="LO10" s="427">
        <v>2391954</v>
      </c>
      <c r="LP10" s="427">
        <v>7328186</v>
      </c>
      <c r="LQ10" s="427">
        <v>12375354</v>
      </c>
      <c r="LR10" s="427">
        <v>11419316</v>
      </c>
      <c r="LS10" s="431">
        <v>34798375</v>
      </c>
      <c r="LT10" s="429">
        <v>34798375</v>
      </c>
      <c r="LU10" s="430">
        <v>0</v>
      </c>
      <c r="LV10" s="427">
        <v>0</v>
      </c>
      <c r="LW10" s="431">
        <v>0</v>
      </c>
      <c r="LX10" s="438"/>
      <c r="LY10" s="427">
        <v>4614968</v>
      </c>
      <c r="LZ10" s="427">
        <v>15478406</v>
      </c>
      <c r="MA10" s="427">
        <v>21043001</v>
      </c>
      <c r="MB10" s="427">
        <v>28919968</v>
      </c>
      <c r="MC10" s="427">
        <v>63970533</v>
      </c>
      <c r="MD10" s="431">
        <v>134026876</v>
      </c>
      <c r="ME10" s="433">
        <v>134026876</v>
      </c>
      <c r="MF10" s="430">
        <v>0</v>
      </c>
      <c r="MG10" s="427">
        <v>0</v>
      </c>
      <c r="MH10" s="431">
        <v>0</v>
      </c>
      <c r="MI10" s="438"/>
      <c r="MJ10" s="427">
        <v>218635485</v>
      </c>
      <c r="MK10" s="427">
        <v>670532551</v>
      </c>
      <c r="ML10" s="427">
        <v>1737651544</v>
      </c>
      <c r="MM10" s="427">
        <v>2629207359</v>
      </c>
      <c r="MN10" s="427">
        <v>1888355277</v>
      </c>
      <c r="MO10" s="431">
        <v>7144382216</v>
      </c>
      <c r="MP10" s="437">
        <v>7144382216</v>
      </c>
      <c r="MQ10" s="430">
        <v>0</v>
      </c>
      <c r="MR10" s="427">
        <v>0</v>
      </c>
      <c r="MS10" s="431">
        <v>0</v>
      </c>
      <c r="MT10" s="438"/>
      <c r="MU10" s="427">
        <v>55974222</v>
      </c>
      <c r="MV10" s="427">
        <v>244940137</v>
      </c>
      <c r="MW10" s="427">
        <v>1131105422</v>
      </c>
      <c r="MX10" s="427">
        <v>1745136983</v>
      </c>
      <c r="MY10" s="427">
        <v>1316105704</v>
      </c>
      <c r="MZ10" s="431">
        <v>4493262468</v>
      </c>
      <c r="NA10" s="437">
        <v>4493262468</v>
      </c>
      <c r="NB10" s="430">
        <v>0</v>
      </c>
      <c r="NC10" s="427">
        <v>0</v>
      </c>
      <c r="ND10" s="431">
        <v>0</v>
      </c>
      <c r="NE10" s="438"/>
      <c r="NF10" s="427">
        <v>162187953</v>
      </c>
      <c r="NG10" s="427">
        <v>423916103</v>
      </c>
      <c r="NH10" s="427">
        <v>600766793</v>
      </c>
      <c r="NI10" s="427">
        <v>821634152</v>
      </c>
      <c r="NJ10" s="427">
        <v>480193130</v>
      </c>
      <c r="NK10" s="431">
        <v>2488698131</v>
      </c>
      <c r="NL10" s="429">
        <v>2488698131</v>
      </c>
      <c r="NM10" s="430">
        <v>0</v>
      </c>
      <c r="NN10" s="427">
        <v>0</v>
      </c>
      <c r="NO10" s="431">
        <v>0</v>
      </c>
      <c r="NP10" s="438"/>
      <c r="NQ10" s="427">
        <v>0</v>
      </c>
      <c r="NR10" s="427">
        <v>0</v>
      </c>
      <c r="NS10" s="427">
        <v>971732</v>
      </c>
      <c r="NT10" s="427">
        <v>13248749</v>
      </c>
      <c r="NU10" s="427">
        <v>16419819</v>
      </c>
      <c r="NV10" s="431">
        <v>30640300</v>
      </c>
      <c r="NW10" s="433">
        <v>30640300</v>
      </c>
      <c r="NX10" s="430">
        <v>0</v>
      </c>
      <c r="NY10" s="427">
        <v>0</v>
      </c>
      <c r="NZ10" s="431">
        <v>0</v>
      </c>
      <c r="OA10" s="438"/>
      <c r="OB10" s="427">
        <v>473310</v>
      </c>
      <c r="OC10" s="427">
        <v>1676311</v>
      </c>
      <c r="OD10" s="427">
        <v>4807597</v>
      </c>
      <c r="OE10" s="427">
        <v>49187475</v>
      </c>
      <c r="OF10" s="427">
        <v>75636624</v>
      </c>
      <c r="OG10" s="431">
        <v>131781317</v>
      </c>
      <c r="OH10" s="433">
        <v>131781317</v>
      </c>
      <c r="OI10" s="430">
        <v>166297169</v>
      </c>
      <c r="OJ10" s="427">
        <v>412664245</v>
      </c>
      <c r="OK10" s="428">
        <v>578961414</v>
      </c>
      <c r="OL10" s="434">
        <v>0</v>
      </c>
      <c r="OM10" s="427">
        <v>2664418812</v>
      </c>
      <c r="ON10" s="427">
        <v>4885779581</v>
      </c>
      <c r="OO10" s="427">
        <v>5253236745</v>
      </c>
      <c r="OP10" s="427">
        <v>5729011666</v>
      </c>
      <c r="OQ10" s="427">
        <v>4273449065</v>
      </c>
      <c r="OR10" s="431">
        <v>22805895869</v>
      </c>
      <c r="OS10" s="437">
        <v>23384857283</v>
      </c>
    </row>
    <row r="11" spans="1:409" ht="21" customHeight="1" x14ac:dyDescent="0.2">
      <c r="B11" s="472" t="s">
        <v>6</v>
      </c>
      <c r="C11" s="100">
        <v>55386711</v>
      </c>
      <c r="D11" s="104">
        <v>102148793</v>
      </c>
      <c r="E11" s="103">
        <v>157535504</v>
      </c>
      <c r="F11" s="99">
        <v>0</v>
      </c>
      <c r="G11" s="104">
        <v>863333749</v>
      </c>
      <c r="H11" s="104">
        <v>957897944</v>
      </c>
      <c r="I11" s="104">
        <v>858589565</v>
      </c>
      <c r="J11" s="104">
        <v>852739854</v>
      </c>
      <c r="K11" s="104">
        <v>693627279</v>
      </c>
      <c r="L11" s="99">
        <v>4226188391</v>
      </c>
      <c r="M11" s="106">
        <v>4383723895</v>
      </c>
      <c r="N11" s="100">
        <v>15468739</v>
      </c>
      <c r="O11" s="104">
        <v>33523319</v>
      </c>
      <c r="P11" s="103">
        <v>48992058</v>
      </c>
      <c r="Q11" s="100">
        <v>0</v>
      </c>
      <c r="R11" s="104">
        <v>283907132</v>
      </c>
      <c r="S11" s="104">
        <v>343616064</v>
      </c>
      <c r="T11" s="104">
        <v>307436186</v>
      </c>
      <c r="U11" s="104">
        <v>353257686</v>
      </c>
      <c r="V11" s="104">
        <v>369895514</v>
      </c>
      <c r="W11" s="103">
        <v>1658112582</v>
      </c>
      <c r="X11" s="106">
        <v>1707104640</v>
      </c>
      <c r="Y11" s="100">
        <v>0</v>
      </c>
      <c r="Z11" s="104">
        <v>0</v>
      </c>
      <c r="AA11" s="103">
        <v>0</v>
      </c>
      <c r="AB11" s="100">
        <v>0</v>
      </c>
      <c r="AC11" s="104">
        <v>133013587</v>
      </c>
      <c r="AD11" s="104">
        <v>170781430</v>
      </c>
      <c r="AE11" s="104">
        <v>172634516</v>
      </c>
      <c r="AF11" s="104">
        <v>210652758</v>
      </c>
      <c r="AG11" s="104">
        <v>216867082</v>
      </c>
      <c r="AH11" s="103">
        <v>903949373</v>
      </c>
      <c r="AI11" s="106">
        <v>903949373</v>
      </c>
      <c r="AJ11" s="100">
        <v>18494</v>
      </c>
      <c r="AK11" s="104">
        <v>46216</v>
      </c>
      <c r="AL11" s="103">
        <v>64710</v>
      </c>
      <c r="AM11" s="100">
        <v>0</v>
      </c>
      <c r="AN11" s="104">
        <v>1006660</v>
      </c>
      <c r="AO11" s="104">
        <v>3399516</v>
      </c>
      <c r="AP11" s="104">
        <v>7195874</v>
      </c>
      <c r="AQ11" s="104">
        <v>16958787</v>
      </c>
      <c r="AR11" s="104">
        <v>36994638</v>
      </c>
      <c r="AS11" s="103">
        <v>65555475</v>
      </c>
      <c r="AT11" s="106">
        <v>65620185</v>
      </c>
      <c r="AU11" s="100">
        <v>8874865</v>
      </c>
      <c r="AV11" s="104">
        <v>24416988</v>
      </c>
      <c r="AW11" s="103">
        <v>33291853</v>
      </c>
      <c r="AX11" s="100">
        <v>0</v>
      </c>
      <c r="AY11" s="104">
        <v>94509357</v>
      </c>
      <c r="AZ11" s="104">
        <v>107221263</v>
      </c>
      <c r="BA11" s="104">
        <v>73778569</v>
      </c>
      <c r="BB11" s="104">
        <v>71915135</v>
      </c>
      <c r="BC11" s="104">
        <v>70945652</v>
      </c>
      <c r="BD11" s="103">
        <v>418369976</v>
      </c>
      <c r="BE11" s="106">
        <v>451661829</v>
      </c>
      <c r="BF11" s="100">
        <v>560685</v>
      </c>
      <c r="BG11" s="104">
        <v>2354509</v>
      </c>
      <c r="BH11" s="102">
        <v>2915194</v>
      </c>
      <c r="BI11" s="101">
        <v>0</v>
      </c>
      <c r="BJ11" s="104">
        <v>7007688</v>
      </c>
      <c r="BK11" s="104">
        <v>8992372</v>
      </c>
      <c r="BL11" s="104">
        <v>5127893</v>
      </c>
      <c r="BM11" s="104">
        <v>5717826</v>
      </c>
      <c r="BN11" s="104">
        <v>3661289</v>
      </c>
      <c r="BO11" s="103">
        <v>30507068</v>
      </c>
      <c r="BP11" s="106">
        <v>33422262</v>
      </c>
      <c r="BQ11" s="100">
        <v>6014695</v>
      </c>
      <c r="BR11" s="104">
        <v>6705606</v>
      </c>
      <c r="BS11" s="103">
        <v>12720301</v>
      </c>
      <c r="BT11" s="100">
        <v>0</v>
      </c>
      <c r="BU11" s="104">
        <v>48369840</v>
      </c>
      <c r="BV11" s="104">
        <v>53221483</v>
      </c>
      <c r="BW11" s="104">
        <v>48699334</v>
      </c>
      <c r="BX11" s="104">
        <v>48013180</v>
      </c>
      <c r="BY11" s="104">
        <v>41426853</v>
      </c>
      <c r="BZ11" s="103">
        <v>239730690</v>
      </c>
      <c r="CA11" s="106">
        <v>252450991</v>
      </c>
      <c r="CB11" s="100">
        <v>2894673</v>
      </c>
      <c r="CC11" s="104">
        <v>9401945</v>
      </c>
      <c r="CD11" s="103">
        <v>12296618</v>
      </c>
      <c r="CE11" s="100">
        <v>0</v>
      </c>
      <c r="CF11" s="104">
        <v>232772133</v>
      </c>
      <c r="CG11" s="104">
        <v>249891614</v>
      </c>
      <c r="CH11" s="104">
        <v>192603623</v>
      </c>
      <c r="CI11" s="104">
        <v>138289774</v>
      </c>
      <c r="CJ11" s="104">
        <v>75132648</v>
      </c>
      <c r="CK11" s="103">
        <v>888689792</v>
      </c>
      <c r="CL11" s="106">
        <v>900986410</v>
      </c>
      <c r="CM11" s="100">
        <v>0</v>
      </c>
      <c r="CN11" s="104">
        <v>0</v>
      </c>
      <c r="CO11" s="103">
        <v>0</v>
      </c>
      <c r="CP11" s="101">
        <v>0</v>
      </c>
      <c r="CQ11" s="104">
        <v>199997460</v>
      </c>
      <c r="CR11" s="104">
        <v>199700790</v>
      </c>
      <c r="CS11" s="104">
        <v>152464768</v>
      </c>
      <c r="CT11" s="104">
        <v>105608231</v>
      </c>
      <c r="CU11" s="104">
        <v>60667324</v>
      </c>
      <c r="CV11" s="103">
        <v>718438573</v>
      </c>
      <c r="CW11" s="106">
        <v>718438573</v>
      </c>
      <c r="CX11" s="100">
        <v>2894673</v>
      </c>
      <c r="CY11" s="104">
        <v>9401945</v>
      </c>
      <c r="CZ11" s="103">
        <v>12296618</v>
      </c>
      <c r="DA11" s="100">
        <v>0</v>
      </c>
      <c r="DB11" s="104">
        <v>32774673</v>
      </c>
      <c r="DC11" s="104">
        <v>50190824</v>
      </c>
      <c r="DD11" s="104">
        <v>40138855</v>
      </c>
      <c r="DE11" s="104">
        <v>32681543</v>
      </c>
      <c r="DF11" s="104">
        <v>14465324</v>
      </c>
      <c r="DG11" s="103">
        <v>170251219</v>
      </c>
      <c r="DH11" s="106">
        <v>182547837</v>
      </c>
      <c r="DI11" s="100">
        <v>82126</v>
      </c>
      <c r="DJ11" s="104">
        <v>929446</v>
      </c>
      <c r="DK11" s="102">
        <v>1011572</v>
      </c>
      <c r="DL11" s="101">
        <v>0</v>
      </c>
      <c r="DM11" s="104">
        <v>17151204</v>
      </c>
      <c r="DN11" s="104">
        <v>32660809</v>
      </c>
      <c r="DO11" s="104">
        <v>56982828</v>
      </c>
      <c r="DP11" s="104">
        <v>53412379</v>
      </c>
      <c r="DQ11" s="104">
        <v>32084632</v>
      </c>
      <c r="DR11" s="103">
        <v>192291852</v>
      </c>
      <c r="DS11" s="106">
        <v>193303424</v>
      </c>
      <c r="DT11" s="100">
        <v>82126</v>
      </c>
      <c r="DU11" s="104">
        <v>929446</v>
      </c>
      <c r="DV11" s="103">
        <v>1011572</v>
      </c>
      <c r="DW11" s="100">
        <v>0</v>
      </c>
      <c r="DX11" s="104">
        <v>15676068</v>
      </c>
      <c r="DY11" s="104">
        <v>29579139</v>
      </c>
      <c r="DZ11" s="104">
        <v>51152232</v>
      </c>
      <c r="EA11" s="104">
        <v>43837641</v>
      </c>
      <c r="EB11" s="104">
        <v>27980825</v>
      </c>
      <c r="EC11" s="103">
        <v>168225905</v>
      </c>
      <c r="ED11" s="106">
        <v>169237477</v>
      </c>
      <c r="EE11" s="100">
        <v>0</v>
      </c>
      <c r="EF11" s="102">
        <v>0</v>
      </c>
      <c r="EG11" s="103">
        <v>0</v>
      </c>
      <c r="EH11" s="100">
        <v>0</v>
      </c>
      <c r="EI11" s="104">
        <v>1475136</v>
      </c>
      <c r="EJ11" s="104">
        <v>3081670</v>
      </c>
      <c r="EK11" s="104">
        <v>5830596</v>
      </c>
      <c r="EL11" s="104">
        <v>9574738</v>
      </c>
      <c r="EM11" s="104">
        <v>4103807</v>
      </c>
      <c r="EN11" s="102">
        <v>24065947</v>
      </c>
      <c r="EO11" s="106">
        <v>24065947</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2408671</v>
      </c>
      <c r="FM11" s="104">
        <v>23967751</v>
      </c>
      <c r="FN11" s="103">
        <v>36376422</v>
      </c>
      <c r="FO11" s="100">
        <v>0</v>
      </c>
      <c r="FP11" s="104">
        <v>48262755</v>
      </c>
      <c r="FQ11" s="104">
        <v>86328242</v>
      </c>
      <c r="FR11" s="104">
        <v>67882658</v>
      </c>
      <c r="FS11" s="104">
        <v>65810136</v>
      </c>
      <c r="FT11" s="104">
        <v>48984011</v>
      </c>
      <c r="FU11" s="103">
        <v>317267802</v>
      </c>
      <c r="FV11" s="106">
        <v>353644224</v>
      </c>
      <c r="FW11" s="105">
        <v>8338677</v>
      </c>
      <c r="FX11" s="104">
        <v>18616769</v>
      </c>
      <c r="FY11" s="102">
        <v>26955446</v>
      </c>
      <c r="FZ11" s="101">
        <v>0</v>
      </c>
      <c r="GA11" s="104">
        <v>39106527</v>
      </c>
      <c r="GB11" s="104">
        <v>79413645</v>
      </c>
      <c r="GC11" s="104">
        <v>63884807</v>
      </c>
      <c r="GD11" s="104">
        <v>62220929</v>
      </c>
      <c r="GE11" s="104">
        <v>47721560</v>
      </c>
      <c r="GF11" s="103">
        <v>292347468</v>
      </c>
      <c r="GG11" s="296">
        <v>319302914</v>
      </c>
      <c r="GH11" s="105">
        <v>677899</v>
      </c>
      <c r="GI11" s="104">
        <v>1384729</v>
      </c>
      <c r="GJ11" s="102">
        <v>2062628</v>
      </c>
      <c r="GK11" s="101">
        <v>0</v>
      </c>
      <c r="GL11" s="104">
        <v>2873388</v>
      </c>
      <c r="GM11" s="104">
        <v>2777465</v>
      </c>
      <c r="GN11" s="104">
        <v>1795825</v>
      </c>
      <c r="GO11" s="104">
        <v>2383144</v>
      </c>
      <c r="GP11" s="104">
        <v>902069</v>
      </c>
      <c r="GQ11" s="103">
        <v>10731891</v>
      </c>
      <c r="GR11" s="106">
        <v>12794519</v>
      </c>
      <c r="GS11" s="100">
        <v>3392095</v>
      </c>
      <c r="GT11" s="104">
        <v>3966253</v>
      </c>
      <c r="GU11" s="103">
        <v>7358348</v>
      </c>
      <c r="GV11" s="100">
        <v>0</v>
      </c>
      <c r="GW11" s="104">
        <v>6282840</v>
      </c>
      <c r="GX11" s="104">
        <v>4137132</v>
      </c>
      <c r="GY11" s="104">
        <v>2202026</v>
      </c>
      <c r="GZ11" s="104">
        <v>1206063</v>
      </c>
      <c r="HA11" s="104">
        <v>360382</v>
      </c>
      <c r="HB11" s="102">
        <v>14188443</v>
      </c>
      <c r="HC11" s="106">
        <v>21546791</v>
      </c>
      <c r="HD11" s="100">
        <v>13951942</v>
      </c>
      <c r="HE11" s="104">
        <v>15967304</v>
      </c>
      <c r="HF11" s="102">
        <v>29919246</v>
      </c>
      <c r="HG11" s="101">
        <v>0</v>
      </c>
      <c r="HH11" s="104">
        <v>144107962</v>
      </c>
      <c r="HI11" s="104">
        <v>130790747</v>
      </c>
      <c r="HJ11" s="104">
        <v>150443888</v>
      </c>
      <c r="HK11" s="104">
        <v>179694741</v>
      </c>
      <c r="HL11" s="104">
        <v>128099424</v>
      </c>
      <c r="HM11" s="103">
        <v>733136762</v>
      </c>
      <c r="HN11" s="99">
        <v>763056008</v>
      </c>
      <c r="HO11" s="105">
        <v>10580560</v>
      </c>
      <c r="HP11" s="104">
        <v>18359028</v>
      </c>
      <c r="HQ11" s="103">
        <v>28939588</v>
      </c>
      <c r="HR11" s="100">
        <v>0</v>
      </c>
      <c r="HS11" s="104">
        <v>137132563</v>
      </c>
      <c r="HT11" s="104">
        <v>114610468</v>
      </c>
      <c r="HU11" s="104">
        <v>83240382</v>
      </c>
      <c r="HV11" s="104">
        <v>62275138</v>
      </c>
      <c r="HW11" s="104">
        <v>39431050</v>
      </c>
      <c r="HX11" s="102">
        <v>436689601</v>
      </c>
      <c r="HY11" s="106">
        <v>465629189</v>
      </c>
      <c r="HZ11" s="118">
        <v>1450846</v>
      </c>
      <c r="IA11" s="119">
        <v>4050148</v>
      </c>
      <c r="IB11" s="120">
        <v>5500994</v>
      </c>
      <c r="IC11" s="133">
        <v>0</v>
      </c>
      <c r="ID11" s="119">
        <v>279059188</v>
      </c>
      <c r="IE11" s="134">
        <v>334403329</v>
      </c>
      <c r="IF11" s="120">
        <v>365936949</v>
      </c>
      <c r="IG11" s="119">
        <v>289409497</v>
      </c>
      <c r="IH11" s="120">
        <v>242813892</v>
      </c>
      <c r="II11" s="135">
        <v>1511622855</v>
      </c>
      <c r="IJ11" s="126">
        <v>1517123849</v>
      </c>
      <c r="IK11" s="219">
        <v>0</v>
      </c>
      <c r="IL11" s="223">
        <v>0</v>
      </c>
      <c r="IM11" s="224">
        <v>0</v>
      </c>
      <c r="IN11" s="127"/>
      <c r="IO11" s="109">
        <v>6124840</v>
      </c>
      <c r="IP11" s="109">
        <v>9820905</v>
      </c>
      <c r="IQ11" s="109">
        <v>13436116</v>
      </c>
      <c r="IR11" s="109">
        <v>18900587</v>
      </c>
      <c r="IS11" s="109">
        <v>30418030</v>
      </c>
      <c r="IT11" s="128">
        <v>78700478</v>
      </c>
      <c r="IU11" s="298">
        <v>78700478</v>
      </c>
      <c r="IV11" s="129">
        <v>0</v>
      </c>
      <c r="IW11" s="109">
        <v>0</v>
      </c>
      <c r="IX11" s="110">
        <v>0</v>
      </c>
      <c r="IY11" s="131"/>
      <c r="IZ11" s="109">
        <v>1183066</v>
      </c>
      <c r="JA11" s="109">
        <v>2746308</v>
      </c>
      <c r="JB11" s="109">
        <v>2671930</v>
      </c>
      <c r="JC11" s="109">
        <v>3171824</v>
      </c>
      <c r="JD11" s="109">
        <v>3390946</v>
      </c>
      <c r="JE11" s="110">
        <v>13164074</v>
      </c>
      <c r="JF11" s="111">
        <v>13164074</v>
      </c>
      <c r="JG11" s="129">
        <v>0</v>
      </c>
      <c r="JH11" s="109">
        <v>0</v>
      </c>
      <c r="JI11" s="128">
        <v>0</v>
      </c>
      <c r="JJ11" s="108">
        <v>0</v>
      </c>
      <c r="JK11" s="109">
        <v>93010389</v>
      </c>
      <c r="JL11" s="109">
        <v>83125163</v>
      </c>
      <c r="JM11" s="109">
        <v>73822024</v>
      </c>
      <c r="JN11" s="109">
        <v>48382741</v>
      </c>
      <c r="JO11" s="109">
        <v>27289021</v>
      </c>
      <c r="JP11" s="110">
        <v>325629338</v>
      </c>
      <c r="JQ11" s="298">
        <v>325629338</v>
      </c>
      <c r="JR11" s="129">
        <v>12405</v>
      </c>
      <c r="JS11" s="109">
        <v>79480</v>
      </c>
      <c r="JT11" s="128">
        <v>91885</v>
      </c>
      <c r="JU11" s="108">
        <v>0</v>
      </c>
      <c r="JV11" s="109">
        <v>17024805</v>
      </c>
      <c r="JW11" s="109">
        <v>24000111</v>
      </c>
      <c r="JX11" s="109">
        <v>33212104</v>
      </c>
      <c r="JY11" s="109">
        <v>20397316</v>
      </c>
      <c r="JZ11" s="109">
        <v>16472291</v>
      </c>
      <c r="KA11" s="110">
        <v>111106627</v>
      </c>
      <c r="KB11" s="298">
        <v>111198512</v>
      </c>
      <c r="KC11" s="221">
        <v>1438441</v>
      </c>
      <c r="KD11" s="217">
        <v>2869421</v>
      </c>
      <c r="KE11" s="110">
        <v>4307862</v>
      </c>
      <c r="KF11" s="108">
        <v>0</v>
      </c>
      <c r="KG11" s="109">
        <v>31118458</v>
      </c>
      <c r="KH11" s="109">
        <v>39784358</v>
      </c>
      <c r="KI11" s="109">
        <v>51718040</v>
      </c>
      <c r="KJ11" s="109">
        <v>40903323</v>
      </c>
      <c r="KK11" s="109">
        <v>23833912</v>
      </c>
      <c r="KL11" s="110">
        <v>187358091</v>
      </c>
      <c r="KM11" s="130">
        <v>191665953</v>
      </c>
      <c r="KN11" s="219">
        <v>0</v>
      </c>
      <c r="KO11" s="223">
        <v>1101247</v>
      </c>
      <c r="KP11" s="224">
        <v>1101247</v>
      </c>
      <c r="KQ11" s="127"/>
      <c r="KR11" s="109">
        <v>119407738</v>
      </c>
      <c r="KS11" s="109">
        <v>152036371</v>
      </c>
      <c r="KT11" s="109">
        <v>150761947</v>
      </c>
      <c r="KU11" s="109">
        <v>99229636</v>
      </c>
      <c r="KV11" s="109">
        <v>80547202</v>
      </c>
      <c r="KW11" s="110">
        <v>601982894</v>
      </c>
      <c r="KX11" s="298">
        <v>603084141</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920048</v>
      </c>
      <c r="LO11" s="109">
        <v>1221395</v>
      </c>
      <c r="LP11" s="109">
        <v>20179664</v>
      </c>
      <c r="LQ11" s="109">
        <v>30063047</v>
      </c>
      <c r="LR11" s="109">
        <v>25538615</v>
      </c>
      <c r="LS11" s="110">
        <v>77922769</v>
      </c>
      <c r="LT11" s="298">
        <v>77922769</v>
      </c>
      <c r="LU11" s="129">
        <v>0</v>
      </c>
      <c r="LV11" s="109">
        <v>0</v>
      </c>
      <c r="LW11" s="110">
        <v>0</v>
      </c>
      <c r="LX11" s="132"/>
      <c r="LY11" s="109">
        <v>10269844</v>
      </c>
      <c r="LZ11" s="109">
        <v>21668718</v>
      </c>
      <c r="MA11" s="109">
        <v>20135124</v>
      </c>
      <c r="MB11" s="109">
        <v>28361023</v>
      </c>
      <c r="MC11" s="109">
        <v>35323875</v>
      </c>
      <c r="MD11" s="110">
        <v>115758584</v>
      </c>
      <c r="ME11" s="111">
        <v>115758584</v>
      </c>
      <c r="MF11" s="129">
        <v>0</v>
      </c>
      <c r="MG11" s="109">
        <v>0</v>
      </c>
      <c r="MH11" s="110">
        <v>0</v>
      </c>
      <c r="MI11" s="132"/>
      <c r="MJ11" s="109">
        <v>67873139</v>
      </c>
      <c r="MK11" s="109">
        <v>131314484</v>
      </c>
      <c r="ML11" s="109">
        <v>455946835</v>
      </c>
      <c r="MM11" s="109">
        <v>731427880</v>
      </c>
      <c r="MN11" s="109">
        <v>532885071</v>
      </c>
      <c r="MO11" s="110">
        <v>1919447409</v>
      </c>
      <c r="MP11" s="130">
        <v>1919447409</v>
      </c>
      <c r="MQ11" s="129">
        <v>0</v>
      </c>
      <c r="MR11" s="109">
        <v>0</v>
      </c>
      <c r="MS11" s="110">
        <v>0</v>
      </c>
      <c r="MT11" s="132"/>
      <c r="MU11" s="109">
        <v>15638843</v>
      </c>
      <c r="MV11" s="109">
        <v>42589907</v>
      </c>
      <c r="MW11" s="109">
        <v>315415074</v>
      </c>
      <c r="MX11" s="109">
        <v>487194328</v>
      </c>
      <c r="MY11" s="109">
        <v>376233933</v>
      </c>
      <c r="MZ11" s="110">
        <v>1237072085</v>
      </c>
      <c r="NA11" s="130">
        <v>1237072085</v>
      </c>
      <c r="NB11" s="129">
        <v>0</v>
      </c>
      <c r="NC11" s="109">
        <v>0</v>
      </c>
      <c r="ND11" s="110">
        <v>0</v>
      </c>
      <c r="NE11" s="132"/>
      <c r="NF11" s="109">
        <v>51898113</v>
      </c>
      <c r="NG11" s="109">
        <v>87937038</v>
      </c>
      <c r="NH11" s="109">
        <v>137066767</v>
      </c>
      <c r="NI11" s="109">
        <v>212271436</v>
      </c>
      <c r="NJ11" s="109">
        <v>108533263</v>
      </c>
      <c r="NK11" s="110">
        <v>597706617</v>
      </c>
      <c r="NL11" s="298">
        <v>597706617</v>
      </c>
      <c r="NM11" s="129">
        <v>0</v>
      </c>
      <c r="NN11" s="109">
        <v>0</v>
      </c>
      <c r="NO11" s="110">
        <v>0</v>
      </c>
      <c r="NP11" s="132"/>
      <c r="NQ11" s="109">
        <v>75471</v>
      </c>
      <c r="NR11" s="109">
        <v>535710</v>
      </c>
      <c r="NS11" s="109">
        <v>2342226</v>
      </c>
      <c r="NT11" s="109">
        <v>14472059</v>
      </c>
      <c r="NU11" s="109">
        <v>23324403</v>
      </c>
      <c r="NV11" s="110">
        <v>40749869</v>
      </c>
      <c r="NW11" s="111">
        <v>40749869</v>
      </c>
      <c r="NX11" s="129">
        <v>0</v>
      </c>
      <c r="NY11" s="109">
        <v>0</v>
      </c>
      <c r="NZ11" s="110">
        <v>0</v>
      </c>
      <c r="OA11" s="132"/>
      <c r="OB11" s="109">
        <v>260712</v>
      </c>
      <c r="OC11" s="109">
        <v>251829</v>
      </c>
      <c r="OD11" s="109">
        <v>1122768</v>
      </c>
      <c r="OE11" s="109">
        <v>17490057</v>
      </c>
      <c r="OF11" s="109">
        <v>24793472</v>
      </c>
      <c r="OG11" s="110">
        <v>43918838</v>
      </c>
      <c r="OH11" s="111">
        <v>43918838</v>
      </c>
      <c r="OI11" s="129">
        <v>56837557</v>
      </c>
      <c r="OJ11" s="109">
        <v>106198941</v>
      </c>
      <c r="OK11" s="128">
        <v>163036498</v>
      </c>
      <c r="OL11" s="108">
        <v>0</v>
      </c>
      <c r="OM11" s="109">
        <v>1210266076</v>
      </c>
      <c r="ON11" s="109">
        <v>1423615757</v>
      </c>
      <c r="OO11" s="109">
        <v>1680473349</v>
      </c>
      <c r="OP11" s="109">
        <v>1873577231</v>
      </c>
      <c r="OQ11" s="109">
        <v>1469326242</v>
      </c>
      <c r="OR11" s="110">
        <v>7657258655</v>
      </c>
      <c r="OS11" s="130">
        <v>7820295153</v>
      </c>
    </row>
    <row r="12" spans="1:409" ht="21" customHeight="1" x14ac:dyDescent="0.2">
      <c r="B12" s="472" t="s">
        <v>14</v>
      </c>
      <c r="C12" s="100">
        <v>27131734</v>
      </c>
      <c r="D12" s="104">
        <v>74727352</v>
      </c>
      <c r="E12" s="103">
        <v>101859086</v>
      </c>
      <c r="F12" s="99">
        <v>0</v>
      </c>
      <c r="G12" s="104">
        <v>324825190</v>
      </c>
      <c r="H12" s="104">
        <v>529015727</v>
      </c>
      <c r="I12" s="104">
        <v>504094784</v>
      </c>
      <c r="J12" s="104">
        <v>413953179</v>
      </c>
      <c r="K12" s="104">
        <v>290901718</v>
      </c>
      <c r="L12" s="102">
        <v>2062790598</v>
      </c>
      <c r="M12" s="106">
        <v>2164649684</v>
      </c>
      <c r="N12" s="100">
        <v>5232918</v>
      </c>
      <c r="O12" s="104">
        <v>18205605</v>
      </c>
      <c r="P12" s="103">
        <v>23438523</v>
      </c>
      <c r="Q12" s="100">
        <v>0</v>
      </c>
      <c r="R12" s="104">
        <v>89920842</v>
      </c>
      <c r="S12" s="104">
        <v>168376373</v>
      </c>
      <c r="T12" s="104">
        <v>170241352</v>
      </c>
      <c r="U12" s="104">
        <v>156356530</v>
      </c>
      <c r="V12" s="104">
        <v>142208144</v>
      </c>
      <c r="W12" s="103">
        <v>727103241</v>
      </c>
      <c r="X12" s="106">
        <v>750541764</v>
      </c>
      <c r="Y12" s="100">
        <v>0</v>
      </c>
      <c r="Z12" s="104">
        <v>0</v>
      </c>
      <c r="AA12" s="103">
        <v>0</v>
      </c>
      <c r="AB12" s="100">
        <v>0</v>
      </c>
      <c r="AC12" s="104">
        <v>46038723</v>
      </c>
      <c r="AD12" s="104">
        <v>87933888</v>
      </c>
      <c r="AE12" s="104">
        <v>102472100</v>
      </c>
      <c r="AF12" s="104">
        <v>89916040</v>
      </c>
      <c r="AG12" s="104">
        <v>82659339</v>
      </c>
      <c r="AH12" s="103">
        <v>409020090</v>
      </c>
      <c r="AI12" s="106">
        <v>409020090</v>
      </c>
      <c r="AJ12" s="100">
        <v>0</v>
      </c>
      <c r="AK12" s="104">
        <v>92101</v>
      </c>
      <c r="AL12" s="103">
        <v>92101</v>
      </c>
      <c r="AM12" s="100">
        <v>0</v>
      </c>
      <c r="AN12" s="104">
        <v>256089</v>
      </c>
      <c r="AO12" s="104">
        <v>1108751</v>
      </c>
      <c r="AP12" s="104">
        <v>3007215</v>
      </c>
      <c r="AQ12" s="104">
        <v>9165178</v>
      </c>
      <c r="AR12" s="104">
        <v>14532891</v>
      </c>
      <c r="AS12" s="103">
        <v>28070124</v>
      </c>
      <c r="AT12" s="106">
        <v>28162225</v>
      </c>
      <c r="AU12" s="100">
        <v>2495323</v>
      </c>
      <c r="AV12" s="104">
        <v>12756769</v>
      </c>
      <c r="AW12" s="103">
        <v>15252092</v>
      </c>
      <c r="AX12" s="100">
        <v>0</v>
      </c>
      <c r="AY12" s="104">
        <v>25302533</v>
      </c>
      <c r="AZ12" s="104">
        <v>51967417</v>
      </c>
      <c r="BA12" s="104">
        <v>36082639</v>
      </c>
      <c r="BB12" s="104">
        <v>33720885</v>
      </c>
      <c r="BC12" s="104">
        <v>28552527</v>
      </c>
      <c r="BD12" s="103">
        <v>175626001</v>
      </c>
      <c r="BE12" s="106">
        <v>190878093</v>
      </c>
      <c r="BF12" s="100">
        <v>192569</v>
      </c>
      <c r="BG12" s="104">
        <v>1690597</v>
      </c>
      <c r="BH12" s="102">
        <v>1883166</v>
      </c>
      <c r="BI12" s="101">
        <v>0</v>
      </c>
      <c r="BJ12" s="104">
        <v>942675</v>
      </c>
      <c r="BK12" s="104">
        <v>3406919</v>
      </c>
      <c r="BL12" s="104">
        <v>1937526</v>
      </c>
      <c r="BM12" s="104">
        <v>1915828</v>
      </c>
      <c r="BN12" s="104">
        <v>665959</v>
      </c>
      <c r="BO12" s="103">
        <v>8868907</v>
      </c>
      <c r="BP12" s="106">
        <v>10752073</v>
      </c>
      <c r="BQ12" s="100">
        <v>2545026</v>
      </c>
      <c r="BR12" s="104">
        <v>3666138</v>
      </c>
      <c r="BS12" s="103">
        <v>6211164</v>
      </c>
      <c r="BT12" s="100">
        <v>0</v>
      </c>
      <c r="BU12" s="104">
        <v>17380822</v>
      </c>
      <c r="BV12" s="104">
        <v>23959398</v>
      </c>
      <c r="BW12" s="104">
        <v>26741872</v>
      </c>
      <c r="BX12" s="104">
        <v>21638599</v>
      </c>
      <c r="BY12" s="104">
        <v>15797428</v>
      </c>
      <c r="BZ12" s="103">
        <v>105518119</v>
      </c>
      <c r="CA12" s="106">
        <v>111729283</v>
      </c>
      <c r="CB12" s="100">
        <v>2115579</v>
      </c>
      <c r="CC12" s="104">
        <v>8835994</v>
      </c>
      <c r="CD12" s="103">
        <v>10951573</v>
      </c>
      <c r="CE12" s="100">
        <v>0</v>
      </c>
      <c r="CF12" s="104">
        <v>97208717</v>
      </c>
      <c r="CG12" s="104">
        <v>161347141</v>
      </c>
      <c r="CH12" s="104">
        <v>139676813</v>
      </c>
      <c r="CI12" s="104">
        <v>82255372</v>
      </c>
      <c r="CJ12" s="104">
        <v>44167465</v>
      </c>
      <c r="CK12" s="103">
        <v>524655508</v>
      </c>
      <c r="CL12" s="106">
        <v>535607081</v>
      </c>
      <c r="CM12" s="100">
        <v>0</v>
      </c>
      <c r="CN12" s="104">
        <v>0</v>
      </c>
      <c r="CO12" s="103">
        <v>0</v>
      </c>
      <c r="CP12" s="101">
        <v>0</v>
      </c>
      <c r="CQ12" s="104">
        <v>89778403</v>
      </c>
      <c r="CR12" s="104">
        <v>135161536</v>
      </c>
      <c r="CS12" s="104">
        <v>119575892</v>
      </c>
      <c r="CT12" s="104">
        <v>67206128</v>
      </c>
      <c r="CU12" s="104">
        <v>38662366</v>
      </c>
      <c r="CV12" s="103">
        <v>450384325</v>
      </c>
      <c r="CW12" s="106">
        <v>450384325</v>
      </c>
      <c r="CX12" s="100">
        <v>2115579</v>
      </c>
      <c r="CY12" s="104">
        <v>8835994</v>
      </c>
      <c r="CZ12" s="103">
        <v>10951573</v>
      </c>
      <c r="DA12" s="100">
        <v>0</v>
      </c>
      <c r="DB12" s="104">
        <v>7430314</v>
      </c>
      <c r="DC12" s="104">
        <v>26185605</v>
      </c>
      <c r="DD12" s="104">
        <v>20100921</v>
      </c>
      <c r="DE12" s="104">
        <v>15049244</v>
      </c>
      <c r="DF12" s="104">
        <v>5505099</v>
      </c>
      <c r="DG12" s="103">
        <v>74271183</v>
      </c>
      <c r="DH12" s="106">
        <v>85222756</v>
      </c>
      <c r="DI12" s="100">
        <v>15273</v>
      </c>
      <c r="DJ12" s="104">
        <v>373254</v>
      </c>
      <c r="DK12" s="102">
        <v>388527</v>
      </c>
      <c r="DL12" s="101">
        <v>0</v>
      </c>
      <c r="DM12" s="104">
        <v>5916627</v>
      </c>
      <c r="DN12" s="104">
        <v>19201859</v>
      </c>
      <c r="DO12" s="104">
        <v>39909101</v>
      </c>
      <c r="DP12" s="104">
        <v>39320446</v>
      </c>
      <c r="DQ12" s="104">
        <v>23985857</v>
      </c>
      <c r="DR12" s="103">
        <v>128333890</v>
      </c>
      <c r="DS12" s="106">
        <v>128722417</v>
      </c>
      <c r="DT12" s="100">
        <v>15273</v>
      </c>
      <c r="DU12" s="104">
        <v>373254</v>
      </c>
      <c r="DV12" s="103">
        <v>388527</v>
      </c>
      <c r="DW12" s="100">
        <v>0</v>
      </c>
      <c r="DX12" s="104">
        <v>5658167</v>
      </c>
      <c r="DY12" s="104">
        <v>18422410</v>
      </c>
      <c r="DZ12" s="104">
        <v>38875397</v>
      </c>
      <c r="EA12" s="104">
        <v>38577243</v>
      </c>
      <c r="EB12" s="104">
        <v>23244657</v>
      </c>
      <c r="EC12" s="103">
        <v>124777874</v>
      </c>
      <c r="ED12" s="106">
        <v>125166401</v>
      </c>
      <c r="EE12" s="100">
        <v>0</v>
      </c>
      <c r="EF12" s="102">
        <v>0</v>
      </c>
      <c r="EG12" s="103">
        <v>0</v>
      </c>
      <c r="EH12" s="100">
        <v>0</v>
      </c>
      <c r="EI12" s="104">
        <v>258460</v>
      </c>
      <c r="EJ12" s="104">
        <v>779449</v>
      </c>
      <c r="EK12" s="104">
        <v>1033704</v>
      </c>
      <c r="EL12" s="104">
        <v>743203</v>
      </c>
      <c r="EM12" s="104">
        <v>741200</v>
      </c>
      <c r="EN12" s="102">
        <v>3556016</v>
      </c>
      <c r="EO12" s="106">
        <v>3556016</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7984587</v>
      </c>
      <c r="FM12" s="104">
        <v>23213829</v>
      </c>
      <c r="FN12" s="103">
        <v>31198416</v>
      </c>
      <c r="FO12" s="100">
        <v>0</v>
      </c>
      <c r="FP12" s="104">
        <v>19084825</v>
      </c>
      <c r="FQ12" s="104">
        <v>54334417</v>
      </c>
      <c r="FR12" s="104">
        <v>40665378</v>
      </c>
      <c r="FS12" s="104">
        <v>34218243</v>
      </c>
      <c r="FT12" s="104">
        <v>23030540</v>
      </c>
      <c r="FU12" s="103">
        <v>171333403</v>
      </c>
      <c r="FV12" s="106">
        <v>202531819</v>
      </c>
      <c r="FW12" s="105">
        <v>4758143</v>
      </c>
      <c r="FX12" s="104">
        <v>17709698</v>
      </c>
      <c r="FY12" s="102">
        <v>22467841</v>
      </c>
      <c r="FZ12" s="101">
        <v>0</v>
      </c>
      <c r="GA12" s="104">
        <v>14570294</v>
      </c>
      <c r="GB12" s="104">
        <v>49897752</v>
      </c>
      <c r="GC12" s="104">
        <v>38053492</v>
      </c>
      <c r="GD12" s="104">
        <v>31735940</v>
      </c>
      <c r="GE12" s="104">
        <v>22115347</v>
      </c>
      <c r="GF12" s="103">
        <v>156372825</v>
      </c>
      <c r="GG12" s="296">
        <v>178840666</v>
      </c>
      <c r="GH12" s="105">
        <v>520319</v>
      </c>
      <c r="GI12" s="104">
        <v>888287</v>
      </c>
      <c r="GJ12" s="102">
        <v>1408606</v>
      </c>
      <c r="GK12" s="101">
        <v>0</v>
      </c>
      <c r="GL12" s="104">
        <v>752888</v>
      </c>
      <c r="GM12" s="104">
        <v>1051214</v>
      </c>
      <c r="GN12" s="104">
        <v>1037233</v>
      </c>
      <c r="GO12" s="104">
        <v>924154</v>
      </c>
      <c r="GP12" s="104">
        <v>374243</v>
      </c>
      <c r="GQ12" s="103">
        <v>4139732</v>
      </c>
      <c r="GR12" s="106">
        <v>5548338</v>
      </c>
      <c r="GS12" s="100">
        <v>2706125</v>
      </c>
      <c r="GT12" s="104">
        <v>4615844</v>
      </c>
      <c r="GU12" s="103">
        <v>7321969</v>
      </c>
      <c r="GV12" s="100">
        <v>0</v>
      </c>
      <c r="GW12" s="104">
        <v>3761643</v>
      </c>
      <c r="GX12" s="104">
        <v>3385451</v>
      </c>
      <c r="GY12" s="104">
        <v>1574653</v>
      </c>
      <c r="GZ12" s="104">
        <v>1558149</v>
      </c>
      <c r="HA12" s="104">
        <v>540950</v>
      </c>
      <c r="HB12" s="102">
        <v>10820846</v>
      </c>
      <c r="HC12" s="106">
        <v>18142815</v>
      </c>
      <c r="HD12" s="100">
        <v>6780498</v>
      </c>
      <c r="HE12" s="104">
        <v>10823824</v>
      </c>
      <c r="HF12" s="102">
        <v>17604322</v>
      </c>
      <c r="HG12" s="101">
        <v>0</v>
      </c>
      <c r="HH12" s="104">
        <v>56175755</v>
      </c>
      <c r="HI12" s="104">
        <v>51561220</v>
      </c>
      <c r="HJ12" s="104">
        <v>62177978</v>
      </c>
      <c r="HK12" s="104">
        <v>69548694</v>
      </c>
      <c r="HL12" s="104">
        <v>39101477</v>
      </c>
      <c r="HM12" s="103">
        <v>278565124</v>
      </c>
      <c r="HN12" s="99">
        <v>296169446</v>
      </c>
      <c r="HO12" s="105">
        <v>5002879</v>
      </c>
      <c r="HP12" s="104">
        <v>13274846</v>
      </c>
      <c r="HQ12" s="103">
        <v>18277725</v>
      </c>
      <c r="HR12" s="100">
        <v>0</v>
      </c>
      <c r="HS12" s="104">
        <v>56518424</v>
      </c>
      <c r="HT12" s="104">
        <v>74194717</v>
      </c>
      <c r="HU12" s="104">
        <v>51424162</v>
      </c>
      <c r="HV12" s="104">
        <v>32253894</v>
      </c>
      <c r="HW12" s="104">
        <v>18408235</v>
      </c>
      <c r="HX12" s="102">
        <v>232799432</v>
      </c>
      <c r="HY12" s="106">
        <v>251077157</v>
      </c>
      <c r="HZ12" s="118">
        <v>999631</v>
      </c>
      <c r="IA12" s="119">
        <v>2774177</v>
      </c>
      <c r="IB12" s="120">
        <v>3773808</v>
      </c>
      <c r="IC12" s="121">
        <v>0</v>
      </c>
      <c r="ID12" s="122">
        <v>117837591</v>
      </c>
      <c r="IE12" s="123">
        <v>183740061</v>
      </c>
      <c r="IF12" s="124">
        <v>205510189</v>
      </c>
      <c r="IG12" s="122">
        <v>141114081</v>
      </c>
      <c r="IH12" s="124">
        <v>89601983</v>
      </c>
      <c r="II12" s="125">
        <v>737803905</v>
      </c>
      <c r="IJ12" s="126">
        <v>741577713</v>
      </c>
      <c r="IK12" s="219">
        <v>0</v>
      </c>
      <c r="IL12" s="223">
        <v>0</v>
      </c>
      <c r="IM12" s="224">
        <v>0</v>
      </c>
      <c r="IN12" s="127"/>
      <c r="IO12" s="109">
        <v>1966256</v>
      </c>
      <c r="IP12" s="109">
        <v>4074520</v>
      </c>
      <c r="IQ12" s="109">
        <v>4993980</v>
      </c>
      <c r="IR12" s="109">
        <v>5710163</v>
      </c>
      <c r="IS12" s="109">
        <v>8267020</v>
      </c>
      <c r="IT12" s="128">
        <v>25011939</v>
      </c>
      <c r="IU12" s="298">
        <v>25011939</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44546283</v>
      </c>
      <c r="JL12" s="109">
        <v>68047275</v>
      </c>
      <c r="JM12" s="109">
        <v>50047049</v>
      </c>
      <c r="JN12" s="109">
        <v>31252890</v>
      </c>
      <c r="JO12" s="109">
        <v>17552537</v>
      </c>
      <c r="JP12" s="110">
        <v>211446034</v>
      </c>
      <c r="JQ12" s="298">
        <v>211446034</v>
      </c>
      <c r="JR12" s="129">
        <v>26075</v>
      </c>
      <c r="JS12" s="109">
        <v>0</v>
      </c>
      <c r="JT12" s="128">
        <v>26075</v>
      </c>
      <c r="JU12" s="108">
        <v>0</v>
      </c>
      <c r="JV12" s="109">
        <v>1255985</v>
      </c>
      <c r="JW12" s="109">
        <v>2368019</v>
      </c>
      <c r="JX12" s="109">
        <v>5332365</v>
      </c>
      <c r="JY12" s="109">
        <v>3980646</v>
      </c>
      <c r="JZ12" s="109">
        <v>3418255</v>
      </c>
      <c r="KA12" s="110">
        <v>16355270</v>
      </c>
      <c r="KB12" s="298">
        <v>16381345</v>
      </c>
      <c r="KC12" s="221">
        <v>973556</v>
      </c>
      <c r="KD12" s="217">
        <v>2299775</v>
      </c>
      <c r="KE12" s="110">
        <v>3273331</v>
      </c>
      <c r="KF12" s="108">
        <v>0</v>
      </c>
      <c r="KG12" s="109">
        <v>16896120</v>
      </c>
      <c r="KH12" s="109">
        <v>29128773</v>
      </c>
      <c r="KI12" s="109">
        <v>34384453</v>
      </c>
      <c r="KJ12" s="109">
        <v>21433273</v>
      </c>
      <c r="KK12" s="109">
        <v>5930617</v>
      </c>
      <c r="KL12" s="110">
        <v>107773236</v>
      </c>
      <c r="KM12" s="130">
        <v>111046567</v>
      </c>
      <c r="KN12" s="219">
        <v>0</v>
      </c>
      <c r="KO12" s="223">
        <v>474402</v>
      </c>
      <c r="KP12" s="224">
        <v>474402</v>
      </c>
      <c r="KQ12" s="127"/>
      <c r="KR12" s="109">
        <v>51731909</v>
      </c>
      <c r="KS12" s="109">
        <v>75180261</v>
      </c>
      <c r="KT12" s="109">
        <v>100866252</v>
      </c>
      <c r="KU12" s="109">
        <v>60075793</v>
      </c>
      <c r="KV12" s="109">
        <v>39908100</v>
      </c>
      <c r="KW12" s="110">
        <v>327762315</v>
      </c>
      <c r="KX12" s="298">
        <v>328236717</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402711</v>
      </c>
      <c r="LP12" s="109">
        <v>3405802</v>
      </c>
      <c r="LQ12" s="109">
        <v>7090849</v>
      </c>
      <c r="LR12" s="109">
        <v>3658365</v>
      </c>
      <c r="LS12" s="110">
        <v>14557727</v>
      </c>
      <c r="LT12" s="298">
        <v>14557727</v>
      </c>
      <c r="LU12" s="129">
        <v>0</v>
      </c>
      <c r="LV12" s="109">
        <v>0</v>
      </c>
      <c r="LW12" s="110">
        <v>0</v>
      </c>
      <c r="LX12" s="132"/>
      <c r="LY12" s="109">
        <v>1441038</v>
      </c>
      <c r="LZ12" s="109">
        <v>4538502</v>
      </c>
      <c r="MA12" s="109">
        <v>6480288</v>
      </c>
      <c r="MB12" s="109">
        <v>11570467</v>
      </c>
      <c r="MC12" s="109">
        <v>10867089</v>
      </c>
      <c r="MD12" s="110">
        <v>34897384</v>
      </c>
      <c r="ME12" s="111">
        <v>34897384</v>
      </c>
      <c r="MF12" s="129">
        <v>0</v>
      </c>
      <c r="MG12" s="109">
        <v>0</v>
      </c>
      <c r="MH12" s="110">
        <v>0</v>
      </c>
      <c r="MI12" s="132"/>
      <c r="MJ12" s="109">
        <v>21321998</v>
      </c>
      <c r="MK12" s="109">
        <v>63481934</v>
      </c>
      <c r="ML12" s="109">
        <v>303661059</v>
      </c>
      <c r="MM12" s="109">
        <v>526123446</v>
      </c>
      <c r="MN12" s="109">
        <v>341351772</v>
      </c>
      <c r="MO12" s="110">
        <v>1255940209</v>
      </c>
      <c r="MP12" s="130">
        <v>1255940209</v>
      </c>
      <c r="MQ12" s="129">
        <v>0</v>
      </c>
      <c r="MR12" s="109">
        <v>0</v>
      </c>
      <c r="MS12" s="110">
        <v>0</v>
      </c>
      <c r="MT12" s="132"/>
      <c r="MU12" s="109">
        <v>2022978</v>
      </c>
      <c r="MV12" s="109">
        <v>9770872</v>
      </c>
      <c r="MW12" s="109">
        <v>213133499</v>
      </c>
      <c r="MX12" s="109">
        <v>368190636</v>
      </c>
      <c r="MY12" s="109">
        <v>238866604</v>
      </c>
      <c r="MZ12" s="110">
        <v>831984589</v>
      </c>
      <c r="NA12" s="130">
        <v>831984589</v>
      </c>
      <c r="NB12" s="129">
        <v>0</v>
      </c>
      <c r="NC12" s="109">
        <v>0</v>
      </c>
      <c r="ND12" s="110">
        <v>0</v>
      </c>
      <c r="NE12" s="132"/>
      <c r="NF12" s="109">
        <v>19299020</v>
      </c>
      <c r="NG12" s="109">
        <v>53476175</v>
      </c>
      <c r="NH12" s="109">
        <v>87031675</v>
      </c>
      <c r="NI12" s="109">
        <v>121455683</v>
      </c>
      <c r="NJ12" s="109">
        <v>63459451</v>
      </c>
      <c r="NK12" s="110">
        <v>344722004</v>
      </c>
      <c r="NL12" s="298">
        <v>344722004</v>
      </c>
      <c r="NM12" s="129">
        <v>0</v>
      </c>
      <c r="NN12" s="109">
        <v>0</v>
      </c>
      <c r="NO12" s="110">
        <v>0</v>
      </c>
      <c r="NP12" s="132"/>
      <c r="NQ12" s="109">
        <v>0</v>
      </c>
      <c r="NR12" s="109">
        <v>234887</v>
      </c>
      <c r="NS12" s="109">
        <v>849853</v>
      </c>
      <c r="NT12" s="109">
        <v>7325572</v>
      </c>
      <c r="NU12" s="109">
        <v>5887124</v>
      </c>
      <c r="NV12" s="110">
        <v>14297436</v>
      </c>
      <c r="NW12" s="111">
        <v>14297436</v>
      </c>
      <c r="NX12" s="129">
        <v>0</v>
      </c>
      <c r="NY12" s="109">
        <v>0</v>
      </c>
      <c r="NZ12" s="110">
        <v>0</v>
      </c>
      <c r="OA12" s="132"/>
      <c r="OB12" s="109">
        <v>0</v>
      </c>
      <c r="OC12" s="109">
        <v>0</v>
      </c>
      <c r="OD12" s="109">
        <v>2646032</v>
      </c>
      <c r="OE12" s="109">
        <v>29151555</v>
      </c>
      <c r="OF12" s="109">
        <v>33138593</v>
      </c>
      <c r="OG12" s="110">
        <v>64936180</v>
      </c>
      <c r="OH12" s="111">
        <v>64936180</v>
      </c>
      <c r="OI12" s="129">
        <v>28131365</v>
      </c>
      <c r="OJ12" s="109">
        <v>77501529</v>
      </c>
      <c r="OK12" s="128">
        <v>105632894</v>
      </c>
      <c r="OL12" s="108">
        <v>0</v>
      </c>
      <c r="OM12" s="109">
        <v>463984779</v>
      </c>
      <c r="ON12" s="109">
        <v>776237722</v>
      </c>
      <c r="OO12" s="109">
        <v>1013266032</v>
      </c>
      <c r="OP12" s="109">
        <v>1081190706</v>
      </c>
      <c r="OQ12" s="109">
        <v>721855473</v>
      </c>
      <c r="OR12" s="110">
        <v>4056534712</v>
      </c>
      <c r="OS12" s="130">
        <v>4162167606</v>
      </c>
    </row>
    <row r="13" spans="1:409" ht="21" customHeight="1" x14ac:dyDescent="0.2">
      <c r="B13" s="472" t="s">
        <v>7</v>
      </c>
      <c r="C13" s="100">
        <v>14529364</v>
      </c>
      <c r="D13" s="104">
        <v>18346499</v>
      </c>
      <c r="E13" s="103">
        <v>32875863</v>
      </c>
      <c r="F13" s="99">
        <v>0</v>
      </c>
      <c r="G13" s="104">
        <v>363207757</v>
      </c>
      <c r="H13" s="104">
        <v>340044893</v>
      </c>
      <c r="I13" s="104">
        <v>281641142</v>
      </c>
      <c r="J13" s="104">
        <v>284872844</v>
      </c>
      <c r="K13" s="104">
        <v>201502917</v>
      </c>
      <c r="L13" s="99">
        <v>1471269553</v>
      </c>
      <c r="M13" s="106">
        <v>1504145416</v>
      </c>
      <c r="N13" s="100">
        <v>2207900</v>
      </c>
      <c r="O13" s="104">
        <v>2051388</v>
      </c>
      <c r="P13" s="103">
        <v>4259288</v>
      </c>
      <c r="Q13" s="100">
        <v>0</v>
      </c>
      <c r="R13" s="104">
        <v>89223452</v>
      </c>
      <c r="S13" s="104">
        <v>98129095</v>
      </c>
      <c r="T13" s="104">
        <v>90877098</v>
      </c>
      <c r="U13" s="104">
        <v>124068253</v>
      </c>
      <c r="V13" s="104">
        <v>111088213</v>
      </c>
      <c r="W13" s="103">
        <v>513386111</v>
      </c>
      <c r="X13" s="106">
        <v>517645399</v>
      </c>
      <c r="Y13" s="100">
        <v>0</v>
      </c>
      <c r="Z13" s="104">
        <v>0</v>
      </c>
      <c r="AA13" s="103">
        <v>0</v>
      </c>
      <c r="AB13" s="100">
        <v>0</v>
      </c>
      <c r="AC13" s="104">
        <v>47773318</v>
      </c>
      <c r="AD13" s="104">
        <v>53578589</v>
      </c>
      <c r="AE13" s="104">
        <v>56859041</v>
      </c>
      <c r="AF13" s="104">
        <v>80824323</v>
      </c>
      <c r="AG13" s="104">
        <v>69643776</v>
      </c>
      <c r="AH13" s="103">
        <v>308679047</v>
      </c>
      <c r="AI13" s="106">
        <v>308679047</v>
      </c>
      <c r="AJ13" s="100">
        <v>0</v>
      </c>
      <c r="AK13" s="104">
        <v>0</v>
      </c>
      <c r="AL13" s="103">
        <v>0</v>
      </c>
      <c r="AM13" s="100">
        <v>0</v>
      </c>
      <c r="AN13" s="104">
        <v>384346</v>
      </c>
      <c r="AO13" s="104">
        <v>2784082</v>
      </c>
      <c r="AP13" s="104">
        <v>3307921</v>
      </c>
      <c r="AQ13" s="104">
        <v>8163247</v>
      </c>
      <c r="AR13" s="104">
        <v>12461154</v>
      </c>
      <c r="AS13" s="103">
        <v>27100750</v>
      </c>
      <c r="AT13" s="106">
        <v>27100750</v>
      </c>
      <c r="AU13" s="100">
        <v>452654</v>
      </c>
      <c r="AV13" s="104">
        <v>559735</v>
      </c>
      <c r="AW13" s="103">
        <v>1012389</v>
      </c>
      <c r="AX13" s="100">
        <v>0</v>
      </c>
      <c r="AY13" s="104">
        <v>22606893</v>
      </c>
      <c r="AZ13" s="104">
        <v>24709957</v>
      </c>
      <c r="BA13" s="104">
        <v>16139398</v>
      </c>
      <c r="BB13" s="104">
        <v>19511402</v>
      </c>
      <c r="BC13" s="104">
        <v>18542160</v>
      </c>
      <c r="BD13" s="103">
        <v>101509810</v>
      </c>
      <c r="BE13" s="106">
        <v>102522199</v>
      </c>
      <c r="BF13" s="100">
        <v>114317</v>
      </c>
      <c r="BG13" s="104">
        <v>339374</v>
      </c>
      <c r="BH13" s="102">
        <v>453691</v>
      </c>
      <c r="BI13" s="101">
        <v>0</v>
      </c>
      <c r="BJ13" s="104">
        <v>2458747</v>
      </c>
      <c r="BK13" s="104">
        <v>2821001</v>
      </c>
      <c r="BL13" s="104">
        <v>1926796</v>
      </c>
      <c r="BM13" s="104">
        <v>2182571</v>
      </c>
      <c r="BN13" s="104">
        <v>1069484</v>
      </c>
      <c r="BO13" s="103">
        <v>10458599</v>
      </c>
      <c r="BP13" s="106">
        <v>10912290</v>
      </c>
      <c r="BQ13" s="100">
        <v>1640929</v>
      </c>
      <c r="BR13" s="104">
        <v>1152279</v>
      </c>
      <c r="BS13" s="103">
        <v>2793208</v>
      </c>
      <c r="BT13" s="100">
        <v>0</v>
      </c>
      <c r="BU13" s="104">
        <v>16000148</v>
      </c>
      <c r="BV13" s="104">
        <v>14235466</v>
      </c>
      <c r="BW13" s="104">
        <v>12643942</v>
      </c>
      <c r="BX13" s="104">
        <v>13386710</v>
      </c>
      <c r="BY13" s="104">
        <v>9371639</v>
      </c>
      <c r="BZ13" s="103">
        <v>65637905</v>
      </c>
      <c r="CA13" s="106">
        <v>68431113</v>
      </c>
      <c r="CB13" s="100">
        <v>869469</v>
      </c>
      <c r="CC13" s="104">
        <v>2436830</v>
      </c>
      <c r="CD13" s="103">
        <v>3306299</v>
      </c>
      <c r="CE13" s="100">
        <v>0</v>
      </c>
      <c r="CF13" s="104">
        <v>100840888</v>
      </c>
      <c r="CG13" s="104">
        <v>88422316</v>
      </c>
      <c r="CH13" s="104">
        <v>55550263</v>
      </c>
      <c r="CI13" s="104">
        <v>36191474</v>
      </c>
      <c r="CJ13" s="104">
        <v>16916460</v>
      </c>
      <c r="CK13" s="103">
        <v>297921401</v>
      </c>
      <c r="CL13" s="106">
        <v>301227700</v>
      </c>
      <c r="CM13" s="100">
        <v>0</v>
      </c>
      <c r="CN13" s="104">
        <v>0</v>
      </c>
      <c r="CO13" s="103">
        <v>0</v>
      </c>
      <c r="CP13" s="101">
        <v>0</v>
      </c>
      <c r="CQ13" s="104">
        <v>86548402</v>
      </c>
      <c r="CR13" s="104">
        <v>73777014</v>
      </c>
      <c r="CS13" s="104">
        <v>43461029</v>
      </c>
      <c r="CT13" s="104">
        <v>28677709</v>
      </c>
      <c r="CU13" s="104">
        <v>13969085</v>
      </c>
      <c r="CV13" s="103">
        <v>246433239</v>
      </c>
      <c r="CW13" s="106">
        <v>246433239</v>
      </c>
      <c r="CX13" s="100">
        <v>869469</v>
      </c>
      <c r="CY13" s="104">
        <v>2436830</v>
      </c>
      <c r="CZ13" s="103">
        <v>3306299</v>
      </c>
      <c r="DA13" s="100">
        <v>0</v>
      </c>
      <c r="DB13" s="104">
        <v>14292486</v>
      </c>
      <c r="DC13" s="104">
        <v>14645302</v>
      </c>
      <c r="DD13" s="104">
        <v>12089234</v>
      </c>
      <c r="DE13" s="104">
        <v>7513765</v>
      </c>
      <c r="DF13" s="104">
        <v>2947375</v>
      </c>
      <c r="DG13" s="103">
        <v>51488162</v>
      </c>
      <c r="DH13" s="106">
        <v>54794461</v>
      </c>
      <c r="DI13" s="100">
        <v>33070</v>
      </c>
      <c r="DJ13" s="104">
        <v>156070</v>
      </c>
      <c r="DK13" s="102">
        <v>189140</v>
      </c>
      <c r="DL13" s="101">
        <v>0</v>
      </c>
      <c r="DM13" s="104">
        <v>12262989</v>
      </c>
      <c r="DN13" s="104">
        <v>20335193</v>
      </c>
      <c r="DO13" s="104">
        <v>29596364</v>
      </c>
      <c r="DP13" s="104">
        <v>20763557</v>
      </c>
      <c r="DQ13" s="104">
        <v>12311864</v>
      </c>
      <c r="DR13" s="103">
        <v>95269967</v>
      </c>
      <c r="DS13" s="106">
        <v>95459107</v>
      </c>
      <c r="DT13" s="100">
        <v>33070</v>
      </c>
      <c r="DU13" s="104">
        <v>156070</v>
      </c>
      <c r="DV13" s="103">
        <v>189140</v>
      </c>
      <c r="DW13" s="100">
        <v>0</v>
      </c>
      <c r="DX13" s="104">
        <v>11630723</v>
      </c>
      <c r="DY13" s="104">
        <v>18662838</v>
      </c>
      <c r="DZ13" s="104">
        <v>27387472</v>
      </c>
      <c r="EA13" s="104">
        <v>18814441</v>
      </c>
      <c r="EB13" s="104">
        <v>11615202</v>
      </c>
      <c r="EC13" s="103">
        <v>88110676</v>
      </c>
      <c r="ED13" s="106">
        <v>88299816</v>
      </c>
      <c r="EE13" s="100">
        <v>0</v>
      </c>
      <c r="EF13" s="102">
        <v>0</v>
      </c>
      <c r="EG13" s="103">
        <v>0</v>
      </c>
      <c r="EH13" s="100">
        <v>0</v>
      </c>
      <c r="EI13" s="104">
        <v>632266</v>
      </c>
      <c r="EJ13" s="104">
        <v>1672355</v>
      </c>
      <c r="EK13" s="104">
        <v>2208892</v>
      </c>
      <c r="EL13" s="104">
        <v>1949116</v>
      </c>
      <c r="EM13" s="104">
        <v>696662</v>
      </c>
      <c r="EN13" s="102">
        <v>7159291</v>
      </c>
      <c r="EO13" s="106">
        <v>7159291</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3754557</v>
      </c>
      <c r="FM13" s="104">
        <v>5550632</v>
      </c>
      <c r="FN13" s="103">
        <v>9305189</v>
      </c>
      <c r="FO13" s="100">
        <v>0</v>
      </c>
      <c r="FP13" s="104">
        <v>16618082</v>
      </c>
      <c r="FQ13" s="104">
        <v>31914987</v>
      </c>
      <c r="FR13" s="104">
        <v>21566489</v>
      </c>
      <c r="FS13" s="104">
        <v>20134898</v>
      </c>
      <c r="FT13" s="104">
        <v>13301767</v>
      </c>
      <c r="FU13" s="103">
        <v>103536223</v>
      </c>
      <c r="FV13" s="106">
        <v>112841412</v>
      </c>
      <c r="FW13" s="105">
        <v>1512717</v>
      </c>
      <c r="FX13" s="104">
        <v>3405934</v>
      </c>
      <c r="FY13" s="102">
        <v>4918651</v>
      </c>
      <c r="FZ13" s="101">
        <v>0</v>
      </c>
      <c r="GA13" s="104">
        <v>12251356</v>
      </c>
      <c r="GB13" s="104">
        <v>29302293</v>
      </c>
      <c r="GC13" s="104">
        <v>19965481</v>
      </c>
      <c r="GD13" s="104">
        <v>18733756</v>
      </c>
      <c r="GE13" s="104">
        <v>12832121</v>
      </c>
      <c r="GF13" s="103">
        <v>93085007</v>
      </c>
      <c r="GG13" s="296">
        <v>98003658</v>
      </c>
      <c r="GH13" s="105">
        <v>315746</v>
      </c>
      <c r="GI13" s="104">
        <v>472199</v>
      </c>
      <c r="GJ13" s="102">
        <v>787945</v>
      </c>
      <c r="GK13" s="101">
        <v>0</v>
      </c>
      <c r="GL13" s="104">
        <v>991144</v>
      </c>
      <c r="GM13" s="104">
        <v>938912</v>
      </c>
      <c r="GN13" s="104">
        <v>744077</v>
      </c>
      <c r="GO13" s="104">
        <v>454127</v>
      </c>
      <c r="GP13" s="104">
        <v>137846</v>
      </c>
      <c r="GQ13" s="103">
        <v>3266106</v>
      </c>
      <c r="GR13" s="106">
        <v>4054051</v>
      </c>
      <c r="GS13" s="100">
        <v>1926094</v>
      </c>
      <c r="GT13" s="104">
        <v>1672499</v>
      </c>
      <c r="GU13" s="103">
        <v>3598593</v>
      </c>
      <c r="GV13" s="100">
        <v>0</v>
      </c>
      <c r="GW13" s="104">
        <v>3375582</v>
      </c>
      <c r="GX13" s="104">
        <v>1673782</v>
      </c>
      <c r="GY13" s="104">
        <v>856931</v>
      </c>
      <c r="GZ13" s="104">
        <v>947015</v>
      </c>
      <c r="HA13" s="104">
        <v>331800</v>
      </c>
      <c r="HB13" s="102">
        <v>7185110</v>
      </c>
      <c r="HC13" s="106">
        <v>10783703</v>
      </c>
      <c r="HD13" s="100">
        <v>5588448</v>
      </c>
      <c r="HE13" s="104">
        <v>4335243</v>
      </c>
      <c r="HF13" s="102">
        <v>9923691</v>
      </c>
      <c r="HG13" s="101">
        <v>0</v>
      </c>
      <c r="HH13" s="104">
        <v>77128206</v>
      </c>
      <c r="HI13" s="104">
        <v>54544944</v>
      </c>
      <c r="HJ13" s="104">
        <v>54853809</v>
      </c>
      <c r="HK13" s="104">
        <v>62480626</v>
      </c>
      <c r="HL13" s="104">
        <v>35422278</v>
      </c>
      <c r="HM13" s="103">
        <v>284429863</v>
      </c>
      <c r="HN13" s="99">
        <v>294353554</v>
      </c>
      <c r="HO13" s="105">
        <v>2075920</v>
      </c>
      <c r="HP13" s="104">
        <v>3816336</v>
      </c>
      <c r="HQ13" s="103">
        <v>5892256</v>
      </c>
      <c r="HR13" s="100">
        <v>0</v>
      </c>
      <c r="HS13" s="104">
        <v>67134140</v>
      </c>
      <c r="HT13" s="104">
        <v>46698358</v>
      </c>
      <c r="HU13" s="104">
        <v>29197119</v>
      </c>
      <c r="HV13" s="104">
        <v>21234036</v>
      </c>
      <c r="HW13" s="104">
        <v>12462335</v>
      </c>
      <c r="HX13" s="102">
        <v>176725988</v>
      </c>
      <c r="HY13" s="106">
        <v>182618244</v>
      </c>
      <c r="HZ13" s="118">
        <v>78719</v>
      </c>
      <c r="IA13" s="119">
        <v>578270</v>
      </c>
      <c r="IB13" s="120">
        <v>656989</v>
      </c>
      <c r="IC13" s="133">
        <v>0</v>
      </c>
      <c r="ID13" s="119">
        <v>99175319</v>
      </c>
      <c r="IE13" s="134">
        <v>99533232</v>
      </c>
      <c r="IF13" s="120">
        <v>96590026</v>
      </c>
      <c r="IG13" s="119">
        <v>67620431</v>
      </c>
      <c r="IH13" s="120">
        <v>43420306</v>
      </c>
      <c r="II13" s="135">
        <v>406339314</v>
      </c>
      <c r="IJ13" s="126">
        <v>406996303</v>
      </c>
      <c r="IK13" s="219">
        <v>0</v>
      </c>
      <c r="IL13" s="223">
        <v>0</v>
      </c>
      <c r="IM13" s="224">
        <v>0</v>
      </c>
      <c r="IN13" s="127"/>
      <c r="IO13" s="109">
        <v>521101</v>
      </c>
      <c r="IP13" s="109">
        <v>796854</v>
      </c>
      <c r="IQ13" s="109">
        <v>1174913</v>
      </c>
      <c r="IR13" s="109">
        <v>2796059</v>
      </c>
      <c r="IS13" s="109">
        <v>1430989</v>
      </c>
      <c r="IT13" s="128">
        <v>6719916</v>
      </c>
      <c r="IU13" s="298">
        <v>6719916</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51374399</v>
      </c>
      <c r="JL13" s="109">
        <v>40191766</v>
      </c>
      <c r="JM13" s="109">
        <v>27054913</v>
      </c>
      <c r="JN13" s="109">
        <v>12980298</v>
      </c>
      <c r="JO13" s="109">
        <v>6091605</v>
      </c>
      <c r="JP13" s="110">
        <v>137692981</v>
      </c>
      <c r="JQ13" s="298">
        <v>137692981</v>
      </c>
      <c r="JR13" s="129">
        <v>0</v>
      </c>
      <c r="JS13" s="109">
        <v>0</v>
      </c>
      <c r="JT13" s="128">
        <v>0</v>
      </c>
      <c r="JU13" s="108">
        <v>0</v>
      </c>
      <c r="JV13" s="109">
        <v>7896428</v>
      </c>
      <c r="JW13" s="109">
        <v>11359017</v>
      </c>
      <c r="JX13" s="109">
        <v>13653052</v>
      </c>
      <c r="JY13" s="109">
        <v>6744535</v>
      </c>
      <c r="JZ13" s="109">
        <v>3444227</v>
      </c>
      <c r="KA13" s="110">
        <v>43097259</v>
      </c>
      <c r="KB13" s="298">
        <v>43097259</v>
      </c>
      <c r="KC13" s="221">
        <v>78719</v>
      </c>
      <c r="KD13" s="217">
        <v>323414</v>
      </c>
      <c r="KE13" s="110">
        <v>402133</v>
      </c>
      <c r="KF13" s="108">
        <v>0</v>
      </c>
      <c r="KG13" s="109">
        <v>6471617</v>
      </c>
      <c r="KH13" s="109">
        <v>5491904</v>
      </c>
      <c r="KI13" s="109">
        <v>8374352</v>
      </c>
      <c r="KJ13" s="109">
        <v>5545909</v>
      </c>
      <c r="KK13" s="109">
        <v>1576685</v>
      </c>
      <c r="KL13" s="110">
        <v>27460467</v>
      </c>
      <c r="KM13" s="130">
        <v>27862600</v>
      </c>
      <c r="KN13" s="219">
        <v>0</v>
      </c>
      <c r="KO13" s="223">
        <v>254856</v>
      </c>
      <c r="KP13" s="224">
        <v>254856</v>
      </c>
      <c r="KQ13" s="127"/>
      <c r="KR13" s="109">
        <v>31654754</v>
      </c>
      <c r="KS13" s="109">
        <v>39919302</v>
      </c>
      <c r="KT13" s="109">
        <v>45101558</v>
      </c>
      <c r="KU13" s="109">
        <v>36202589</v>
      </c>
      <c r="KV13" s="109">
        <v>21224831</v>
      </c>
      <c r="KW13" s="110">
        <v>174103034</v>
      </c>
      <c r="KX13" s="298">
        <v>174357890</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257020</v>
      </c>
      <c r="LZ13" s="109">
        <v>1774389</v>
      </c>
      <c r="MA13" s="109">
        <v>1231238</v>
      </c>
      <c r="MB13" s="109">
        <v>3351041</v>
      </c>
      <c r="MC13" s="109">
        <v>9651969</v>
      </c>
      <c r="MD13" s="110">
        <v>17265657</v>
      </c>
      <c r="ME13" s="111">
        <v>17265657</v>
      </c>
      <c r="MF13" s="129">
        <v>0</v>
      </c>
      <c r="MG13" s="109">
        <v>0</v>
      </c>
      <c r="MH13" s="110">
        <v>0</v>
      </c>
      <c r="MI13" s="132"/>
      <c r="MJ13" s="109">
        <v>43002354</v>
      </c>
      <c r="MK13" s="109">
        <v>66774549</v>
      </c>
      <c r="ML13" s="109">
        <v>228167622</v>
      </c>
      <c r="MM13" s="109">
        <v>343322823</v>
      </c>
      <c r="MN13" s="109">
        <v>198972326</v>
      </c>
      <c r="MO13" s="110">
        <v>880239674</v>
      </c>
      <c r="MP13" s="130">
        <v>880239674</v>
      </c>
      <c r="MQ13" s="129">
        <v>0</v>
      </c>
      <c r="MR13" s="109">
        <v>0</v>
      </c>
      <c r="MS13" s="110">
        <v>0</v>
      </c>
      <c r="MT13" s="132"/>
      <c r="MU13" s="109">
        <v>4029548</v>
      </c>
      <c r="MV13" s="109">
        <v>9659234</v>
      </c>
      <c r="MW13" s="109">
        <v>147346471</v>
      </c>
      <c r="MX13" s="109">
        <v>254311668</v>
      </c>
      <c r="MY13" s="109">
        <v>160994781</v>
      </c>
      <c r="MZ13" s="110">
        <v>576341702</v>
      </c>
      <c r="NA13" s="130">
        <v>576341702</v>
      </c>
      <c r="NB13" s="129">
        <v>0</v>
      </c>
      <c r="NC13" s="109">
        <v>0</v>
      </c>
      <c r="ND13" s="110">
        <v>0</v>
      </c>
      <c r="NE13" s="132"/>
      <c r="NF13" s="109">
        <v>38972806</v>
      </c>
      <c r="NG13" s="109">
        <v>57115315</v>
      </c>
      <c r="NH13" s="109">
        <v>80123101</v>
      </c>
      <c r="NI13" s="109">
        <v>87918722</v>
      </c>
      <c r="NJ13" s="109">
        <v>36294383</v>
      </c>
      <c r="NK13" s="110">
        <v>300424327</v>
      </c>
      <c r="NL13" s="298">
        <v>300424327</v>
      </c>
      <c r="NM13" s="129">
        <v>0</v>
      </c>
      <c r="NN13" s="109">
        <v>0</v>
      </c>
      <c r="NO13" s="110">
        <v>0</v>
      </c>
      <c r="NP13" s="132"/>
      <c r="NQ13" s="109">
        <v>0</v>
      </c>
      <c r="NR13" s="109">
        <v>0</v>
      </c>
      <c r="NS13" s="109">
        <v>0</v>
      </c>
      <c r="NT13" s="109">
        <v>334152</v>
      </c>
      <c r="NU13" s="109">
        <v>942570</v>
      </c>
      <c r="NV13" s="110">
        <v>1276722</v>
      </c>
      <c r="NW13" s="111">
        <v>1276722</v>
      </c>
      <c r="NX13" s="129">
        <v>0</v>
      </c>
      <c r="NY13" s="109">
        <v>0</v>
      </c>
      <c r="NZ13" s="110">
        <v>0</v>
      </c>
      <c r="OA13" s="132"/>
      <c r="OB13" s="109">
        <v>0</v>
      </c>
      <c r="OC13" s="109">
        <v>0</v>
      </c>
      <c r="OD13" s="109">
        <v>698050</v>
      </c>
      <c r="OE13" s="109">
        <v>758281</v>
      </c>
      <c r="OF13" s="109">
        <v>740592</v>
      </c>
      <c r="OG13" s="110">
        <v>2196923</v>
      </c>
      <c r="OH13" s="111">
        <v>2196923</v>
      </c>
      <c r="OI13" s="129">
        <v>14608083</v>
      </c>
      <c r="OJ13" s="109">
        <v>18924769</v>
      </c>
      <c r="OK13" s="128">
        <v>33532852</v>
      </c>
      <c r="OL13" s="108">
        <v>0</v>
      </c>
      <c r="OM13" s="109">
        <v>505385430</v>
      </c>
      <c r="ON13" s="109">
        <v>506352674</v>
      </c>
      <c r="OO13" s="109">
        <v>606398790</v>
      </c>
      <c r="OP13" s="109">
        <v>695816098</v>
      </c>
      <c r="OQ13" s="109">
        <v>443895549</v>
      </c>
      <c r="OR13" s="110">
        <v>2757848541</v>
      </c>
      <c r="OS13" s="130">
        <v>2791381393</v>
      </c>
    </row>
    <row r="14" spans="1:409" ht="21" customHeight="1" x14ac:dyDescent="0.2">
      <c r="B14" s="472" t="s">
        <v>8</v>
      </c>
      <c r="C14" s="100">
        <v>11842373</v>
      </c>
      <c r="D14" s="104">
        <v>16014287</v>
      </c>
      <c r="E14" s="103">
        <v>27856660</v>
      </c>
      <c r="F14" s="99">
        <v>0</v>
      </c>
      <c r="G14" s="104">
        <v>147435302</v>
      </c>
      <c r="H14" s="104">
        <v>211946696</v>
      </c>
      <c r="I14" s="104">
        <v>191882088</v>
      </c>
      <c r="J14" s="104">
        <v>179414793</v>
      </c>
      <c r="K14" s="104">
        <v>131287061</v>
      </c>
      <c r="L14" s="99">
        <v>861965940</v>
      </c>
      <c r="M14" s="106">
        <v>889822600</v>
      </c>
      <c r="N14" s="100">
        <v>2320161</v>
      </c>
      <c r="O14" s="104">
        <v>3283919</v>
      </c>
      <c r="P14" s="103">
        <v>5604080</v>
      </c>
      <c r="Q14" s="100">
        <v>0</v>
      </c>
      <c r="R14" s="104">
        <v>41628906</v>
      </c>
      <c r="S14" s="104">
        <v>67471358</v>
      </c>
      <c r="T14" s="104">
        <v>63797009</v>
      </c>
      <c r="U14" s="104">
        <v>74189452</v>
      </c>
      <c r="V14" s="104">
        <v>70814305</v>
      </c>
      <c r="W14" s="103">
        <v>317901030</v>
      </c>
      <c r="X14" s="106">
        <v>323505110</v>
      </c>
      <c r="Y14" s="100">
        <v>0</v>
      </c>
      <c r="Z14" s="104">
        <v>0</v>
      </c>
      <c r="AA14" s="103">
        <v>0</v>
      </c>
      <c r="AB14" s="100">
        <v>0</v>
      </c>
      <c r="AC14" s="104">
        <v>21814610</v>
      </c>
      <c r="AD14" s="104">
        <v>38837632</v>
      </c>
      <c r="AE14" s="104">
        <v>41405295</v>
      </c>
      <c r="AF14" s="104">
        <v>48720234</v>
      </c>
      <c r="AG14" s="104">
        <v>45862777</v>
      </c>
      <c r="AH14" s="103">
        <v>196640548</v>
      </c>
      <c r="AI14" s="106">
        <v>196640548</v>
      </c>
      <c r="AJ14" s="100">
        <v>0</v>
      </c>
      <c r="AK14" s="104">
        <v>0</v>
      </c>
      <c r="AL14" s="103">
        <v>0</v>
      </c>
      <c r="AM14" s="100">
        <v>0</v>
      </c>
      <c r="AN14" s="104">
        <v>400720</v>
      </c>
      <c r="AO14" s="104">
        <v>989241</v>
      </c>
      <c r="AP14" s="104">
        <v>1434849</v>
      </c>
      <c r="AQ14" s="104">
        <v>4076570</v>
      </c>
      <c r="AR14" s="104">
        <v>7236699</v>
      </c>
      <c r="AS14" s="103">
        <v>14138079</v>
      </c>
      <c r="AT14" s="106">
        <v>14138079</v>
      </c>
      <c r="AU14" s="100">
        <v>1126605</v>
      </c>
      <c r="AV14" s="104">
        <v>2098418</v>
      </c>
      <c r="AW14" s="103">
        <v>3225023</v>
      </c>
      <c r="AX14" s="100">
        <v>0</v>
      </c>
      <c r="AY14" s="104">
        <v>10543127</v>
      </c>
      <c r="AZ14" s="104">
        <v>16585325</v>
      </c>
      <c r="BA14" s="104">
        <v>11433701</v>
      </c>
      <c r="BB14" s="104">
        <v>12470591</v>
      </c>
      <c r="BC14" s="104">
        <v>11319523</v>
      </c>
      <c r="BD14" s="103">
        <v>62352267</v>
      </c>
      <c r="BE14" s="106">
        <v>65577290</v>
      </c>
      <c r="BF14" s="100">
        <v>390400</v>
      </c>
      <c r="BG14" s="104">
        <v>638111</v>
      </c>
      <c r="BH14" s="102">
        <v>1028511</v>
      </c>
      <c r="BI14" s="101">
        <v>0</v>
      </c>
      <c r="BJ14" s="104">
        <v>2907459</v>
      </c>
      <c r="BK14" s="104">
        <v>3741955</v>
      </c>
      <c r="BL14" s="104">
        <v>2212166</v>
      </c>
      <c r="BM14" s="104">
        <v>1390904</v>
      </c>
      <c r="BN14" s="104">
        <v>811197</v>
      </c>
      <c r="BO14" s="103">
        <v>11063681</v>
      </c>
      <c r="BP14" s="106">
        <v>12092192</v>
      </c>
      <c r="BQ14" s="100">
        <v>803156</v>
      </c>
      <c r="BR14" s="104">
        <v>547390</v>
      </c>
      <c r="BS14" s="103">
        <v>1350546</v>
      </c>
      <c r="BT14" s="100">
        <v>0</v>
      </c>
      <c r="BU14" s="104">
        <v>5962990</v>
      </c>
      <c r="BV14" s="104">
        <v>7317205</v>
      </c>
      <c r="BW14" s="104">
        <v>7310998</v>
      </c>
      <c r="BX14" s="104">
        <v>7531153</v>
      </c>
      <c r="BY14" s="104">
        <v>5584109</v>
      </c>
      <c r="BZ14" s="103">
        <v>33706455</v>
      </c>
      <c r="CA14" s="106">
        <v>35057001</v>
      </c>
      <c r="CB14" s="100">
        <v>1126433</v>
      </c>
      <c r="CC14" s="104">
        <v>2703582</v>
      </c>
      <c r="CD14" s="103">
        <v>3830015</v>
      </c>
      <c r="CE14" s="100">
        <v>0</v>
      </c>
      <c r="CF14" s="104">
        <v>40842598</v>
      </c>
      <c r="CG14" s="104">
        <v>60063735</v>
      </c>
      <c r="CH14" s="104">
        <v>46081203</v>
      </c>
      <c r="CI14" s="104">
        <v>33953173</v>
      </c>
      <c r="CJ14" s="104">
        <v>16948444</v>
      </c>
      <c r="CK14" s="103">
        <v>197889153</v>
      </c>
      <c r="CL14" s="106">
        <v>201719168</v>
      </c>
      <c r="CM14" s="100">
        <v>0</v>
      </c>
      <c r="CN14" s="104">
        <v>0</v>
      </c>
      <c r="CO14" s="103">
        <v>0</v>
      </c>
      <c r="CP14" s="101">
        <v>0</v>
      </c>
      <c r="CQ14" s="104">
        <v>34802630</v>
      </c>
      <c r="CR14" s="104">
        <v>48673808</v>
      </c>
      <c r="CS14" s="104">
        <v>37500895</v>
      </c>
      <c r="CT14" s="104">
        <v>27826233</v>
      </c>
      <c r="CU14" s="104">
        <v>14913651</v>
      </c>
      <c r="CV14" s="103">
        <v>163717217</v>
      </c>
      <c r="CW14" s="106">
        <v>163717217</v>
      </c>
      <c r="CX14" s="100">
        <v>1126433</v>
      </c>
      <c r="CY14" s="104">
        <v>2703582</v>
      </c>
      <c r="CZ14" s="103">
        <v>3830015</v>
      </c>
      <c r="DA14" s="100">
        <v>0</v>
      </c>
      <c r="DB14" s="104">
        <v>6039968</v>
      </c>
      <c r="DC14" s="104">
        <v>11389927</v>
      </c>
      <c r="DD14" s="104">
        <v>8580308</v>
      </c>
      <c r="DE14" s="104">
        <v>6126940</v>
      </c>
      <c r="DF14" s="104">
        <v>2034793</v>
      </c>
      <c r="DG14" s="103">
        <v>34171936</v>
      </c>
      <c r="DH14" s="106">
        <v>38001951</v>
      </c>
      <c r="DI14" s="100">
        <v>125644</v>
      </c>
      <c r="DJ14" s="104">
        <v>295248</v>
      </c>
      <c r="DK14" s="102">
        <v>420892</v>
      </c>
      <c r="DL14" s="101">
        <v>0</v>
      </c>
      <c r="DM14" s="104">
        <v>3618907</v>
      </c>
      <c r="DN14" s="104">
        <v>10993000</v>
      </c>
      <c r="DO14" s="104">
        <v>26130051</v>
      </c>
      <c r="DP14" s="104">
        <v>17201107</v>
      </c>
      <c r="DQ14" s="104">
        <v>6719542</v>
      </c>
      <c r="DR14" s="103">
        <v>64662607</v>
      </c>
      <c r="DS14" s="106">
        <v>65083499</v>
      </c>
      <c r="DT14" s="100">
        <v>125644</v>
      </c>
      <c r="DU14" s="104">
        <v>295248</v>
      </c>
      <c r="DV14" s="103">
        <v>420892</v>
      </c>
      <c r="DW14" s="100">
        <v>0</v>
      </c>
      <c r="DX14" s="104">
        <v>3560225</v>
      </c>
      <c r="DY14" s="104">
        <v>10372910</v>
      </c>
      <c r="DZ14" s="104">
        <v>25152056</v>
      </c>
      <c r="EA14" s="104">
        <v>17001667</v>
      </c>
      <c r="EB14" s="104">
        <v>6636930</v>
      </c>
      <c r="EC14" s="103">
        <v>62723788</v>
      </c>
      <c r="ED14" s="106">
        <v>63144680</v>
      </c>
      <c r="EE14" s="100">
        <v>0</v>
      </c>
      <c r="EF14" s="102">
        <v>0</v>
      </c>
      <c r="EG14" s="103">
        <v>0</v>
      </c>
      <c r="EH14" s="100">
        <v>0</v>
      </c>
      <c r="EI14" s="104">
        <v>58682</v>
      </c>
      <c r="EJ14" s="104">
        <v>620090</v>
      </c>
      <c r="EK14" s="104">
        <v>977995</v>
      </c>
      <c r="EL14" s="104">
        <v>199440</v>
      </c>
      <c r="EM14" s="104">
        <v>82612</v>
      </c>
      <c r="EN14" s="102">
        <v>1938819</v>
      </c>
      <c r="EO14" s="106">
        <v>1938819</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2932122</v>
      </c>
      <c r="FM14" s="104">
        <v>4866436</v>
      </c>
      <c r="FN14" s="103">
        <v>7798558</v>
      </c>
      <c r="FO14" s="100">
        <v>0</v>
      </c>
      <c r="FP14" s="104">
        <v>8450890</v>
      </c>
      <c r="FQ14" s="104">
        <v>22853184</v>
      </c>
      <c r="FR14" s="104">
        <v>15645713</v>
      </c>
      <c r="FS14" s="104">
        <v>13274788</v>
      </c>
      <c r="FT14" s="104">
        <v>9557461</v>
      </c>
      <c r="FU14" s="103">
        <v>69782036</v>
      </c>
      <c r="FV14" s="106">
        <v>77580594</v>
      </c>
      <c r="FW14" s="105">
        <v>2204687</v>
      </c>
      <c r="FX14" s="104">
        <v>3732522</v>
      </c>
      <c r="FY14" s="102">
        <v>5937209</v>
      </c>
      <c r="FZ14" s="101">
        <v>0</v>
      </c>
      <c r="GA14" s="104">
        <v>7318711</v>
      </c>
      <c r="GB14" s="104">
        <v>20887309</v>
      </c>
      <c r="GC14" s="104">
        <v>14762508</v>
      </c>
      <c r="GD14" s="104">
        <v>12546572</v>
      </c>
      <c r="GE14" s="104">
        <v>9314754</v>
      </c>
      <c r="GF14" s="103">
        <v>64829854</v>
      </c>
      <c r="GG14" s="296">
        <v>70767063</v>
      </c>
      <c r="GH14" s="105">
        <v>163295</v>
      </c>
      <c r="GI14" s="104">
        <v>82308</v>
      </c>
      <c r="GJ14" s="102">
        <v>245603</v>
      </c>
      <c r="GK14" s="101">
        <v>0</v>
      </c>
      <c r="GL14" s="104">
        <v>343755</v>
      </c>
      <c r="GM14" s="104">
        <v>774215</v>
      </c>
      <c r="GN14" s="104">
        <v>476038</v>
      </c>
      <c r="GO14" s="104">
        <v>368926</v>
      </c>
      <c r="GP14" s="104">
        <v>84744</v>
      </c>
      <c r="GQ14" s="103">
        <v>2047678</v>
      </c>
      <c r="GR14" s="106">
        <v>2293281</v>
      </c>
      <c r="GS14" s="100">
        <v>564140</v>
      </c>
      <c r="GT14" s="104">
        <v>1051606</v>
      </c>
      <c r="GU14" s="103">
        <v>1615746</v>
      </c>
      <c r="GV14" s="100">
        <v>0</v>
      </c>
      <c r="GW14" s="104">
        <v>788424</v>
      </c>
      <c r="GX14" s="104">
        <v>1191660</v>
      </c>
      <c r="GY14" s="104">
        <v>407167</v>
      </c>
      <c r="GZ14" s="104">
        <v>359290</v>
      </c>
      <c r="HA14" s="104">
        <v>157963</v>
      </c>
      <c r="HB14" s="102">
        <v>2904504</v>
      </c>
      <c r="HC14" s="106">
        <v>4520250</v>
      </c>
      <c r="HD14" s="100">
        <v>2883892</v>
      </c>
      <c r="HE14" s="104">
        <v>1540290</v>
      </c>
      <c r="HF14" s="102">
        <v>4424182</v>
      </c>
      <c r="HG14" s="101">
        <v>0</v>
      </c>
      <c r="HH14" s="104">
        <v>26975805</v>
      </c>
      <c r="HI14" s="104">
        <v>22129112</v>
      </c>
      <c r="HJ14" s="104">
        <v>21048149</v>
      </c>
      <c r="HK14" s="104">
        <v>28356881</v>
      </c>
      <c r="HL14" s="104">
        <v>19774348</v>
      </c>
      <c r="HM14" s="103">
        <v>118284295</v>
      </c>
      <c r="HN14" s="99">
        <v>122708477</v>
      </c>
      <c r="HO14" s="105">
        <v>2454121</v>
      </c>
      <c r="HP14" s="104">
        <v>3324812</v>
      </c>
      <c r="HQ14" s="103">
        <v>5778933</v>
      </c>
      <c r="HR14" s="100">
        <v>0</v>
      </c>
      <c r="HS14" s="104">
        <v>25918196</v>
      </c>
      <c r="HT14" s="104">
        <v>28436307</v>
      </c>
      <c r="HU14" s="104">
        <v>19179963</v>
      </c>
      <c r="HV14" s="104">
        <v>12439392</v>
      </c>
      <c r="HW14" s="104">
        <v>7472961</v>
      </c>
      <c r="HX14" s="102">
        <v>93446819</v>
      </c>
      <c r="HY14" s="106">
        <v>99225752</v>
      </c>
      <c r="HZ14" s="118">
        <v>497786</v>
      </c>
      <c r="IA14" s="119">
        <v>930123</v>
      </c>
      <c r="IB14" s="120">
        <v>1427909</v>
      </c>
      <c r="IC14" s="121">
        <v>0</v>
      </c>
      <c r="ID14" s="122">
        <v>59384046</v>
      </c>
      <c r="IE14" s="123">
        <v>71603889</v>
      </c>
      <c r="IF14" s="124">
        <v>70781515</v>
      </c>
      <c r="IG14" s="122">
        <v>54776302</v>
      </c>
      <c r="IH14" s="124">
        <v>27664624</v>
      </c>
      <c r="II14" s="125">
        <v>284210376</v>
      </c>
      <c r="IJ14" s="126">
        <v>285638285</v>
      </c>
      <c r="IK14" s="219">
        <v>0</v>
      </c>
      <c r="IL14" s="223">
        <v>0</v>
      </c>
      <c r="IM14" s="224">
        <v>0</v>
      </c>
      <c r="IN14" s="127"/>
      <c r="IO14" s="109">
        <v>440857</v>
      </c>
      <c r="IP14" s="109">
        <v>608381</v>
      </c>
      <c r="IQ14" s="109">
        <v>222269</v>
      </c>
      <c r="IR14" s="109">
        <v>1234697</v>
      </c>
      <c r="IS14" s="109">
        <v>309209</v>
      </c>
      <c r="IT14" s="128">
        <v>2815413</v>
      </c>
      <c r="IU14" s="298">
        <v>2815413</v>
      </c>
      <c r="IV14" s="129">
        <v>0</v>
      </c>
      <c r="IW14" s="109">
        <v>0</v>
      </c>
      <c r="IX14" s="110">
        <v>0</v>
      </c>
      <c r="IY14" s="131"/>
      <c r="IZ14" s="109">
        <v>56045</v>
      </c>
      <c r="JA14" s="109">
        <v>38538</v>
      </c>
      <c r="JB14" s="109">
        <v>0</v>
      </c>
      <c r="JC14" s="109">
        <v>0</v>
      </c>
      <c r="JD14" s="109">
        <v>52925</v>
      </c>
      <c r="JE14" s="110">
        <v>147508</v>
      </c>
      <c r="JF14" s="111">
        <v>147508</v>
      </c>
      <c r="JG14" s="129">
        <v>0</v>
      </c>
      <c r="JH14" s="109">
        <v>0</v>
      </c>
      <c r="JI14" s="128">
        <v>0</v>
      </c>
      <c r="JJ14" s="108">
        <v>0</v>
      </c>
      <c r="JK14" s="109">
        <v>30885448</v>
      </c>
      <c r="JL14" s="109">
        <v>37483406</v>
      </c>
      <c r="JM14" s="109">
        <v>25015034</v>
      </c>
      <c r="JN14" s="109">
        <v>14317140</v>
      </c>
      <c r="JO14" s="109">
        <v>6261235</v>
      </c>
      <c r="JP14" s="110">
        <v>113962263</v>
      </c>
      <c r="JQ14" s="298">
        <v>113962263</v>
      </c>
      <c r="JR14" s="129">
        <v>0</v>
      </c>
      <c r="JS14" s="109">
        <v>0</v>
      </c>
      <c r="JT14" s="128">
        <v>0</v>
      </c>
      <c r="JU14" s="108">
        <v>0</v>
      </c>
      <c r="JV14" s="109">
        <v>592047</v>
      </c>
      <c r="JW14" s="109">
        <v>720039</v>
      </c>
      <c r="JX14" s="109">
        <v>1491406</v>
      </c>
      <c r="JY14" s="109">
        <v>1391361</v>
      </c>
      <c r="JZ14" s="109">
        <v>1387086</v>
      </c>
      <c r="KA14" s="110">
        <v>5581939</v>
      </c>
      <c r="KB14" s="298">
        <v>5581939</v>
      </c>
      <c r="KC14" s="221">
        <v>497786</v>
      </c>
      <c r="KD14" s="217">
        <v>930123</v>
      </c>
      <c r="KE14" s="110">
        <v>1427909</v>
      </c>
      <c r="KF14" s="108">
        <v>0</v>
      </c>
      <c r="KG14" s="109">
        <v>9266481</v>
      </c>
      <c r="KH14" s="109">
        <v>9725058</v>
      </c>
      <c r="KI14" s="109">
        <v>11994194</v>
      </c>
      <c r="KJ14" s="109">
        <v>7558345</v>
      </c>
      <c r="KK14" s="109">
        <v>3539075</v>
      </c>
      <c r="KL14" s="110">
        <v>42083153</v>
      </c>
      <c r="KM14" s="130">
        <v>43511062</v>
      </c>
      <c r="KN14" s="219">
        <v>0</v>
      </c>
      <c r="KO14" s="223">
        <v>0</v>
      </c>
      <c r="KP14" s="224">
        <v>0</v>
      </c>
      <c r="KQ14" s="127"/>
      <c r="KR14" s="109">
        <v>15861188</v>
      </c>
      <c r="KS14" s="109">
        <v>18529786</v>
      </c>
      <c r="KT14" s="109">
        <v>21763624</v>
      </c>
      <c r="KU14" s="109">
        <v>17108230</v>
      </c>
      <c r="KV14" s="109">
        <v>9784946</v>
      </c>
      <c r="KW14" s="110">
        <v>83047774</v>
      </c>
      <c r="KX14" s="298">
        <v>83047774</v>
      </c>
      <c r="KY14" s="129">
        <v>0</v>
      </c>
      <c r="KZ14" s="109">
        <v>0</v>
      </c>
      <c r="LA14" s="110">
        <v>0</v>
      </c>
      <c r="LB14" s="132"/>
      <c r="LC14" s="109">
        <v>272914</v>
      </c>
      <c r="LD14" s="109">
        <v>1771176</v>
      </c>
      <c r="LE14" s="109">
        <v>2833054</v>
      </c>
      <c r="LF14" s="109">
        <v>3636539</v>
      </c>
      <c r="LG14" s="109">
        <v>1408028</v>
      </c>
      <c r="LH14" s="110">
        <v>9921711</v>
      </c>
      <c r="LI14" s="111">
        <v>9921711</v>
      </c>
      <c r="LJ14" s="129">
        <v>0</v>
      </c>
      <c r="LK14" s="109">
        <v>0</v>
      </c>
      <c r="LL14" s="110">
        <v>0</v>
      </c>
      <c r="LM14" s="132"/>
      <c r="LN14" s="109">
        <v>0</v>
      </c>
      <c r="LO14" s="109">
        <v>226359</v>
      </c>
      <c r="LP14" s="109">
        <v>2751998</v>
      </c>
      <c r="LQ14" s="109">
        <v>5906144</v>
      </c>
      <c r="LR14" s="109">
        <v>3136324</v>
      </c>
      <c r="LS14" s="110">
        <v>12020825</v>
      </c>
      <c r="LT14" s="298">
        <v>12020825</v>
      </c>
      <c r="LU14" s="129">
        <v>0</v>
      </c>
      <c r="LV14" s="109">
        <v>0</v>
      </c>
      <c r="LW14" s="110">
        <v>0</v>
      </c>
      <c r="LX14" s="132"/>
      <c r="LY14" s="109">
        <v>2009066</v>
      </c>
      <c r="LZ14" s="109">
        <v>2501146</v>
      </c>
      <c r="MA14" s="109">
        <v>4709936</v>
      </c>
      <c r="MB14" s="109">
        <v>3623846</v>
      </c>
      <c r="MC14" s="109">
        <v>1785796</v>
      </c>
      <c r="MD14" s="110">
        <v>14629790</v>
      </c>
      <c r="ME14" s="111">
        <v>14629790</v>
      </c>
      <c r="MF14" s="129">
        <v>0</v>
      </c>
      <c r="MG14" s="109">
        <v>0</v>
      </c>
      <c r="MH14" s="110">
        <v>0</v>
      </c>
      <c r="MI14" s="132"/>
      <c r="MJ14" s="109">
        <v>14109972</v>
      </c>
      <c r="MK14" s="109">
        <v>37808133</v>
      </c>
      <c r="ML14" s="109">
        <v>143904146</v>
      </c>
      <c r="MM14" s="109">
        <v>162539505</v>
      </c>
      <c r="MN14" s="109">
        <v>98270755</v>
      </c>
      <c r="MO14" s="110">
        <v>456632511</v>
      </c>
      <c r="MP14" s="130">
        <v>456632511</v>
      </c>
      <c r="MQ14" s="129">
        <v>0</v>
      </c>
      <c r="MR14" s="109">
        <v>0</v>
      </c>
      <c r="MS14" s="110">
        <v>0</v>
      </c>
      <c r="MT14" s="132"/>
      <c r="MU14" s="109">
        <v>3043857</v>
      </c>
      <c r="MV14" s="109">
        <v>13453063</v>
      </c>
      <c r="MW14" s="109">
        <v>94762971</v>
      </c>
      <c r="MX14" s="109">
        <v>116989482</v>
      </c>
      <c r="MY14" s="109">
        <v>71488734</v>
      </c>
      <c r="MZ14" s="110">
        <v>299738107</v>
      </c>
      <c r="NA14" s="130">
        <v>299738107</v>
      </c>
      <c r="NB14" s="129">
        <v>0</v>
      </c>
      <c r="NC14" s="109">
        <v>0</v>
      </c>
      <c r="ND14" s="110">
        <v>0</v>
      </c>
      <c r="NE14" s="132"/>
      <c r="NF14" s="109">
        <v>10847955</v>
      </c>
      <c r="NG14" s="109">
        <v>24129232</v>
      </c>
      <c r="NH14" s="109">
        <v>47926258</v>
      </c>
      <c r="NI14" s="109">
        <v>42737371</v>
      </c>
      <c r="NJ14" s="109">
        <v>24364187</v>
      </c>
      <c r="NK14" s="110">
        <v>150005003</v>
      </c>
      <c r="NL14" s="298">
        <v>150005003</v>
      </c>
      <c r="NM14" s="129">
        <v>0</v>
      </c>
      <c r="NN14" s="109">
        <v>0</v>
      </c>
      <c r="NO14" s="110">
        <v>0</v>
      </c>
      <c r="NP14" s="132"/>
      <c r="NQ14" s="109">
        <v>0</v>
      </c>
      <c r="NR14" s="109">
        <v>0</v>
      </c>
      <c r="NS14" s="109">
        <v>0</v>
      </c>
      <c r="NT14" s="109">
        <v>709904</v>
      </c>
      <c r="NU14" s="109">
        <v>0</v>
      </c>
      <c r="NV14" s="110">
        <v>709904</v>
      </c>
      <c r="NW14" s="111">
        <v>709904</v>
      </c>
      <c r="NX14" s="129">
        <v>0</v>
      </c>
      <c r="NY14" s="109">
        <v>0</v>
      </c>
      <c r="NZ14" s="110">
        <v>0</v>
      </c>
      <c r="OA14" s="132"/>
      <c r="OB14" s="109">
        <v>218160</v>
      </c>
      <c r="OC14" s="109">
        <v>225838</v>
      </c>
      <c r="OD14" s="109">
        <v>1214917</v>
      </c>
      <c r="OE14" s="109">
        <v>2102748</v>
      </c>
      <c r="OF14" s="109">
        <v>2417834</v>
      </c>
      <c r="OG14" s="110">
        <v>6179497</v>
      </c>
      <c r="OH14" s="111">
        <v>6179497</v>
      </c>
      <c r="OI14" s="129">
        <v>12340159</v>
      </c>
      <c r="OJ14" s="109">
        <v>16944410</v>
      </c>
      <c r="OK14" s="128">
        <v>29284569</v>
      </c>
      <c r="OL14" s="108">
        <v>0</v>
      </c>
      <c r="OM14" s="109">
        <v>220929320</v>
      </c>
      <c r="ON14" s="109">
        <v>321358718</v>
      </c>
      <c r="OO14" s="109">
        <v>406567749</v>
      </c>
      <c r="OP14" s="109">
        <v>396730600</v>
      </c>
      <c r="OQ14" s="109">
        <v>257222440</v>
      </c>
      <c r="OR14" s="110">
        <v>1602808827</v>
      </c>
      <c r="OS14" s="130">
        <v>1632093396</v>
      </c>
    </row>
    <row r="15" spans="1:409" ht="21" customHeight="1" x14ac:dyDescent="0.2">
      <c r="B15" s="472" t="s">
        <v>9</v>
      </c>
      <c r="C15" s="100">
        <v>12830757</v>
      </c>
      <c r="D15" s="104">
        <v>15672899</v>
      </c>
      <c r="E15" s="103">
        <v>28503656</v>
      </c>
      <c r="F15" s="101">
        <v>0</v>
      </c>
      <c r="G15" s="104">
        <v>157431032</v>
      </c>
      <c r="H15" s="104">
        <v>161303587</v>
      </c>
      <c r="I15" s="104">
        <v>160821678</v>
      </c>
      <c r="J15" s="104">
        <v>170768471</v>
      </c>
      <c r="K15" s="104">
        <v>131865376</v>
      </c>
      <c r="L15" s="99">
        <v>782190144</v>
      </c>
      <c r="M15" s="106">
        <v>810693800</v>
      </c>
      <c r="N15" s="100">
        <v>2016954</v>
      </c>
      <c r="O15" s="104">
        <v>3593060</v>
      </c>
      <c r="P15" s="103">
        <v>5610014</v>
      </c>
      <c r="Q15" s="100">
        <v>0</v>
      </c>
      <c r="R15" s="104">
        <v>47853873</v>
      </c>
      <c r="S15" s="104">
        <v>54437626</v>
      </c>
      <c r="T15" s="104">
        <v>58694232</v>
      </c>
      <c r="U15" s="104">
        <v>73762566</v>
      </c>
      <c r="V15" s="104">
        <v>72892603</v>
      </c>
      <c r="W15" s="103">
        <v>307640900</v>
      </c>
      <c r="X15" s="106">
        <v>313250914</v>
      </c>
      <c r="Y15" s="100">
        <v>0</v>
      </c>
      <c r="Z15" s="104">
        <v>0</v>
      </c>
      <c r="AA15" s="103">
        <v>0</v>
      </c>
      <c r="AB15" s="100">
        <v>0</v>
      </c>
      <c r="AC15" s="104">
        <v>23259453</v>
      </c>
      <c r="AD15" s="104">
        <v>28925787</v>
      </c>
      <c r="AE15" s="104">
        <v>34708821</v>
      </c>
      <c r="AF15" s="104">
        <v>46164382</v>
      </c>
      <c r="AG15" s="104">
        <v>47846667</v>
      </c>
      <c r="AH15" s="103">
        <v>180905110</v>
      </c>
      <c r="AI15" s="106">
        <v>180905110</v>
      </c>
      <c r="AJ15" s="100">
        <v>0</v>
      </c>
      <c r="AK15" s="104">
        <v>0</v>
      </c>
      <c r="AL15" s="103">
        <v>0</v>
      </c>
      <c r="AM15" s="100">
        <v>0</v>
      </c>
      <c r="AN15" s="104">
        <v>137776</v>
      </c>
      <c r="AO15" s="104">
        <v>446669</v>
      </c>
      <c r="AP15" s="104">
        <v>993600</v>
      </c>
      <c r="AQ15" s="104">
        <v>3626206</v>
      </c>
      <c r="AR15" s="104">
        <v>5940062</v>
      </c>
      <c r="AS15" s="103">
        <v>11144313</v>
      </c>
      <c r="AT15" s="106">
        <v>11144313</v>
      </c>
      <c r="AU15" s="100">
        <v>1009345</v>
      </c>
      <c r="AV15" s="104">
        <v>2359733</v>
      </c>
      <c r="AW15" s="103">
        <v>3369078</v>
      </c>
      <c r="AX15" s="100">
        <v>0</v>
      </c>
      <c r="AY15" s="104">
        <v>15119338</v>
      </c>
      <c r="AZ15" s="104">
        <v>15386918</v>
      </c>
      <c r="BA15" s="104">
        <v>12812212</v>
      </c>
      <c r="BB15" s="104">
        <v>13270200</v>
      </c>
      <c r="BC15" s="104">
        <v>11637200</v>
      </c>
      <c r="BD15" s="103">
        <v>68225868</v>
      </c>
      <c r="BE15" s="106">
        <v>71594946</v>
      </c>
      <c r="BF15" s="100">
        <v>70016</v>
      </c>
      <c r="BG15" s="104">
        <v>405656</v>
      </c>
      <c r="BH15" s="102">
        <v>475672</v>
      </c>
      <c r="BI15" s="101">
        <v>0</v>
      </c>
      <c r="BJ15" s="104">
        <v>1702509</v>
      </c>
      <c r="BK15" s="104">
        <v>1719677</v>
      </c>
      <c r="BL15" s="104">
        <v>1872255</v>
      </c>
      <c r="BM15" s="104">
        <v>1450821</v>
      </c>
      <c r="BN15" s="104">
        <v>856554</v>
      </c>
      <c r="BO15" s="103">
        <v>7601816</v>
      </c>
      <c r="BP15" s="106">
        <v>8077488</v>
      </c>
      <c r="BQ15" s="100">
        <v>937593</v>
      </c>
      <c r="BR15" s="104">
        <v>827671</v>
      </c>
      <c r="BS15" s="103">
        <v>1765264</v>
      </c>
      <c r="BT15" s="100">
        <v>0</v>
      </c>
      <c r="BU15" s="104">
        <v>7634797</v>
      </c>
      <c r="BV15" s="104">
        <v>7958575</v>
      </c>
      <c r="BW15" s="104">
        <v>8307344</v>
      </c>
      <c r="BX15" s="104">
        <v>9250957</v>
      </c>
      <c r="BY15" s="104">
        <v>6612120</v>
      </c>
      <c r="BZ15" s="103">
        <v>39763793</v>
      </c>
      <c r="CA15" s="106">
        <v>41529057</v>
      </c>
      <c r="CB15" s="100">
        <v>1198722</v>
      </c>
      <c r="CC15" s="104">
        <v>3019942</v>
      </c>
      <c r="CD15" s="103">
        <v>4218664</v>
      </c>
      <c r="CE15" s="100">
        <v>0</v>
      </c>
      <c r="CF15" s="104">
        <v>35818828</v>
      </c>
      <c r="CG15" s="104">
        <v>35675143</v>
      </c>
      <c r="CH15" s="104">
        <v>28710572</v>
      </c>
      <c r="CI15" s="104">
        <v>21331332</v>
      </c>
      <c r="CJ15" s="104">
        <v>7343465</v>
      </c>
      <c r="CK15" s="103">
        <v>128879340</v>
      </c>
      <c r="CL15" s="106">
        <v>133098004</v>
      </c>
      <c r="CM15" s="100">
        <v>3892</v>
      </c>
      <c r="CN15" s="104">
        <v>0</v>
      </c>
      <c r="CO15" s="103">
        <v>3892</v>
      </c>
      <c r="CP15" s="101">
        <v>0</v>
      </c>
      <c r="CQ15" s="104">
        <v>30220881</v>
      </c>
      <c r="CR15" s="104">
        <v>27673202</v>
      </c>
      <c r="CS15" s="104">
        <v>22600564</v>
      </c>
      <c r="CT15" s="104">
        <v>15899795</v>
      </c>
      <c r="CU15" s="104">
        <v>5352951</v>
      </c>
      <c r="CV15" s="103">
        <v>101747393</v>
      </c>
      <c r="CW15" s="106">
        <v>101751285</v>
      </c>
      <c r="CX15" s="100">
        <v>1194830</v>
      </c>
      <c r="CY15" s="104">
        <v>3019942</v>
      </c>
      <c r="CZ15" s="103">
        <v>4214772</v>
      </c>
      <c r="DA15" s="100">
        <v>0</v>
      </c>
      <c r="DB15" s="104">
        <v>5597947</v>
      </c>
      <c r="DC15" s="104">
        <v>8001941</v>
      </c>
      <c r="DD15" s="104">
        <v>6110008</v>
      </c>
      <c r="DE15" s="104">
        <v>5431537</v>
      </c>
      <c r="DF15" s="104">
        <v>1990514</v>
      </c>
      <c r="DG15" s="103">
        <v>27131947</v>
      </c>
      <c r="DH15" s="106">
        <v>31346719</v>
      </c>
      <c r="DI15" s="100">
        <v>138665</v>
      </c>
      <c r="DJ15" s="104">
        <v>159327</v>
      </c>
      <c r="DK15" s="102">
        <v>297992</v>
      </c>
      <c r="DL15" s="101">
        <v>0</v>
      </c>
      <c r="DM15" s="104">
        <v>4046402</v>
      </c>
      <c r="DN15" s="104">
        <v>8350248</v>
      </c>
      <c r="DO15" s="104">
        <v>17180882</v>
      </c>
      <c r="DP15" s="104">
        <v>15112537</v>
      </c>
      <c r="DQ15" s="104">
        <v>6847117</v>
      </c>
      <c r="DR15" s="103">
        <v>51537186</v>
      </c>
      <c r="DS15" s="106">
        <v>51835178</v>
      </c>
      <c r="DT15" s="100">
        <v>138665</v>
      </c>
      <c r="DU15" s="104">
        <v>124628</v>
      </c>
      <c r="DV15" s="103">
        <v>263293</v>
      </c>
      <c r="DW15" s="100">
        <v>0</v>
      </c>
      <c r="DX15" s="104">
        <v>3673463</v>
      </c>
      <c r="DY15" s="104">
        <v>7316849</v>
      </c>
      <c r="DZ15" s="104">
        <v>14924655</v>
      </c>
      <c r="EA15" s="104">
        <v>11832852</v>
      </c>
      <c r="EB15" s="104">
        <v>5267405</v>
      </c>
      <c r="EC15" s="103">
        <v>43015224</v>
      </c>
      <c r="ED15" s="106">
        <v>43278517</v>
      </c>
      <c r="EE15" s="100">
        <v>0</v>
      </c>
      <c r="EF15" s="102">
        <v>34699</v>
      </c>
      <c r="EG15" s="103">
        <v>34699</v>
      </c>
      <c r="EH15" s="100">
        <v>0</v>
      </c>
      <c r="EI15" s="104">
        <v>372939</v>
      </c>
      <c r="EJ15" s="104">
        <v>1033399</v>
      </c>
      <c r="EK15" s="104">
        <v>2256227</v>
      </c>
      <c r="EL15" s="104">
        <v>3279685</v>
      </c>
      <c r="EM15" s="104">
        <v>1579712</v>
      </c>
      <c r="EN15" s="102">
        <v>8521962</v>
      </c>
      <c r="EO15" s="106">
        <v>8556661</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4453752</v>
      </c>
      <c r="FM15" s="104">
        <v>3993545</v>
      </c>
      <c r="FN15" s="103">
        <v>8447297</v>
      </c>
      <c r="FO15" s="100">
        <v>0</v>
      </c>
      <c r="FP15" s="104">
        <v>10547796</v>
      </c>
      <c r="FQ15" s="104">
        <v>14145304</v>
      </c>
      <c r="FR15" s="104">
        <v>11331479</v>
      </c>
      <c r="FS15" s="104">
        <v>11197810</v>
      </c>
      <c r="FT15" s="104">
        <v>8638905</v>
      </c>
      <c r="FU15" s="103">
        <v>55861294</v>
      </c>
      <c r="FV15" s="106">
        <v>64308591</v>
      </c>
      <c r="FW15" s="105">
        <v>1935185</v>
      </c>
      <c r="FX15" s="104">
        <v>2942937</v>
      </c>
      <c r="FY15" s="102">
        <v>4878122</v>
      </c>
      <c r="FZ15" s="101">
        <v>0</v>
      </c>
      <c r="GA15" s="104">
        <v>7609171</v>
      </c>
      <c r="GB15" s="104">
        <v>12748988</v>
      </c>
      <c r="GC15" s="104">
        <v>10700423</v>
      </c>
      <c r="GD15" s="104">
        <v>10604564</v>
      </c>
      <c r="GE15" s="104">
        <v>8445006</v>
      </c>
      <c r="GF15" s="103">
        <v>50108152</v>
      </c>
      <c r="GG15" s="296">
        <v>54986274</v>
      </c>
      <c r="GH15" s="105">
        <v>326587</v>
      </c>
      <c r="GI15" s="104">
        <v>225375</v>
      </c>
      <c r="GJ15" s="102">
        <v>551962</v>
      </c>
      <c r="GK15" s="101">
        <v>0</v>
      </c>
      <c r="GL15" s="104">
        <v>600358</v>
      </c>
      <c r="GM15" s="104">
        <v>483917</v>
      </c>
      <c r="GN15" s="104">
        <v>533806</v>
      </c>
      <c r="GO15" s="104">
        <v>353846</v>
      </c>
      <c r="GP15" s="104">
        <v>101829</v>
      </c>
      <c r="GQ15" s="103">
        <v>2073756</v>
      </c>
      <c r="GR15" s="106">
        <v>2625718</v>
      </c>
      <c r="GS15" s="100">
        <v>2191980</v>
      </c>
      <c r="GT15" s="104">
        <v>825233</v>
      </c>
      <c r="GU15" s="103">
        <v>3017213</v>
      </c>
      <c r="GV15" s="100">
        <v>0</v>
      </c>
      <c r="GW15" s="104">
        <v>2338267</v>
      </c>
      <c r="GX15" s="104">
        <v>912399</v>
      </c>
      <c r="GY15" s="104">
        <v>97250</v>
      </c>
      <c r="GZ15" s="104">
        <v>239400</v>
      </c>
      <c r="HA15" s="104">
        <v>92070</v>
      </c>
      <c r="HB15" s="102">
        <v>3679386</v>
      </c>
      <c r="HC15" s="106">
        <v>6696599</v>
      </c>
      <c r="HD15" s="100">
        <v>2728444</v>
      </c>
      <c r="HE15" s="104">
        <v>1962848</v>
      </c>
      <c r="HF15" s="102">
        <v>4691292</v>
      </c>
      <c r="HG15" s="101">
        <v>0</v>
      </c>
      <c r="HH15" s="104">
        <v>31945936</v>
      </c>
      <c r="HI15" s="104">
        <v>29290231</v>
      </c>
      <c r="HJ15" s="104">
        <v>30539000</v>
      </c>
      <c r="HK15" s="104">
        <v>37653887</v>
      </c>
      <c r="HL15" s="104">
        <v>29227077</v>
      </c>
      <c r="HM15" s="103">
        <v>158656131</v>
      </c>
      <c r="HN15" s="99">
        <v>163347423</v>
      </c>
      <c r="HO15" s="105">
        <v>2294220</v>
      </c>
      <c r="HP15" s="104">
        <v>2944177</v>
      </c>
      <c r="HQ15" s="103">
        <v>5238397</v>
      </c>
      <c r="HR15" s="100">
        <v>0</v>
      </c>
      <c r="HS15" s="104">
        <v>27218197</v>
      </c>
      <c r="HT15" s="104">
        <v>19405035</v>
      </c>
      <c r="HU15" s="104">
        <v>14365513</v>
      </c>
      <c r="HV15" s="104">
        <v>11710339</v>
      </c>
      <c r="HW15" s="104">
        <v>6916209</v>
      </c>
      <c r="HX15" s="102">
        <v>79615293</v>
      </c>
      <c r="HY15" s="106">
        <v>84853690</v>
      </c>
      <c r="HZ15" s="115">
        <v>237526</v>
      </c>
      <c r="IA15" s="136">
        <v>986232</v>
      </c>
      <c r="IB15" s="116">
        <v>1223758</v>
      </c>
      <c r="IC15" s="133">
        <v>0</v>
      </c>
      <c r="ID15" s="119">
        <v>34103530</v>
      </c>
      <c r="IE15" s="134">
        <v>39875234</v>
      </c>
      <c r="IF15" s="120">
        <v>53687215</v>
      </c>
      <c r="IG15" s="119">
        <v>39916273</v>
      </c>
      <c r="IH15" s="120">
        <v>23895798</v>
      </c>
      <c r="II15" s="135">
        <v>191478050</v>
      </c>
      <c r="IJ15" s="117">
        <v>192701808</v>
      </c>
      <c r="IK15" s="219">
        <v>0</v>
      </c>
      <c r="IL15" s="223">
        <v>0</v>
      </c>
      <c r="IM15" s="224">
        <v>0</v>
      </c>
      <c r="IN15" s="127"/>
      <c r="IO15" s="109">
        <v>0</v>
      </c>
      <c r="IP15" s="109">
        <v>736740</v>
      </c>
      <c r="IQ15" s="109">
        <v>845499</v>
      </c>
      <c r="IR15" s="109">
        <v>2813278</v>
      </c>
      <c r="IS15" s="109">
        <v>2267831</v>
      </c>
      <c r="IT15" s="128">
        <v>6663348</v>
      </c>
      <c r="IU15" s="298">
        <v>6663348</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20131680</v>
      </c>
      <c r="JL15" s="109">
        <v>14936256</v>
      </c>
      <c r="JM15" s="109">
        <v>16890608</v>
      </c>
      <c r="JN15" s="109">
        <v>10110442</v>
      </c>
      <c r="JO15" s="109">
        <v>3843431</v>
      </c>
      <c r="JP15" s="110">
        <v>65912417</v>
      </c>
      <c r="JQ15" s="298">
        <v>65912417</v>
      </c>
      <c r="JR15" s="129">
        <v>0</v>
      </c>
      <c r="JS15" s="109">
        <v>0</v>
      </c>
      <c r="JT15" s="128">
        <v>0</v>
      </c>
      <c r="JU15" s="108">
        <v>0</v>
      </c>
      <c r="JV15" s="109">
        <v>350872</v>
      </c>
      <c r="JW15" s="109">
        <v>385002</v>
      </c>
      <c r="JX15" s="109">
        <v>1310774</v>
      </c>
      <c r="JY15" s="109">
        <v>143098</v>
      </c>
      <c r="JZ15" s="109">
        <v>1123696</v>
      </c>
      <c r="KA15" s="110">
        <v>3313442</v>
      </c>
      <c r="KB15" s="298">
        <v>3313442</v>
      </c>
      <c r="KC15" s="221">
        <v>237526</v>
      </c>
      <c r="KD15" s="217">
        <v>283981</v>
      </c>
      <c r="KE15" s="110">
        <v>521507</v>
      </c>
      <c r="KF15" s="108">
        <v>0</v>
      </c>
      <c r="KG15" s="109">
        <v>3733903</v>
      </c>
      <c r="KH15" s="109">
        <v>7066233</v>
      </c>
      <c r="KI15" s="109">
        <v>6330798</v>
      </c>
      <c r="KJ15" s="109">
        <v>6149558</v>
      </c>
      <c r="KK15" s="109">
        <v>1872387</v>
      </c>
      <c r="KL15" s="110">
        <v>25152879</v>
      </c>
      <c r="KM15" s="130">
        <v>25674386</v>
      </c>
      <c r="KN15" s="219">
        <v>0</v>
      </c>
      <c r="KO15" s="223">
        <v>702251</v>
      </c>
      <c r="KP15" s="224">
        <v>702251</v>
      </c>
      <c r="KQ15" s="127"/>
      <c r="KR15" s="109">
        <v>8272117</v>
      </c>
      <c r="KS15" s="109">
        <v>15013537</v>
      </c>
      <c r="KT15" s="109">
        <v>24620035</v>
      </c>
      <c r="KU15" s="109">
        <v>15684935</v>
      </c>
      <c r="KV15" s="109">
        <v>7822704</v>
      </c>
      <c r="KW15" s="110">
        <v>71413328</v>
      </c>
      <c r="KX15" s="298">
        <v>72115579</v>
      </c>
      <c r="KY15" s="129">
        <v>0</v>
      </c>
      <c r="KZ15" s="109">
        <v>0</v>
      </c>
      <c r="LA15" s="110">
        <v>0</v>
      </c>
      <c r="LB15" s="132"/>
      <c r="LC15" s="109">
        <v>513650</v>
      </c>
      <c r="LD15" s="109">
        <v>633303</v>
      </c>
      <c r="LE15" s="109">
        <v>1329684</v>
      </c>
      <c r="LF15" s="109">
        <v>1642960</v>
      </c>
      <c r="LG15" s="109">
        <v>1581637</v>
      </c>
      <c r="LH15" s="110">
        <v>5701234</v>
      </c>
      <c r="LI15" s="111">
        <v>5701234</v>
      </c>
      <c r="LJ15" s="129">
        <v>0</v>
      </c>
      <c r="LK15" s="109">
        <v>0</v>
      </c>
      <c r="LL15" s="110">
        <v>0</v>
      </c>
      <c r="LM15" s="132"/>
      <c r="LN15" s="109">
        <v>0</v>
      </c>
      <c r="LO15" s="109">
        <v>0</v>
      </c>
      <c r="LP15" s="109">
        <v>0</v>
      </c>
      <c r="LQ15" s="109">
        <v>319184</v>
      </c>
      <c r="LR15" s="109">
        <v>0</v>
      </c>
      <c r="LS15" s="110">
        <v>319184</v>
      </c>
      <c r="LT15" s="298">
        <v>319184</v>
      </c>
      <c r="LU15" s="129">
        <v>0</v>
      </c>
      <c r="LV15" s="109">
        <v>0</v>
      </c>
      <c r="LW15" s="110">
        <v>0</v>
      </c>
      <c r="LX15" s="132"/>
      <c r="LY15" s="109">
        <v>1101308</v>
      </c>
      <c r="LZ15" s="109">
        <v>1104163</v>
      </c>
      <c r="MA15" s="109">
        <v>2359817</v>
      </c>
      <c r="MB15" s="109">
        <v>3052818</v>
      </c>
      <c r="MC15" s="109">
        <v>5384112</v>
      </c>
      <c r="MD15" s="110">
        <v>13002218</v>
      </c>
      <c r="ME15" s="111">
        <v>13002218</v>
      </c>
      <c r="MF15" s="129">
        <v>0</v>
      </c>
      <c r="MG15" s="109">
        <v>0</v>
      </c>
      <c r="MH15" s="110">
        <v>0</v>
      </c>
      <c r="MI15" s="132"/>
      <c r="MJ15" s="109">
        <v>7726858</v>
      </c>
      <c r="MK15" s="109">
        <v>18775686</v>
      </c>
      <c r="ML15" s="109">
        <v>78583481</v>
      </c>
      <c r="MM15" s="109">
        <v>139112818</v>
      </c>
      <c r="MN15" s="109">
        <v>100025763</v>
      </c>
      <c r="MO15" s="110">
        <v>344224606</v>
      </c>
      <c r="MP15" s="130">
        <v>344224606</v>
      </c>
      <c r="MQ15" s="129">
        <v>0</v>
      </c>
      <c r="MR15" s="109">
        <v>0</v>
      </c>
      <c r="MS15" s="110">
        <v>0</v>
      </c>
      <c r="MT15" s="132"/>
      <c r="MU15" s="109">
        <v>1349860</v>
      </c>
      <c r="MV15" s="109">
        <v>798139</v>
      </c>
      <c r="MW15" s="109">
        <v>50572820</v>
      </c>
      <c r="MX15" s="109">
        <v>99538872</v>
      </c>
      <c r="MY15" s="109">
        <v>79252838</v>
      </c>
      <c r="MZ15" s="110">
        <v>231512529</v>
      </c>
      <c r="NA15" s="130">
        <v>231512529</v>
      </c>
      <c r="NB15" s="129">
        <v>0</v>
      </c>
      <c r="NC15" s="109">
        <v>0</v>
      </c>
      <c r="ND15" s="110">
        <v>0</v>
      </c>
      <c r="NE15" s="132"/>
      <c r="NF15" s="109">
        <v>6376998</v>
      </c>
      <c r="NG15" s="109">
        <v>17977547</v>
      </c>
      <c r="NH15" s="109">
        <v>27661882</v>
      </c>
      <c r="NI15" s="109">
        <v>37731604</v>
      </c>
      <c r="NJ15" s="109">
        <v>18426253</v>
      </c>
      <c r="NK15" s="110">
        <v>108174284</v>
      </c>
      <c r="NL15" s="298">
        <v>108174284</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348779</v>
      </c>
      <c r="OE15" s="109">
        <v>1842342</v>
      </c>
      <c r="OF15" s="109">
        <v>2346672</v>
      </c>
      <c r="OG15" s="110">
        <v>4537793</v>
      </c>
      <c r="OH15" s="111">
        <v>4537793</v>
      </c>
      <c r="OI15" s="129">
        <v>13068283</v>
      </c>
      <c r="OJ15" s="109">
        <v>16659131</v>
      </c>
      <c r="OK15" s="128">
        <v>29727414</v>
      </c>
      <c r="OL15" s="108">
        <v>0</v>
      </c>
      <c r="OM15" s="109">
        <v>199261420</v>
      </c>
      <c r="ON15" s="109">
        <v>219954507</v>
      </c>
      <c r="OO15" s="109">
        <v>293092374</v>
      </c>
      <c r="OP15" s="109">
        <v>349797562</v>
      </c>
      <c r="OQ15" s="109">
        <v>255786937</v>
      </c>
      <c r="OR15" s="110">
        <v>1317892800</v>
      </c>
      <c r="OS15" s="130">
        <v>1347620214</v>
      </c>
    </row>
    <row r="16" spans="1:409" ht="21" customHeight="1" x14ac:dyDescent="0.2">
      <c r="B16" s="472" t="s">
        <v>10</v>
      </c>
      <c r="C16" s="100">
        <v>24840269</v>
      </c>
      <c r="D16" s="104">
        <v>42091233</v>
      </c>
      <c r="E16" s="103">
        <v>66931502</v>
      </c>
      <c r="F16" s="159">
        <v>0</v>
      </c>
      <c r="G16" s="104">
        <v>341593703</v>
      </c>
      <c r="H16" s="104">
        <v>283802387</v>
      </c>
      <c r="I16" s="104">
        <v>256564001</v>
      </c>
      <c r="J16" s="104">
        <v>264042402</v>
      </c>
      <c r="K16" s="104">
        <v>200066983</v>
      </c>
      <c r="L16" s="99">
        <v>1346069476</v>
      </c>
      <c r="M16" s="106">
        <v>1413000978</v>
      </c>
      <c r="N16" s="100">
        <v>6617240</v>
      </c>
      <c r="O16" s="104">
        <v>13896892</v>
      </c>
      <c r="P16" s="103">
        <v>20514132</v>
      </c>
      <c r="Q16" s="100">
        <v>0</v>
      </c>
      <c r="R16" s="104">
        <v>109824049</v>
      </c>
      <c r="S16" s="104">
        <v>97277471</v>
      </c>
      <c r="T16" s="104">
        <v>93980182</v>
      </c>
      <c r="U16" s="104">
        <v>109180171</v>
      </c>
      <c r="V16" s="104">
        <v>110237926</v>
      </c>
      <c r="W16" s="103">
        <v>520499799</v>
      </c>
      <c r="X16" s="106">
        <v>541013931</v>
      </c>
      <c r="Y16" s="100">
        <v>0</v>
      </c>
      <c r="Z16" s="104">
        <v>0</v>
      </c>
      <c r="AA16" s="103">
        <v>0</v>
      </c>
      <c r="AB16" s="100">
        <v>0</v>
      </c>
      <c r="AC16" s="104">
        <v>53721978</v>
      </c>
      <c r="AD16" s="104">
        <v>50196890</v>
      </c>
      <c r="AE16" s="104">
        <v>59546256</v>
      </c>
      <c r="AF16" s="104">
        <v>71315814</v>
      </c>
      <c r="AG16" s="104">
        <v>66802997</v>
      </c>
      <c r="AH16" s="103">
        <v>301583935</v>
      </c>
      <c r="AI16" s="106">
        <v>301583935</v>
      </c>
      <c r="AJ16" s="100">
        <v>0</v>
      </c>
      <c r="AK16" s="104">
        <v>0</v>
      </c>
      <c r="AL16" s="103">
        <v>0</v>
      </c>
      <c r="AM16" s="100">
        <v>0</v>
      </c>
      <c r="AN16" s="104">
        <v>352052</v>
      </c>
      <c r="AO16" s="104">
        <v>1531639</v>
      </c>
      <c r="AP16" s="104">
        <v>2054505</v>
      </c>
      <c r="AQ16" s="104">
        <v>5502795</v>
      </c>
      <c r="AR16" s="104">
        <v>11270756</v>
      </c>
      <c r="AS16" s="103">
        <v>20711747</v>
      </c>
      <c r="AT16" s="106">
        <v>20711747</v>
      </c>
      <c r="AU16" s="100">
        <v>3853550</v>
      </c>
      <c r="AV16" s="104">
        <v>9167272</v>
      </c>
      <c r="AW16" s="103">
        <v>13020822</v>
      </c>
      <c r="AX16" s="100">
        <v>0</v>
      </c>
      <c r="AY16" s="104">
        <v>35060043</v>
      </c>
      <c r="AZ16" s="104">
        <v>27282285</v>
      </c>
      <c r="BA16" s="104">
        <v>15783521</v>
      </c>
      <c r="BB16" s="104">
        <v>16364585</v>
      </c>
      <c r="BC16" s="104">
        <v>18822782</v>
      </c>
      <c r="BD16" s="103">
        <v>113313216</v>
      </c>
      <c r="BE16" s="106">
        <v>126334038</v>
      </c>
      <c r="BF16" s="100">
        <v>617400</v>
      </c>
      <c r="BG16" s="104">
        <v>1789251</v>
      </c>
      <c r="BH16" s="102">
        <v>2406651</v>
      </c>
      <c r="BI16" s="101">
        <v>0</v>
      </c>
      <c r="BJ16" s="104">
        <v>4132118</v>
      </c>
      <c r="BK16" s="104">
        <v>3627852</v>
      </c>
      <c r="BL16" s="104">
        <v>2610241</v>
      </c>
      <c r="BM16" s="104">
        <v>1600107</v>
      </c>
      <c r="BN16" s="104">
        <v>1796184</v>
      </c>
      <c r="BO16" s="103">
        <v>13766502</v>
      </c>
      <c r="BP16" s="106">
        <v>16173153</v>
      </c>
      <c r="BQ16" s="100">
        <v>2146290</v>
      </c>
      <c r="BR16" s="104">
        <v>2940369</v>
      </c>
      <c r="BS16" s="103">
        <v>5086659</v>
      </c>
      <c r="BT16" s="100">
        <v>0</v>
      </c>
      <c r="BU16" s="104">
        <v>16557858</v>
      </c>
      <c r="BV16" s="104">
        <v>14638805</v>
      </c>
      <c r="BW16" s="104">
        <v>13985659</v>
      </c>
      <c r="BX16" s="104">
        <v>14396870</v>
      </c>
      <c r="BY16" s="104">
        <v>11545207</v>
      </c>
      <c r="BZ16" s="103">
        <v>71124399</v>
      </c>
      <c r="CA16" s="106">
        <v>76211058</v>
      </c>
      <c r="CB16" s="100">
        <v>1283704</v>
      </c>
      <c r="CC16" s="104">
        <v>3801471</v>
      </c>
      <c r="CD16" s="103">
        <v>5085175</v>
      </c>
      <c r="CE16" s="100">
        <v>0</v>
      </c>
      <c r="CF16" s="104">
        <v>99559919</v>
      </c>
      <c r="CG16" s="104">
        <v>76834482</v>
      </c>
      <c r="CH16" s="104">
        <v>54868258</v>
      </c>
      <c r="CI16" s="104">
        <v>42429298</v>
      </c>
      <c r="CJ16" s="104">
        <v>17119760</v>
      </c>
      <c r="CK16" s="103">
        <v>290811717</v>
      </c>
      <c r="CL16" s="106">
        <v>295896892</v>
      </c>
      <c r="CM16" s="100">
        <v>0</v>
      </c>
      <c r="CN16" s="104">
        <v>0</v>
      </c>
      <c r="CO16" s="103">
        <v>0</v>
      </c>
      <c r="CP16" s="101">
        <v>0</v>
      </c>
      <c r="CQ16" s="104">
        <v>85183094</v>
      </c>
      <c r="CR16" s="104">
        <v>62514008</v>
      </c>
      <c r="CS16" s="104">
        <v>46510207</v>
      </c>
      <c r="CT16" s="104">
        <v>36489091</v>
      </c>
      <c r="CU16" s="104">
        <v>14822674</v>
      </c>
      <c r="CV16" s="103">
        <v>245519074</v>
      </c>
      <c r="CW16" s="106">
        <v>245519074</v>
      </c>
      <c r="CX16" s="100">
        <v>1283704</v>
      </c>
      <c r="CY16" s="104">
        <v>3801471</v>
      </c>
      <c r="CZ16" s="103">
        <v>5085175</v>
      </c>
      <c r="DA16" s="100">
        <v>0</v>
      </c>
      <c r="DB16" s="104">
        <v>14376825</v>
      </c>
      <c r="DC16" s="104">
        <v>14320474</v>
      </c>
      <c r="DD16" s="104">
        <v>8358051</v>
      </c>
      <c r="DE16" s="104">
        <v>5940207</v>
      </c>
      <c r="DF16" s="104">
        <v>2297086</v>
      </c>
      <c r="DG16" s="103">
        <v>45292643</v>
      </c>
      <c r="DH16" s="106">
        <v>50377818</v>
      </c>
      <c r="DI16" s="100">
        <v>181932</v>
      </c>
      <c r="DJ16" s="104">
        <v>827060</v>
      </c>
      <c r="DK16" s="102">
        <v>1008992</v>
      </c>
      <c r="DL16" s="101">
        <v>0</v>
      </c>
      <c r="DM16" s="104">
        <v>10704085</v>
      </c>
      <c r="DN16" s="104">
        <v>15054072</v>
      </c>
      <c r="DO16" s="104">
        <v>22047611</v>
      </c>
      <c r="DP16" s="104">
        <v>24087408</v>
      </c>
      <c r="DQ16" s="104">
        <v>12517832</v>
      </c>
      <c r="DR16" s="103">
        <v>84411008</v>
      </c>
      <c r="DS16" s="106">
        <v>85420000</v>
      </c>
      <c r="DT16" s="100">
        <v>157470</v>
      </c>
      <c r="DU16" s="104">
        <v>727467</v>
      </c>
      <c r="DV16" s="103">
        <v>884937</v>
      </c>
      <c r="DW16" s="100">
        <v>0</v>
      </c>
      <c r="DX16" s="104">
        <v>10166385</v>
      </c>
      <c r="DY16" s="104">
        <v>13339542</v>
      </c>
      <c r="DZ16" s="104">
        <v>19917058</v>
      </c>
      <c r="EA16" s="104">
        <v>22914701</v>
      </c>
      <c r="EB16" s="104">
        <v>11498457</v>
      </c>
      <c r="EC16" s="103">
        <v>77836143</v>
      </c>
      <c r="ED16" s="106">
        <v>78721080</v>
      </c>
      <c r="EE16" s="100">
        <v>24462</v>
      </c>
      <c r="EF16" s="102">
        <v>99593</v>
      </c>
      <c r="EG16" s="103">
        <v>124055</v>
      </c>
      <c r="EH16" s="100">
        <v>0</v>
      </c>
      <c r="EI16" s="104">
        <v>537700</v>
      </c>
      <c r="EJ16" s="104">
        <v>1714530</v>
      </c>
      <c r="EK16" s="104">
        <v>2130553</v>
      </c>
      <c r="EL16" s="104">
        <v>1172707</v>
      </c>
      <c r="EM16" s="104">
        <v>1019375</v>
      </c>
      <c r="EN16" s="102">
        <v>6574865</v>
      </c>
      <c r="EO16" s="106">
        <v>6698920</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7196374</v>
      </c>
      <c r="FM16" s="104">
        <v>10318222</v>
      </c>
      <c r="FN16" s="103">
        <v>17514596</v>
      </c>
      <c r="FO16" s="100">
        <v>0</v>
      </c>
      <c r="FP16" s="104">
        <v>20386137</v>
      </c>
      <c r="FQ16" s="104">
        <v>24450590</v>
      </c>
      <c r="FR16" s="104">
        <v>19091074</v>
      </c>
      <c r="FS16" s="104">
        <v>18518682</v>
      </c>
      <c r="FT16" s="104">
        <v>14103026</v>
      </c>
      <c r="FU16" s="103">
        <v>96549509</v>
      </c>
      <c r="FV16" s="106">
        <v>114064105</v>
      </c>
      <c r="FW16" s="105">
        <v>4366259</v>
      </c>
      <c r="FX16" s="104">
        <v>8168684</v>
      </c>
      <c r="FY16" s="102">
        <v>12534943</v>
      </c>
      <c r="FZ16" s="101">
        <v>0</v>
      </c>
      <c r="GA16" s="104">
        <v>16671876</v>
      </c>
      <c r="GB16" s="104">
        <v>22652343</v>
      </c>
      <c r="GC16" s="104">
        <v>17967634</v>
      </c>
      <c r="GD16" s="104">
        <v>17480300</v>
      </c>
      <c r="GE16" s="104">
        <v>14028479</v>
      </c>
      <c r="GF16" s="103">
        <v>88800632</v>
      </c>
      <c r="GG16" s="296">
        <v>101335575</v>
      </c>
      <c r="GH16" s="105">
        <v>390983</v>
      </c>
      <c r="GI16" s="104">
        <v>245097</v>
      </c>
      <c r="GJ16" s="102">
        <v>636080</v>
      </c>
      <c r="GK16" s="101">
        <v>0</v>
      </c>
      <c r="GL16" s="104">
        <v>1090310</v>
      </c>
      <c r="GM16" s="104">
        <v>762417</v>
      </c>
      <c r="GN16" s="104">
        <v>572583</v>
      </c>
      <c r="GO16" s="104">
        <v>811492</v>
      </c>
      <c r="GP16" s="104">
        <v>50292</v>
      </c>
      <c r="GQ16" s="103">
        <v>3287094</v>
      </c>
      <c r="GR16" s="106">
        <v>3923174</v>
      </c>
      <c r="GS16" s="100">
        <v>2439132</v>
      </c>
      <c r="GT16" s="104">
        <v>1904441</v>
      </c>
      <c r="GU16" s="103">
        <v>4343573</v>
      </c>
      <c r="GV16" s="100">
        <v>0</v>
      </c>
      <c r="GW16" s="104">
        <v>2623951</v>
      </c>
      <c r="GX16" s="104">
        <v>1035830</v>
      </c>
      <c r="GY16" s="104">
        <v>550857</v>
      </c>
      <c r="GZ16" s="104">
        <v>226890</v>
      </c>
      <c r="HA16" s="104">
        <v>24255</v>
      </c>
      <c r="HB16" s="102">
        <v>4461783</v>
      </c>
      <c r="HC16" s="106">
        <v>8805356</v>
      </c>
      <c r="HD16" s="100">
        <v>4044430</v>
      </c>
      <c r="HE16" s="104">
        <v>6041316</v>
      </c>
      <c r="HF16" s="102">
        <v>10085746</v>
      </c>
      <c r="HG16" s="101">
        <v>0</v>
      </c>
      <c r="HH16" s="104">
        <v>48661821</v>
      </c>
      <c r="HI16" s="104">
        <v>40321272</v>
      </c>
      <c r="HJ16" s="104">
        <v>45511488</v>
      </c>
      <c r="HK16" s="104">
        <v>53751848</v>
      </c>
      <c r="HL16" s="104">
        <v>35227962</v>
      </c>
      <c r="HM16" s="103">
        <v>223474391</v>
      </c>
      <c r="HN16" s="99">
        <v>233560137</v>
      </c>
      <c r="HO16" s="105">
        <v>5516589</v>
      </c>
      <c r="HP16" s="104">
        <v>7206272</v>
      </c>
      <c r="HQ16" s="103">
        <v>12722861</v>
      </c>
      <c r="HR16" s="100">
        <v>0</v>
      </c>
      <c r="HS16" s="104">
        <v>52457692</v>
      </c>
      <c r="HT16" s="104">
        <v>29864500</v>
      </c>
      <c r="HU16" s="104">
        <v>21065388</v>
      </c>
      <c r="HV16" s="104">
        <v>16074995</v>
      </c>
      <c r="HW16" s="104">
        <v>10860477</v>
      </c>
      <c r="HX16" s="102">
        <v>130323052</v>
      </c>
      <c r="HY16" s="106">
        <v>143045913</v>
      </c>
      <c r="HZ16" s="137">
        <v>479312</v>
      </c>
      <c r="IA16" s="122">
        <v>2461768</v>
      </c>
      <c r="IB16" s="137">
        <v>2941080</v>
      </c>
      <c r="IC16" s="121">
        <v>0</v>
      </c>
      <c r="ID16" s="122">
        <v>73353908</v>
      </c>
      <c r="IE16" s="123">
        <v>78007396</v>
      </c>
      <c r="IF16" s="124">
        <v>87469441</v>
      </c>
      <c r="IG16" s="122">
        <v>78893944</v>
      </c>
      <c r="IH16" s="124">
        <v>73024953</v>
      </c>
      <c r="II16" s="125">
        <v>390749642</v>
      </c>
      <c r="IJ16" s="137">
        <v>393690722</v>
      </c>
      <c r="IK16" s="219">
        <v>0</v>
      </c>
      <c r="IL16" s="223">
        <v>0</v>
      </c>
      <c r="IM16" s="224">
        <v>0</v>
      </c>
      <c r="IN16" s="127"/>
      <c r="IO16" s="109">
        <v>1431337</v>
      </c>
      <c r="IP16" s="109">
        <v>2774320</v>
      </c>
      <c r="IQ16" s="109">
        <v>2596370</v>
      </c>
      <c r="IR16" s="109">
        <v>4762395</v>
      </c>
      <c r="IS16" s="109">
        <v>3419956</v>
      </c>
      <c r="IT16" s="128">
        <v>14984378</v>
      </c>
      <c r="IU16" s="298">
        <v>14984378</v>
      </c>
      <c r="IV16" s="129">
        <v>0</v>
      </c>
      <c r="IW16" s="109">
        <v>0</v>
      </c>
      <c r="IX16" s="110">
        <v>0</v>
      </c>
      <c r="IY16" s="131"/>
      <c r="IZ16" s="109">
        <v>155692</v>
      </c>
      <c r="JA16" s="109">
        <v>69495</v>
      </c>
      <c r="JB16" s="109">
        <v>286011</v>
      </c>
      <c r="JC16" s="109">
        <v>297149</v>
      </c>
      <c r="JD16" s="109">
        <v>203787</v>
      </c>
      <c r="JE16" s="110">
        <v>1012134</v>
      </c>
      <c r="JF16" s="111">
        <v>1012134</v>
      </c>
      <c r="JG16" s="129">
        <v>0</v>
      </c>
      <c r="JH16" s="109">
        <v>0</v>
      </c>
      <c r="JI16" s="128">
        <v>0</v>
      </c>
      <c r="JJ16" s="108">
        <v>0</v>
      </c>
      <c r="JK16" s="109">
        <v>25256658</v>
      </c>
      <c r="JL16" s="109">
        <v>17313007</v>
      </c>
      <c r="JM16" s="109">
        <v>12366442</v>
      </c>
      <c r="JN16" s="109">
        <v>6603979</v>
      </c>
      <c r="JO16" s="109">
        <v>3166748</v>
      </c>
      <c r="JP16" s="110">
        <v>64706834</v>
      </c>
      <c r="JQ16" s="298">
        <v>64706834</v>
      </c>
      <c r="JR16" s="129">
        <v>0</v>
      </c>
      <c r="JS16" s="109">
        <v>46251</v>
      </c>
      <c r="JT16" s="128">
        <v>46251</v>
      </c>
      <c r="JU16" s="108">
        <v>0</v>
      </c>
      <c r="JV16" s="109">
        <v>583125</v>
      </c>
      <c r="JW16" s="109">
        <v>1269732</v>
      </c>
      <c r="JX16" s="109">
        <v>3311978</v>
      </c>
      <c r="JY16" s="109">
        <v>1210360</v>
      </c>
      <c r="JZ16" s="109">
        <v>2116013</v>
      </c>
      <c r="KA16" s="110">
        <v>8491208</v>
      </c>
      <c r="KB16" s="298">
        <v>8537459</v>
      </c>
      <c r="KC16" s="221">
        <v>479312</v>
      </c>
      <c r="KD16" s="217">
        <v>1771846</v>
      </c>
      <c r="KE16" s="110">
        <v>2251158</v>
      </c>
      <c r="KF16" s="108">
        <v>0</v>
      </c>
      <c r="KG16" s="109">
        <v>13198153</v>
      </c>
      <c r="KH16" s="109">
        <v>15631430</v>
      </c>
      <c r="KI16" s="109">
        <v>18367381</v>
      </c>
      <c r="KJ16" s="109">
        <v>15531723</v>
      </c>
      <c r="KK16" s="109">
        <v>14303536</v>
      </c>
      <c r="KL16" s="110">
        <v>77032223</v>
      </c>
      <c r="KM16" s="130">
        <v>79283381</v>
      </c>
      <c r="KN16" s="219">
        <v>0</v>
      </c>
      <c r="KO16" s="223">
        <v>643671</v>
      </c>
      <c r="KP16" s="224">
        <v>643671</v>
      </c>
      <c r="KQ16" s="127"/>
      <c r="KR16" s="109">
        <v>23733376</v>
      </c>
      <c r="KS16" s="109">
        <v>31030412</v>
      </c>
      <c r="KT16" s="109">
        <v>33316478</v>
      </c>
      <c r="KU16" s="109">
        <v>24943057</v>
      </c>
      <c r="KV16" s="109">
        <v>25546052</v>
      </c>
      <c r="KW16" s="110">
        <v>138569375</v>
      </c>
      <c r="KX16" s="298">
        <v>139213046</v>
      </c>
      <c r="KY16" s="129">
        <v>0</v>
      </c>
      <c r="KZ16" s="109">
        <v>0</v>
      </c>
      <c r="LA16" s="110">
        <v>0</v>
      </c>
      <c r="LB16" s="132"/>
      <c r="LC16" s="109">
        <v>5306102</v>
      </c>
      <c r="LD16" s="109">
        <v>3538388</v>
      </c>
      <c r="LE16" s="109">
        <v>8004111</v>
      </c>
      <c r="LF16" s="109">
        <v>7071465</v>
      </c>
      <c r="LG16" s="109">
        <v>8090379</v>
      </c>
      <c r="LH16" s="110">
        <v>32010445</v>
      </c>
      <c r="LI16" s="111">
        <v>32010445</v>
      </c>
      <c r="LJ16" s="129">
        <v>0</v>
      </c>
      <c r="LK16" s="109">
        <v>0</v>
      </c>
      <c r="LL16" s="110">
        <v>0</v>
      </c>
      <c r="LM16" s="132"/>
      <c r="LN16" s="109">
        <v>0</v>
      </c>
      <c r="LO16" s="109">
        <v>206120</v>
      </c>
      <c r="LP16" s="109">
        <v>735630</v>
      </c>
      <c r="LQ16" s="109">
        <v>6080175</v>
      </c>
      <c r="LR16" s="109">
        <v>5498295</v>
      </c>
      <c r="LS16" s="110">
        <v>12520220</v>
      </c>
      <c r="LT16" s="298">
        <v>12520220</v>
      </c>
      <c r="LU16" s="129">
        <v>0</v>
      </c>
      <c r="LV16" s="109">
        <v>0</v>
      </c>
      <c r="LW16" s="110">
        <v>0</v>
      </c>
      <c r="LX16" s="132"/>
      <c r="LY16" s="109">
        <v>3689465</v>
      </c>
      <c r="LZ16" s="109">
        <v>6174492</v>
      </c>
      <c r="MA16" s="109">
        <v>8485040</v>
      </c>
      <c r="MB16" s="109">
        <v>12393641</v>
      </c>
      <c r="MC16" s="109">
        <v>10680187</v>
      </c>
      <c r="MD16" s="110">
        <v>41422825</v>
      </c>
      <c r="ME16" s="111">
        <v>41422825</v>
      </c>
      <c r="MF16" s="129">
        <v>0</v>
      </c>
      <c r="MG16" s="109">
        <v>0</v>
      </c>
      <c r="MH16" s="110">
        <v>0</v>
      </c>
      <c r="MI16" s="132"/>
      <c r="MJ16" s="109">
        <v>29106665</v>
      </c>
      <c r="MK16" s="109">
        <v>43411745</v>
      </c>
      <c r="ML16" s="109">
        <v>130489167</v>
      </c>
      <c r="MM16" s="109">
        <v>206537561</v>
      </c>
      <c r="MN16" s="109">
        <v>191370694</v>
      </c>
      <c r="MO16" s="110">
        <v>600915832</v>
      </c>
      <c r="MP16" s="130">
        <v>600915832</v>
      </c>
      <c r="MQ16" s="129">
        <v>0</v>
      </c>
      <c r="MR16" s="109">
        <v>0</v>
      </c>
      <c r="MS16" s="110">
        <v>0</v>
      </c>
      <c r="MT16" s="132"/>
      <c r="MU16" s="109">
        <v>3847738</v>
      </c>
      <c r="MV16" s="109">
        <v>9682641</v>
      </c>
      <c r="MW16" s="109">
        <v>81448801</v>
      </c>
      <c r="MX16" s="109">
        <v>150441948</v>
      </c>
      <c r="MY16" s="109">
        <v>141537977</v>
      </c>
      <c r="MZ16" s="110">
        <v>386959105</v>
      </c>
      <c r="NA16" s="130">
        <v>386959105</v>
      </c>
      <c r="NB16" s="129">
        <v>0</v>
      </c>
      <c r="NC16" s="109">
        <v>0</v>
      </c>
      <c r="ND16" s="110">
        <v>0</v>
      </c>
      <c r="NE16" s="132"/>
      <c r="NF16" s="109">
        <v>25258927</v>
      </c>
      <c r="NG16" s="109">
        <v>33729104</v>
      </c>
      <c r="NH16" s="109">
        <v>48740672</v>
      </c>
      <c r="NI16" s="109">
        <v>53434030</v>
      </c>
      <c r="NJ16" s="109">
        <v>36445374</v>
      </c>
      <c r="NK16" s="110">
        <v>197608107</v>
      </c>
      <c r="NL16" s="298">
        <v>197608107</v>
      </c>
      <c r="NM16" s="129">
        <v>0</v>
      </c>
      <c r="NN16" s="109">
        <v>0</v>
      </c>
      <c r="NO16" s="110">
        <v>0</v>
      </c>
      <c r="NP16" s="132"/>
      <c r="NQ16" s="109">
        <v>0</v>
      </c>
      <c r="NR16" s="109">
        <v>0</v>
      </c>
      <c r="NS16" s="109">
        <v>0</v>
      </c>
      <c r="NT16" s="109">
        <v>0</v>
      </c>
      <c r="NU16" s="109">
        <v>636861</v>
      </c>
      <c r="NV16" s="110">
        <v>636861</v>
      </c>
      <c r="NW16" s="111">
        <v>636861</v>
      </c>
      <c r="NX16" s="129">
        <v>0</v>
      </c>
      <c r="NY16" s="109">
        <v>0</v>
      </c>
      <c r="NZ16" s="110">
        <v>0</v>
      </c>
      <c r="OA16" s="132"/>
      <c r="OB16" s="109">
        <v>0</v>
      </c>
      <c r="OC16" s="109">
        <v>0</v>
      </c>
      <c r="OD16" s="109">
        <v>299694</v>
      </c>
      <c r="OE16" s="109">
        <v>2661583</v>
      </c>
      <c r="OF16" s="109">
        <v>12750482</v>
      </c>
      <c r="OG16" s="110">
        <v>15711759</v>
      </c>
      <c r="OH16" s="111">
        <v>15711759</v>
      </c>
      <c r="OI16" s="129">
        <v>25319581</v>
      </c>
      <c r="OJ16" s="109">
        <v>44553001</v>
      </c>
      <c r="OK16" s="128">
        <v>69872582</v>
      </c>
      <c r="OL16" s="108">
        <v>0</v>
      </c>
      <c r="OM16" s="109">
        <v>444054276</v>
      </c>
      <c r="ON16" s="109">
        <v>405221528</v>
      </c>
      <c r="OO16" s="109">
        <v>474522609</v>
      </c>
      <c r="OP16" s="109">
        <v>549473907</v>
      </c>
      <c r="OQ16" s="109">
        <v>464462630</v>
      </c>
      <c r="OR16" s="110">
        <v>2337734950</v>
      </c>
      <c r="OS16" s="130">
        <v>2407607532</v>
      </c>
    </row>
    <row r="17" spans="2:409" ht="21" customHeight="1" x14ac:dyDescent="0.2">
      <c r="B17" s="472" t="s">
        <v>11</v>
      </c>
      <c r="C17" s="100">
        <v>11653316</v>
      </c>
      <c r="D17" s="104">
        <v>15110956</v>
      </c>
      <c r="E17" s="158">
        <v>26764272</v>
      </c>
      <c r="F17" s="101">
        <v>0</v>
      </c>
      <c r="G17" s="104">
        <v>158798448</v>
      </c>
      <c r="H17" s="104">
        <v>145301743</v>
      </c>
      <c r="I17" s="104">
        <v>138035362</v>
      </c>
      <c r="J17" s="104">
        <v>141405742</v>
      </c>
      <c r="K17" s="104">
        <v>90110785</v>
      </c>
      <c r="L17" s="99">
        <v>673652080</v>
      </c>
      <c r="M17" s="106">
        <v>700416352</v>
      </c>
      <c r="N17" s="100">
        <v>1760037</v>
      </c>
      <c r="O17" s="104">
        <v>2338309</v>
      </c>
      <c r="P17" s="103">
        <v>4098346</v>
      </c>
      <c r="Q17" s="100">
        <v>0</v>
      </c>
      <c r="R17" s="104">
        <v>37124018</v>
      </c>
      <c r="S17" s="104">
        <v>41217291</v>
      </c>
      <c r="T17" s="104">
        <v>41934008</v>
      </c>
      <c r="U17" s="104">
        <v>48980110</v>
      </c>
      <c r="V17" s="104">
        <v>44614028</v>
      </c>
      <c r="W17" s="103">
        <v>213869455</v>
      </c>
      <c r="X17" s="106">
        <v>217967801</v>
      </c>
      <c r="Y17" s="100">
        <v>0</v>
      </c>
      <c r="Z17" s="104">
        <v>0</v>
      </c>
      <c r="AA17" s="103">
        <v>0</v>
      </c>
      <c r="AB17" s="100">
        <v>0</v>
      </c>
      <c r="AC17" s="104">
        <v>18016174</v>
      </c>
      <c r="AD17" s="104">
        <v>22844671</v>
      </c>
      <c r="AE17" s="104">
        <v>24413460</v>
      </c>
      <c r="AF17" s="104">
        <v>29879348</v>
      </c>
      <c r="AG17" s="104">
        <v>27744411</v>
      </c>
      <c r="AH17" s="103">
        <v>122898064</v>
      </c>
      <c r="AI17" s="106">
        <v>122898064</v>
      </c>
      <c r="AJ17" s="100">
        <v>0</v>
      </c>
      <c r="AK17" s="104">
        <v>0</v>
      </c>
      <c r="AL17" s="103">
        <v>0</v>
      </c>
      <c r="AM17" s="100">
        <v>0</v>
      </c>
      <c r="AN17" s="104">
        <v>206399</v>
      </c>
      <c r="AO17" s="104">
        <v>756508</v>
      </c>
      <c r="AP17" s="104">
        <v>1449376</v>
      </c>
      <c r="AQ17" s="104">
        <v>3238756</v>
      </c>
      <c r="AR17" s="104">
        <v>4919577</v>
      </c>
      <c r="AS17" s="103">
        <v>10570616</v>
      </c>
      <c r="AT17" s="106">
        <v>10570616</v>
      </c>
      <c r="AU17" s="100">
        <v>904663</v>
      </c>
      <c r="AV17" s="104">
        <v>1580004</v>
      </c>
      <c r="AW17" s="103">
        <v>2484667</v>
      </c>
      <c r="AX17" s="100">
        <v>0</v>
      </c>
      <c r="AY17" s="104">
        <v>12465423</v>
      </c>
      <c r="AZ17" s="104">
        <v>10456706</v>
      </c>
      <c r="BA17" s="104">
        <v>9384948</v>
      </c>
      <c r="BB17" s="104">
        <v>8857941</v>
      </c>
      <c r="BC17" s="104">
        <v>8170402</v>
      </c>
      <c r="BD17" s="103">
        <v>49335420</v>
      </c>
      <c r="BE17" s="106">
        <v>51820087</v>
      </c>
      <c r="BF17" s="100">
        <v>260920</v>
      </c>
      <c r="BG17" s="104">
        <v>227055</v>
      </c>
      <c r="BH17" s="102">
        <v>487975</v>
      </c>
      <c r="BI17" s="101">
        <v>0</v>
      </c>
      <c r="BJ17" s="104">
        <v>1018445</v>
      </c>
      <c r="BK17" s="104">
        <v>1104008</v>
      </c>
      <c r="BL17" s="104">
        <v>1131002</v>
      </c>
      <c r="BM17" s="104">
        <v>1055190</v>
      </c>
      <c r="BN17" s="104">
        <v>187239</v>
      </c>
      <c r="BO17" s="103">
        <v>4495884</v>
      </c>
      <c r="BP17" s="106">
        <v>4983859</v>
      </c>
      <c r="BQ17" s="100">
        <v>594454</v>
      </c>
      <c r="BR17" s="104">
        <v>531250</v>
      </c>
      <c r="BS17" s="103">
        <v>1125704</v>
      </c>
      <c r="BT17" s="100">
        <v>0</v>
      </c>
      <c r="BU17" s="104">
        <v>5417577</v>
      </c>
      <c r="BV17" s="104">
        <v>6055398</v>
      </c>
      <c r="BW17" s="104">
        <v>5555222</v>
      </c>
      <c r="BX17" s="104">
        <v>5948875</v>
      </c>
      <c r="BY17" s="104">
        <v>3592399</v>
      </c>
      <c r="BZ17" s="103">
        <v>26569471</v>
      </c>
      <c r="CA17" s="106">
        <v>27695175</v>
      </c>
      <c r="CB17" s="100">
        <v>2381014</v>
      </c>
      <c r="CC17" s="104">
        <v>3277193</v>
      </c>
      <c r="CD17" s="103">
        <v>5658207</v>
      </c>
      <c r="CE17" s="100">
        <v>0</v>
      </c>
      <c r="CF17" s="104">
        <v>51292333</v>
      </c>
      <c r="CG17" s="104">
        <v>41593761</v>
      </c>
      <c r="CH17" s="104">
        <v>36092930</v>
      </c>
      <c r="CI17" s="104">
        <v>28156195</v>
      </c>
      <c r="CJ17" s="104">
        <v>12243764</v>
      </c>
      <c r="CK17" s="103">
        <v>169378983</v>
      </c>
      <c r="CL17" s="106">
        <v>175037190</v>
      </c>
      <c r="CM17" s="100">
        <v>0</v>
      </c>
      <c r="CN17" s="104">
        <v>0</v>
      </c>
      <c r="CO17" s="103">
        <v>0</v>
      </c>
      <c r="CP17" s="101">
        <v>0</v>
      </c>
      <c r="CQ17" s="104">
        <v>41771699</v>
      </c>
      <c r="CR17" s="104">
        <v>33069763</v>
      </c>
      <c r="CS17" s="104">
        <v>28438949</v>
      </c>
      <c r="CT17" s="104">
        <v>22661408</v>
      </c>
      <c r="CU17" s="104">
        <v>10569699</v>
      </c>
      <c r="CV17" s="103">
        <v>136511518</v>
      </c>
      <c r="CW17" s="106">
        <v>136511518</v>
      </c>
      <c r="CX17" s="100">
        <v>2381014</v>
      </c>
      <c r="CY17" s="104">
        <v>3277193</v>
      </c>
      <c r="CZ17" s="103">
        <v>5658207</v>
      </c>
      <c r="DA17" s="100">
        <v>0</v>
      </c>
      <c r="DB17" s="104">
        <v>9520634</v>
      </c>
      <c r="DC17" s="104">
        <v>8523998</v>
      </c>
      <c r="DD17" s="104">
        <v>7653981</v>
      </c>
      <c r="DE17" s="104">
        <v>5494787</v>
      </c>
      <c r="DF17" s="104">
        <v>1674065</v>
      </c>
      <c r="DG17" s="103">
        <v>32867465</v>
      </c>
      <c r="DH17" s="106">
        <v>38525672</v>
      </c>
      <c r="DI17" s="100">
        <v>120943</v>
      </c>
      <c r="DJ17" s="104">
        <v>573022</v>
      </c>
      <c r="DK17" s="102">
        <v>693965</v>
      </c>
      <c r="DL17" s="101">
        <v>0</v>
      </c>
      <c r="DM17" s="104">
        <v>5192928</v>
      </c>
      <c r="DN17" s="104">
        <v>8649731</v>
      </c>
      <c r="DO17" s="104">
        <v>10637136</v>
      </c>
      <c r="DP17" s="104">
        <v>9398715</v>
      </c>
      <c r="DQ17" s="104">
        <v>5815339</v>
      </c>
      <c r="DR17" s="103">
        <v>39693849</v>
      </c>
      <c r="DS17" s="106">
        <v>40387814</v>
      </c>
      <c r="DT17" s="100">
        <v>120943</v>
      </c>
      <c r="DU17" s="104">
        <v>573022</v>
      </c>
      <c r="DV17" s="103">
        <v>693965</v>
      </c>
      <c r="DW17" s="100">
        <v>0</v>
      </c>
      <c r="DX17" s="104">
        <v>5109160</v>
      </c>
      <c r="DY17" s="104">
        <v>7812907</v>
      </c>
      <c r="DZ17" s="104">
        <v>9970063</v>
      </c>
      <c r="EA17" s="104">
        <v>8846892</v>
      </c>
      <c r="EB17" s="104">
        <v>4799455</v>
      </c>
      <c r="EC17" s="103">
        <v>36538477</v>
      </c>
      <c r="ED17" s="106">
        <v>37232442</v>
      </c>
      <c r="EE17" s="100">
        <v>0</v>
      </c>
      <c r="EF17" s="102">
        <v>0</v>
      </c>
      <c r="EG17" s="103">
        <v>0</v>
      </c>
      <c r="EH17" s="100">
        <v>0</v>
      </c>
      <c r="EI17" s="104">
        <v>83768</v>
      </c>
      <c r="EJ17" s="104">
        <v>836824</v>
      </c>
      <c r="EK17" s="104">
        <v>667073</v>
      </c>
      <c r="EL17" s="104">
        <v>551823</v>
      </c>
      <c r="EM17" s="104">
        <v>1015884</v>
      </c>
      <c r="EN17" s="102">
        <v>3155372</v>
      </c>
      <c r="EO17" s="106">
        <v>3155372</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3036677</v>
      </c>
      <c r="FM17" s="104">
        <v>3245483</v>
      </c>
      <c r="FN17" s="103">
        <v>6282160</v>
      </c>
      <c r="FO17" s="100">
        <v>0</v>
      </c>
      <c r="FP17" s="104">
        <v>8627589</v>
      </c>
      <c r="FQ17" s="104">
        <v>12604608</v>
      </c>
      <c r="FR17" s="104">
        <v>10556214</v>
      </c>
      <c r="FS17" s="104">
        <v>10560664</v>
      </c>
      <c r="FT17" s="104">
        <v>6172696</v>
      </c>
      <c r="FU17" s="103">
        <v>48521771</v>
      </c>
      <c r="FV17" s="106">
        <v>54803931</v>
      </c>
      <c r="FW17" s="105">
        <v>1745494</v>
      </c>
      <c r="FX17" s="104">
        <v>2850492</v>
      </c>
      <c r="FY17" s="102">
        <v>4595986</v>
      </c>
      <c r="FZ17" s="101">
        <v>0</v>
      </c>
      <c r="GA17" s="104">
        <v>6845591</v>
      </c>
      <c r="GB17" s="104">
        <v>11233976</v>
      </c>
      <c r="GC17" s="104">
        <v>9675978</v>
      </c>
      <c r="GD17" s="104">
        <v>10048283</v>
      </c>
      <c r="GE17" s="104">
        <v>6072112</v>
      </c>
      <c r="GF17" s="103">
        <v>43875940</v>
      </c>
      <c r="GG17" s="296">
        <v>48471926</v>
      </c>
      <c r="GH17" s="105">
        <v>206025</v>
      </c>
      <c r="GI17" s="104">
        <v>163421</v>
      </c>
      <c r="GJ17" s="102">
        <v>369446</v>
      </c>
      <c r="GK17" s="101">
        <v>0</v>
      </c>
      <c r="GL17" s="104">
        <v>493702</v>
      </c>
      <c r="GM17" s="104">
        <v>287315</v>
      </c>
      <c r="GN17" s="104">
        <v>545958</v>
      </c>
      <c r="GO17" s="104">
        <v>386129</v>
      </c>
      <c r="GP17" s="104">
        <v>100584</v>
      </c>
      <c r="GQ17" s="103">
        <v>1813688</v>
      </c>
      <c r="GR17" s="106">
        <v>2183134</v>
      </c>
      <c r="GS17" s="100">
        <v>1085158</v>
      </c>
      <c r="GT17" s="104">
        <v>231570</v>
      </c>
      <c r="GU17" s="103">
        <v>1316728</v>
      </c>
      <c r="GV17" s="100">
        <v>0</v>
      </c>
      <c r="GW17" s="104">
        <v>1288296</v>
      </c>
      <c r="GX17" s="104">
        <v>1083317</v>
      </c>
      <c r="GY17" s="104">
        <v>334278</v>
      </c>
      <c r="GZ17" s="104">
        <v>126252</v>
      </c>
      <c r="HA17" s="104">
        <v>0</v>
      </c>
      <c r="HB17" s="102">
        <v>2832143</v>
      </c>
      <c r="HC17" s="106">
        <v>4148871</v>
      </c>
      <c r="HD17" s="100">
        <v>1983304</v>
      </c>
      <c r="HE17" s="104">
        <v>3036999</v>
      </c>
      <c r="HF17" s="102">
        <v>5020303</v>
      </c>
      <c r="HG17" s="101">
        <v>0</v>
      </c>
      <c r="HH17" s="104">
        <v>29820425</v>
      </c>
      <c r="HI17" s="104">
        <v>25071634</v>
      </c>
      <c r="HJ17" s="104">
        <v>25570262</v>
      </c>
      <c r="HK17" s="104">
        <v>34745560</v>
      </c>
      <c r="HL17" s="104">
        <v>15941530</v>
      </c>
      <c r="HM17" s="103">
        <v>131149411</v>
      </c>
      <c r="HN17" s="99">
        <v>136169714</v>
      </c>
      <c r="HO17" s="105">
        <v>2371341</v>
      </c>
      <c r="HP17" s="104">
        <v>2639950</v>
      </c>
      <c r="HQ17" s="103">
        <v>5011291</v>
      </c>
      <c r="HR17" s="100">
        <v>0</v>
      </c>
      <c r="HS17" s="104">
        <v>26741155</v>
      </c>
      <c r="HT17" s="104">
        <v>16164718</v>
      </c>
      <c r="HU17" s="104">
        <v>13244812</v>
      </c>
      <c r="HV17" s="104">
        <v>9564498</v>
      </c>
      <c r="HW17" s="104">
        <v>5323428</v>
      </c>
      <c r="HX17" s="102">
        <v>71038611</v>
      </c>
      <c r="HY17" s="106">
        <v>76049902</v>
      </c>
      <c r="HZ17" s="118">
        <v>29497</v>
      </c>
      <c r="IA17" s="119">
        <v>1255243</v>
      </c>
      <c r="IB17" s="120">
        <v>1284740</v>
      </c>
      <c r="IC17" s="133">
        <v>0</v>
      </c>
      <c r="ID17" s="119">
        <v>48113799</v>
      </c>
      <c r="IE17" s="134">
        <v>49903823</v>
      </c>
      <c r="IF17" s="120">
        <v>52283718</v>
      </c>
      <c r="IG17" s="119">
        <v>34390281</v>
      </c>
      <c r="IH17" s="120">
        <v>14897592</v>
      </c>
      <c r="II17" s="135">
        <v>199589213</v>
      </c>
      <c r="IJ17" s="126">
        <v>200873953</v>
      </c>
      <c r="IK17" s="219">
        <v>0</v>
      </c>
      <c r="IL17" s="223">
        <v>0</v>
      </c>
      <c r="IM17" s="224">
        <v>0</v>
      </c>
      <c r="IN17" s="127"/>
      <c r="IO17" s="109">
        <v>925932</v>
      </c>
      <c r="IP17" s="109">
        <v>1268948</v>
      </c>
      <c r="IQ17" s="109">
        <v>1422566</v>
      </c>
      <c r="IR17" s="109">
        <v>1978428</v>
      </c>
      <c r="IS17" s="109">
        <v>1592374</v>
      </c>
      <c r="IT17" s="128">
        <v>7188248</v>
      </c>
      <c r="IU17" s="298">
        <v>7188248</v>
      </c>
      <c r="IV17" s="129">
        <v>0</v>
      </c>
      <c r="IW17" s="109">
        <v>0</v>
      </c>
      <c r="IX17" s="110">
        <v>0</v>
      </c>
      <c r="IY17" s="131"/>
      <c r="IZ17" s="109">
        <v>336234</v>
      </c>
      <c r="JA17" s="109">
        <v>248726</v>
      </c>
      <c r="JB17" s="109">
        <v>206724</v>
      </c>
      <c r="JC17" s="109">
        <v>314350</v>
      </c>
      <c r="JD17" s="109">
        <v>75764</v>
      </c>
      <c r="JE17" s="110">
        <v>1181798</v>
      </c>
      <c r="JF17" s="111">
        <v>1181798</v>
      </c>
      <c r="JG17" s="129">
        <v>0</v>
      </c>
      <c r="JH17" s="109">
        <v>0</v>
      </c>
      <c r="JI17" s="128">
        <v>0</v>
      </c>
      <c r="JJ17" s="108">
        <v>0</v>
      </c>
      <c r="JK17" s="109">
        <v>27991464</v>
      </c>
      <c r="JL17" s="109">
        <v>21053438</v>
      </c>
      <c r="JM17" s="109">
        <v>16541590</v>
      </c>
      <c r="JN17" s="109">
        <v>8076214</v>
      </c>
      <c r="JO17" s="109">
        <v>4274858</v>
      </c>
      <c r="JP17" s="110">
        <v>77937564</v>
      </c>
      <c r="JQ17" s="298">
        <v>77937564</v>
      </c>
      <c r="JR17" s="129">
        <v>29497</v>
      </c>
      <c r="JS17" s="109">
        <v>0</v>
      </c>
      <c r="JT17" s="128">
        <v>29497</v>
      </c>
      <c r="JU17" s="108">
        <v>0</v>
      </c>
      <c r="JV17" s="109">
        <v>1315373</v>
      </c>
      <c r="JW17" s="109">
        <v>1224948</v>
      </c>
      <c r="JX17" s="109">
        <v>2127451</v>
      </c>
      <c r="JY17" s="109">
        <v>0</v>
      </c>
      <c r="JZ17" s="109">
        <v>127279</v>
      </c>
      <c r="KA17" s="110">
        <v>4795051</v>
      </c>
      <c r="KB17" s="298">
        <v>4824548</v>
      </c>
      <c r="KC17" s="221">
        <v>0</v>
      </c>
      <c r="KD17" s="217">
        <v>516956</v>
      </c>
      <c r="KE17" s="110">
        <v>516956</v>
      </c>
      <c r="KF17" s="108">
        <v>0</v>
      </c>
      <c r="KG17" s="109">
        <v>4446327</v>
      </c>
      <c r="KH17" s="109">
        <v>5963482</v>
      </c>
      <c r="KI17" s="109">
        <v>8629352</v>
      </c>
      <c r="KJ17" s="109">
        <v>5971235</v>
      </c>
      <c r="KK17" s="109">
        <v>1304325</v>
      </c>
      <c r="KL17" s="110">
        <v>26314721</v>
      </c>
      <c r="KM17" s="130">
        <v>26831677</v>
      </c>
      <c r="KN17" s="219">
        <v>0</v>
      </c>
      <c r="KO17" s="223">
        <v>738287</v>
      </c>
      <c r="KP17" s="224">
        <v>738287</v>
      </c>
      <c r="KQ17" s="127"/>
      <c r="KR17" s="109">
        <v>12341293</v>
      </c>
      <c r="KS17" s="109">
        <v>18685116</v>
      </c>
      <c r="KT17" s="109">
        <v>21943156</v>
      </c>
      <c r="KU17" s="109">
        <v>15562427</v>
      </c>
      <c r="KV17" s="109">
        <v>6782954</v>
      </c>
      <c r="KW17" s="110">
        <v>75314946</v>
      </c>
      <c r="KX17" s="298">
        <v>76053233</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39220</v>
      </c>
      <c r="LP17" s="109">
        <v>0</v>
      </c>
      <c r="LQ17" s="109">
        <v>0</v>
      </c>
      <c r="LR17" s="109">
        <v>0</v>
      </c>
      <c r="LS17" s="110">
        <v>239220</v>
      </c>
      <c r="LT17" s="298">
        <v>239220</v>
      </c>
      <c r="LU17" s="129">
        <v>0</v>
      </c>
      <c r="LV17" s="109">
        <v>0</v>
      </c>
      <c r="LW17" s="110">
        <v>0</v>
      </c>
      <c r="LX17" s="132"/>
      <c r="LY17" s="109">
        <v>757176</v>
      </c>
      <c r="LZ17" s="109">
        <v>1219945</v>
      </c>
      <c r="MA17" s="109">
        <v>1412879</v>
      </c>
      <c r="MB17" s="109">
        <v>2487627</v>
      </c>
      <c r="MC17" s="109">
        <v>740038</v>
      </c>
      <c r="MD17" s="110">
        <v>6617665</v>
      </c>
      <c r="ME17" s="111">
        <v>6617665</v>
      </c>
      <c r="MF17" s="129">
        <v>0</v>
      </c>
      <c r="MG17" s="109">
        <v>0</v>
      </c>
      <c r="MH17" s="110">
        <v>0</v>
      </c>
      <c r="MI17" s="132"/>
      <c r="MJ17" s="109">
        <v>17907808</v>
      </c>
      <c r="MK17" s="109">
        <v>25389316</v>
      </c>
      <c r="ML17" s="109">
        <v>92338115</v>
      </c>
      <c r="MM17" s="109">
        <v>146666993</v>
      </c>
      <c r="MN17" s="109">
        <v>97161754</v>
      </c>
      <c r="MO17" s="110">
        <v>379463986</v>
      </c>
      <c r="MP17" s="130">
        <v>379463986</v>
      </c>
      <c r="MQ17" s="129">
        <v>0</v>
      </c>
      <c r="MR17" s="109">
        <v>0</v>
      </c>
      <c r="MS17" s="110">
        <v>0</v>
      </c>
      <c r="MT17" s="132"/>
      <c r="MU17" s="109">
        <v>178731</v>
      </c>
      <c r="MV17" s="109">
        <v>1591919</v>
      </c>
      <c r="MW17" s="109">
        <v>45969155</v>
      </c>
      <c r="MX17" s="109">
        <v>99680799</v>
      </c>
      <c r="MY17" s="109">
        <v>59001402</v>
      </c>
      <c r="MZ17" s="110">
        <v>206422006</v>
      </c>
      <c r="NA17" s="130">
        <v>206422006</v>
      </c>
      <c r="NB17" s="129">
        <v>0</v>
      </c>
      <c r="NC17" s="109">
        <v>0</v>
      </c>
      <c r="ND17" s="110">
        <v>0</v>
      </c>
      <c r="NE17" s="132"/>
      <c r="NF17" s="109">
        <v>16691639</v>
      </c>
      <c r="NG17" s="109">
        <v>21683097</v>
      </c>
      <c r="NH17" s="109">
        <v>42208105</v>
      </c>
      <c r="NI17" s="109">
        <v>43010339</v>
      </c>
      <c r="NJ17" s="109">
        <v>25397876</v>
      </c>
      <c r="NK17" s="110">
        <v>148991056</v>
      </c>
      <c r="NL17" s="298">
        <v>148991056</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1037438</v>
      </c>
      <c r="OC17" s="109">
        <v>2114300</v>
      </c>
      <c r="OD17" s="109">
        <v>4160855</v>
      </c>
      <c r="OE17" s="109">
        <v>3975855</v>
      </c>
      <c r="OF17" s="109">
        <v>12762476</v>
      </c>
      <c r="OG17" s="110">
        <v>24050924</v>
      </c>
      <c r="OH17" s="111">
        <v>24050924</v>
      </c>
      <c r="OI17" s="129">
        <v>11682813</v>
      </c>
      <c r="OJ17" s="109">
        <v>16366199</v>
      </c>
      <c r="OK17" s="128">
        <v>28049012</v>
      </c>
      <c r="OL17" s="108">
        <v>0</v>
      </c>
      <c r="OM17" s="109">
        <v>224820055</v>
      </c>
      <c r="ON17" s="109">
        <v>220594882</v>
      </c>
      <c r="OO17" s="109">
        <v>282657195</v>
      </c>
      <c r="OP17" s="109">
        <v>322463016</v>
      </c>
      <c r="OQ17" s="109">
        <v>202170131</v>
      </c>
      <c r="OR17" s="110">
        <v>1252705279</v>
      </c>
      <c r="OS17" s="130">
        <v>1280754291</v>
      </c>
    </row>
    <row r="18" spans="2:409" ht="21" customHeight="1" x14ac:dyDescent="0.2">
      <c r="B18" s="472" t="s">
        <v>12</v>
      </c>
      <c r="C18" s="100">
        <v>16018093</v>
      </c>
      <c r="D18" s="104">
        <v>33755933</v>
      </c>
      <c r="E18" s="103">
        <v>49774026</v>
      </c>
      <c r="F18" s="99">
        <v>0</v>
      </c>
      <c r="G18" s="104">
        <v>132186830</v>
      </c>
      <c r="H18" s="157">
        <v>160544695</v>
      </c>
      <c r="I18" s="157">
        <v>148711334</v>
      </c>
      <c r="J18" s="157">
        <v>154099825</v>
      </c>
      <c r="K18" s="157">
        <v>115449371</v>
      </c>
      <c r="L18" s="102">
        <v>710992055</v>
      </c>
      <c r="M18" s="106">
        <v>760766081</v>
      </c>
      <c r="N18" s="100">
        <v>3668418</v>
      </c>
      <c r="O18" s="104">
        <v>10031205</v>
      </c>
      <c r="P18" s="103">
        <v>13699623</v>
      </c>
      <c r="Q18" s="100">
        <v>0</v>
      </c>
      <c r="R18" s="104">
        <v>35645181</v>
      </c>
      <c r="S18" s="104">
        <v>51827162</v>
      </c>
      <c r="T18" s="104">
        <v>49666924</v>
      </c>
      <c r="U18" s="104">
        <v>58570053</v>
      </c>
      <c r="V18" s="104">
        <v>59446623</v>
      </c>
      <c r="W18" s="103">
        <v>255155943</v>
      </c>
      <c r="X18" s="106">
        <v>268855566</v>
      </c>
      <c r="Y18" s="100">
        <v>0</v>
      </c>
      <c r="Z18" s="104">
        <v>0</v>
      </c>
      <c r="AA18" s="103">
        <v>0</v>
      </c>
      <c r="AB18" s="100">
        <v>0</v>
      </c>
      <c r="AC18" s="104">
        <v>20180115</v>
      </c>
      <c r="AD18" s="104">
        <v>28044487</v>
      </c>
      <c r="AE18" s="104">
        <v>32046459</v>
      </c>
      <c r="AF18" s="104">
        <v>36961330</v>
      </c>
      <c r="AG18" s="104">
        <v>38327420</v>
      </c>
      <c r="AH18" s="103">
        <v>155559811</v>
      </c>
      <c r="AI18" s="106">
        <v>155559811</v>
      </c>
      <c r="AJ18" s="100">
        <v>0</v>
      </c>
      <c r="AK18" s="104">
        <v>202293</v>
      </c>
      <c r="AL18" s="103">
        <v>202293</v>
      </c>
      <c r="AM18" s="100">
        <v>0</v>
      </c>
      <c r="AN18" s="104">
        <v>236762</v>
      </c>
      <c r="AO18" s="104">
        <v>1451256</v>
      </c>
      <c r="AP18" s="104">
        <v>1275720</v>
      </c>
      <c r="AQ18" s="104">
        <v>4502586</v>
      </c>
      <c r="AR18" s="104">
        <v>5835348</v>
      </c>
      <c r="AS18" s="103">
        <v>13301672</v>
      </c>
      <c r="AT18" s="106">
        <v>13503965</v>
      </c>
      <c r="AU18" s="100">
        <v>2712243</v>
      </c>
      <c r="AV18" s="104">
        <v>7761954</v>
      </c>
      <c r="AW18" s="103">
        <v>10474197</v>
      </c>
      <c r="AX18" s="100">
        <v>0</v>
      </c>
      <c r="AY18" s="104">
        <v>10328723</v>
      </c>
      <c r="AZ18" s="104">
        <v>15300819</v>
      </c>
      <c r="BA18" s="104">
        <v>10024821</v>
      </c>
      <c r="BB18" s="104">
        <v>10379449</v>
      </c>
      <c r="BC18" s="104">
        <v>10045246</v>
      </c>
      <c r="BD18" s="103">
        <v>56079058</v>
      </c>
      <c r="BE18" s="106">
        <v>66553255</v>
      </c>
      <c r="BF18" s="100">
        <v>99979</v>
      </c>
      <c r="BG18" s="104">
        <v>769574</v>
      </c>
      <c r="BH18" s="102">
        <v>869553</v>
      </c>
      <c r="BI18" s="101">
        <v>0</v>
      </c>
      <c r="BJ18" s="104">
        <v>566318</v>
      </c>
      <c r="BK18" s="104">
        <v>1627196</v>
      </c>
      <c r="BL18" s="104">
        <v>1206344</v>
      </c>
      <c r="BM18" s="104">
        <v>778133</v>
      </c>
      <c r="BN18" s="104">
        <v>563633</v>
      </c>
      <c r="BO18" s="103">
        <v>4741624</v>
      </c>
      <c r="BP18" s="106">
        <v>5611177</v>
      </c>
      <c r="BQ18" s="100">
        <v>856196</v>
      </c>
      <c r="BR18" s="104">
        <v>1297384</v>
      </c>
      <c r="BS18" s="103">
        <v>2153580</v>
      </c>
      <c r="BT18" s="100">
        <v>0</v>
      </c>
      <c r="BU18" s="104">
        <v>4333263</v>
      </c>
      <c r="BV18" s="104">
        <v>5403404</v>
      </c>
      <c r="BW18" s="104">
        <v>5113580</v>
      </c>
      <c r="BX18" s="104">
        <v>5948555</v>
      </c>
      <c r="BY18" s="104">
        <v>4674976</v>
      </c>
      <c r="BZ18" s="103">
        <v>25473778</v>
      </c>
      <c r="CA18" s="106">
        <v>27627358</v>
      </c>
      <c r="CB18" s="100">
        <v>3246073</v>
      </c>
      <c r="CC18" s="104">
        <v>5773178</v>
      </c>
      <c r="CD18" s="103">
        <v>9019251</v>
      </c>
      <c r="CE18" s="100">
        <v>0</v>
      </c>
      <c r="CF18" s="104">
        <v>45154647</v>
      </c>
      <c r="CG18" s="104">
        <v>46713078</v>
      </c>
      <c r="CH18" s="104">
        <v>37968013</v>
      </c>
      <c r="CI18" s="104">
        <v>29832472</v>
      </c>
      <c r="CJ18" s="104">
        <v>15591780</v>
      </c>
      <c r="CK18" s="103">
        <v>175259990</v>
      </c>
      <c r="CL18" s="106">
        <v>184279241</v>
      </c>
      <c r="CM18" s="100">
        <v>0</v>
      </c>
      <c r="CN18" s="104">
        <v>0</v>
      </c>
      <c r="CO18" s="103">
        <v>0</v>
      </c>
      <c r="CP18" s="101">
        <v>0</v>
      </c>
      <c r="CQ18" s="104">
        <v>37384066</v>
      </c>
      <c r="CR18" s="104">
        <v>35260476</v>
      </c>
      <c r="CS18" s="104">
        <v>27770152</v>
      </c>
      <c r="CT18" s="104">
        <v>23246100</v>
      </c>
      <c r="CU18" s="104">
        <v>12633700</v>
      </c>
      <c r="CV18" s="103">
        <v>136294494</v>
      </c>
      <c r="CW18" s="106">
        <v>136294494</v>
      </c>
      <c r="CX18" s="100">
        <v>3246073</v>
      </c>
      <c r="CY18" s="104">
        <v>5773178</v>
      </c>
      <c r="CZ18" s="103">
        <v>9019251</v>
      </c>
      <c r="DA18" s="100">
        <v>0</v>
      </c>
      <c r="DB18" s="104">
        <v>7770581</v>
      </c>
      <c r="DC18" s="104">
        <v>11452602</v>
      </c>
      <c r="DD18" s="104">
        <v>10197861</v>
      </c>
      <c r="DE18" s="104">
        <v>6586372</v>
      </c>
      <c r="DF18" s="104">
        <v>2958080</v>
      </c>
      <c r="DG18" s="103">
        <v>38965496</v>
      </c>
      <c r="DH18" s="106">
        <v>47984747</v>
      </c>
      <c r="DI18" s="100">
        <v>139852</v>
      </c>
      <c r="DJ18" s="104">
        <v>498076</v>
      </c>
      <c r="DK18" s="102">
        <v>637928</v>
      </c>
      <c r="DL18" s="101">
        <v>0</v>
      </c>
      <c r="DM18" s="104">
        <v>5511700</v>
      </c>
      <c r="DN18" s="104">
        <v>7531944</v>
      </c>
      <c r="DO18" s="104">
        <v>12165265</v>
      </c>
      <c r="DP18" s="104">
        <v>9602472</v>
      </c>
      <c r="DQ18" s="104">
        <v>7519437</v>
      </c>
      <c r="DR18" s="103">
        <v>42330818</v>
      </c>
      <c r="DS18" s="106">
        <v>42968746</v>
      </c>
      <c r="DT18" s="100">
        <v>139852</v>
      </c>
      <c r="DU18" s="104">
        <v>498076</v>
      </c>
      <c r="DV18" s="103">
        <v>637928</v>
      </c>
      <c r="DW18" s="100">
        <v>0</v>
      </c>
      <c r="DX18" s="104">
        <v>5353462</v>
      </c>
      <c r="DY18" s="104">
        <v>7163625</v>
      </c>
      <c r="DZ18" s="104">
        <v>11712789</v>
      </c>
      <c r="EA18" s="104">
        <v>8979975</v>
      </c>
      <c r="EB18" s="104">
        <v>7416613</v>
      </c>
      <c r="EC18" s="103">
        <v>40626464</v>
      </c>
      <c r="ED18" s="106">
        <v>41264392</v>
      </c>
      <c r="EE18" s="100">
        <v>0</v>
      </c>
      <c r="EF18" s="102">
        <v>0</v>
      </c>
      <c r="EG18" s="103">
        <v>0</v>
      </c>
      <c r="EH18" s="100">
        <v>0</v>
      </c>
      <c r="EI18" s="104">
        <v>158238</v>
      </c>
      <c r="EJ18" s="104">
        <v>368319</v>
      </c>
      <c r="EK18" s="104">
        <v>452476</v>
      </c>
      <c r="EL18" s="104">
        <v>622497</v>
      </c>
      <c r="EM18" s="104">
        <v>102824</v>
      </c>
      <c r="EN18" s="102">
        <v>1704354</v>
      </c>
      <c r="EO18" s="106">
        <v>1704354</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3250643</v>
      </c>
      <c r="FM18" s="104">
        <v>8128864</v>
      </c>
      <c r="FN18" s="103">
        <v>11379507</v>
      </c>
      <c r="FO18" s="100">
        <v>0</v>
      </c>
      <c r="FP18" s="104">
        <v>5142318</v>
      </c>
      <c r="FQ18" s="104">
        <v>15251780</v>
      </c>
      <c r="FR18" s="104">
        <v>12533161</v>
      </c>
      <c r="FS18" s="104">
        <v>12208329</v>
      </c>
      <c r="FT18" s="104">
        <v>8272527</v>
      </c>
      <c r="FU18" s="103">
        <v>53408115</v>
      </c>
      <c r="FV18" s="106">
        <v>64787622</v>
      </c>
      <c r="FW18" s="105">
        <v>2253687</v>
      </c>
      <c r="FX18" s="104">
        <v>5834501</v>
      </c>
      <c r="FY18" s="102">
        <v>8088188</v>
      </c>
      <c r="FZ18" s="101">
        <v>0</v>
      </c>
      <c r="GA18" s="104">
        <v>3973570</v>
      </c>
      <c r="GB18" s="104">
        <v>13816619</v>
      </c>
      <c r="GC18" s="104">
        <v>11619597</v>
      </c>
      <c r="GD18" s="104">
        <v>11602747</v>
      </c>
      <c r="GE18" s="104">
        <v>8093095</v>
      </c>
      <c r="GF18" s="103">
        <v>49105628</v>
      </c>
      <c r="GG18" s="296">
        <v>57193816</v>
      </c>
      <c r="GH18" s="105">
        <v>260375</v>
      </c>
      <c r="GI18" s="104">
        <v>441400</v>
      </c>
      <c r="GJ18" s="102">
        <v>701775</v>
      </c>
      <c r="GK18" s="101">
        <v>0</v>
      </c>
      <c r="GL18" s="104">
        <v>363648</v>
      </c>
      <c r="GM18" s="104">
        <v>612221</v>
      </c>
      <c r="GN18" s="104">
        <v>518288</v>
      </c>
      <c r="GO18" s="104">
        <v>291282</v>
      </c>
      <c r="GP18" s="104">
        <v>151811</v>
      </c>
      <c r="GQ18" s="103">
        <v>1937250</v>
      </c>
      <c r="GR18" s="106">
        <v>2639025</v>
      </c>
      <c r="GS18" s="100">
        <v>736581</v>
      </c>
      <c r="GT18" s="104">
        <v>1852963</v>
      </c>
      <c r="GU18" s="103">
        <v>2589544</v>
      </c>
      <c r="GV18" s="100">
        <v>0</v>
      </c>
      <c r="GW18" s="104">
        <v>805100</v>
      </c>
      <c r="GX18" s="104">
        <v>822940</v>
      </c>
      <c r="GY18" s="104">
        <v>395276</v>
      </c>
      <c r="GZ18" s="104">
        <v>314300</v>
      </c>
      <c r="HA18" s="104">
        <v>27621</v>
      </c>
      <c r="HB18" s="102">
        <v>2365237</v>
      </c>
      <c r="HC18" s="106">
        <v>4954781</v>
      </c>
      <c r="HD18" s="100">
        <v>2523987</v>
      </c>
      <c r="HE18" s="104">
        <v>4073090</v>
      </c>
      <c r="HF18" s="102">
        <v>6597077</v>
      </c>
      <c r="HG18" s="101">
        <v>0</v>
      </c>
      <c r="HH18" s="104">
        <v>18179314</v>
      </c>
      <c r="HI18" s="104">
        <v>20408522</v>
      </c>
      <c r="HJ18" s="104">
        <v>22082874</v>
      </c>
      <c r="HK18" s="104">
        <v>32350833</v>
      </c>
      <c r="HL18" s="104">
        <v>18165629</v>
      </c>
      <c r="HM18" s="103">
        <v>111187172</v>
      </c>
      <c r="HN18" s="99">
        <v>117784249</v>
      </c>
      <c r="HO18" s="105">
        <v>3189120</v>
      </c>
      <c r="HP18" s="104">
        <v>5251520</v>
      </c>
      <c r="HQ18" s="103">
        <v>8440640</v>
      </c>
      <c r="HR18" s="100">
        <v>0</v>
      </c>
      <c r="HS18" s="104">
        <v>22553670</v>
      </c>
      <c r="HT18" s="104">
        <v>18812209</v>
      </c>
      <c r="HU18" s="104">
        <v>14295097</v>
      </c>
      <c r="HV18" s="104">
        <v>11535666</v>
      </c>
      <c r="HW18" s="104">
        <v>6453375</v>
      </c>
      <c r="HX18" s="102">
        <v>73650017</v>
      </c>
      <c r="HY18" s="106">
        <v>82090657</v>
      </c>
      <c r="HZ18" s="137">
        <v>0</v>
      </c>
      <c r="IA18" s="122">
        <v>89109</v>
      </c>
      <c r="IB18" s="137">
        <v>89109</v>
      </c>
      <c r="IC18" s="121">
        <v>0</v>
      </c>
      <c r="ID18" s="122">
        <v>33747525</v>
      </c>
      <c r="IE18" s="123">
        <v>44072721</v>
      </c>
      <c r="IF18" s="124">
        <v>47639955</v>
      </c>
      <c r="IG18" s="122">
        <v>44737523</v>
      </c>
      <c r="IH18" s="124">
        <v>35023803</v>
      </c>
      <c r="II18" s="125">
        <v>205221527</v>
      </c>
      <c r="IJ18" s="137">
        <v>205310636</v>
      </c>
      <c r="IK18" s="219">
        <v>0</v>
      </c>
      <c r="IL18" s="223">
        <v>0</v>
      </c>
      <c r="IM18" s="224">
        <v>0</v>
      </c>
      <c r="IN18" s="127"/>
      <c r="IO18" s="109">
        <v>772503</v>
      </c>
      <c r="IP18" s="109">
        <v>718884</v>
      </c>
      <c r="IQ18" s="109">
        <v>386633</v>
      </c>
      <c r="IR18" s="109">
        <v>940412</v>
      </c>
      <c r="IS18" s="109">
        <v>2133252</v>
      </c>
      <c r="IT18" s="128">
        <v>4951684</v>
      </c>
      <c r="IU18" s="298">
        <v>4951684</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20886788</v>
      </c>
      <c r="JL18" s="109">
        <v>16493154</v>
      </c>
      <c r="JM18" s="109">
        <v>13222156</v>
      </c>
      <c r="JN18" s="109">
        <v>8485829</v>
      </c>
      <c r="JO18" s="109">
        <v>4125789</v>
      </c>
      <c r="JP18" s="110">
        <v>63213716</v>
      </c>
      <c r="JQ18" s="298">
        <v>63213716</v>
      </c>
      <c r="JR18" s="129">
        <v>0</v>
      </c>
      <c r="JS18" s="109">
        <v>0</v>
      </c>
      <c r="JT18" s="128">
        <v>0</v>
      </c>
      <c r="JU18" s="108">
        <v>0</v>
      </c>
      <c r="JV18" s="109">
        <v>322429</v>
      </c>
      <c r="JW18" s="109">
        <v>191198</v>
      </c>
      <c r="JX18" s="109">
        <v>156989</v>
      </c>
      <c r="JY18" s="109">
        <v>55175</v>
      </c>
      <c r="JZ18" s="109">
        <v>201447</v>
      </c>
      <c r="KA18" s="110">
        <v>927238</v>
      </c>
      <c r="KB18" s="298">
        <v>927238</v>
      </c>
      <c r="KC18" s="221">
        <v>0</v>
      </c>
      <c r="KD18" s="217">
        <v>89109</v>
      </c>
      <c r="KE18" s="110">
        <v>89109</v>
      </c>
      <c r="KF18" s="108">
        <v>0</v>
      </c>
      <c r="KG18" s="109">
        <v>2681599</v>
      </c>
      <c r="KH18" s="109">
        <v>6960086</v>
      </c>
      <c r="KI18" s="109">
        <v>11086235</v>
      </c>
      <c r="KJ18" s="109">
        <v>11745115</v>
      </c>
      <c r="KK18" s="109">
        <v>8736859</v>
      </c>
      <c r="KL18" s="110">
        <v>41209894</v>
      </c>
      <c r="KM18" s="130">
        <v>41299003</v>
      </c>
      <c r="KN18" s="219">
        <v>0</v>
      </c>
      <c r="KO18" s="223">
        <v>0</v>
      </c>
      <c r="KP18" s="224">
        <v>0</v>
      </c>
      <c r="KQ18" s="127"/>
      <c r="KR18" s="109">
        <v>8131045</v>
      </c>
      <c r="KS18" s="109">
        <v>14659609</v>
      </c>
      <c r="KT18" s="109">
        <v>11831403</v>
      </c>
      <c r="KU18" s="109">
        <v>11120495</v>
      </c>
      <c r="KV18" s="109">
        <v>10958216</v>
      </c>
      <c r="KW18" s="110">
        <v>56700768</v>
      </c>
      <c r="KX18" s="298">
        <v>56700768</v>
      </c>
      <c r="KY18" s="129">
        <v>0</v>
      </c>
      <c r="KZ18" s="109">
        <v>0</v>
      </c>
      <c r="LA18" s="110">
        <v>0</v>
      </c>
      <c r="LB18" s="132"/>
      <c r="LC18" s="109">
        <v>0</v>
      </c>
      <c r="LD18" s="109">
        <v>1151956</v>
      </c>
      <c r="LE18" s="109">
        <v>1760904</v>
      </c>
      <c r="LF18" s="109">
        <v>1790843</v>
      </c>
      <c r="LG18" s="109">
        <v>852650</v>
      </c>
      <c r="LH18" s="110">
        <v>5556353</v>
      </c>
      <c r="LI18" s="111">
        <v>5556353</v>
      </c>
      <c r="LJ18" s="129">
        <v>0</v>
      </c>
      <c r="LK18" s="109">
        <v>0</v>
      </c>
      <c r="LL18" s="110">
        <v>0</v>
      </c>
      <c r="LM18" s="132"/>
      <c r="LN18" s="109">
        <v>0</v>
      </c>
      <c r="LO18" s="109">
        <v>0</v>
      </c>
      <c r="LP18" s="109">
        <v>2783646</v>
      </c>
      <c r="LQ18" s="109">
        <v>3361968</v>
      </c>
      <c r="LR18" s="109">
        <v>2181513</v>
      </c>
      <c r="LS18" s="110">
        <v>8327127</v>
      </c>
      <c r="LT18" s="298">
        <v>8327127</v>
      </c>
      <c r="LU18" s="129">
        <v>0</v>
      </c>
      <c r="LV18" s="109">
        <v>0</v>
      </c>
      <c r="LW18" s="110">
        <v>0</v>
      </c>
      <c r="LX18" s="132"/>
      <c r="LY18" s="109">
        <v>953161</v>
      </c>
      <c r="LZ18" s="109">
        <v>3897834</v>
      </c>
      <c r="MA18" s="109">
        <v>6411989</v>
      </c>
      <c r="MB18" s="109">
        <v>7237686</v>
      </c>
      <c r="MC18" s="109">
        <v>5834077</v>
      </c>
      <c r="MD18" s="110">
        <v>24334747</v>
      </c>
      <c r="ME18" s="111">
        <v>24334747</v>
      </c>
      <c r="MF18" s="129">
        <v>0</v>
      </c>
      <c r="MG18" s="109">
        <v>0</v>
      </c>
      <c r="MH18" s="110">
        <v>0</v>
      </c>
      <c r="MI18" s="132"/>
      <c r="MJ18" s="109">
        <v>9155522</v>
      </c>
      <c r="MK18" s="109">
        <v>28272170</v>
      </c>
      <c r="ML18" s="109">
        <v>94224790</v>
      </c>
      <c r="MM18" s="109">
        <v>139845148</v>
      </c>
      <c r="MN18" s="109">
        <v>92606277</v>
      </c>
      <c r="MO18" s="110">
        <v>364103907</v>
      </c>
      <c r="MP18" s="130">
        <v>364103907</v>
      </c>
      <c r="MQ18" s="129">
        <v>0</v>
      </c>
      <c r="MR18" s="109">
        <v>0</v>
      </c>
      <c r="MS18" s="110">
        <v>0</v>
      </c>
      <c r="MT18" s="132"/>
      <c r="MU18" s="109">
        <v>0</v>
      </c>
      <c r="MV18" s="109">
        <v>4719564</v>
      </c>
      <c r="MW18" s="109">
        <v>47614947</v>
      </c>
      <c r="MX18" s="109">
        <v>84514103</v>
      </c>
      <c r="MY18" s="109">
        <v>68056036</v>
      </c>
      <c r="MZ18" s="110">
        <v>204904650</v>
      </c>
      <c r="NA18" s="130">
        <v>204904650</v>
      </c>
      <c r="NB18" s="129">
        <v>0</v>
      </c>
      <c r="NC18" s="109">
        <v>0</v>
      </c>
      <c r="ND18" s="110">
        <v>0</v>
      </c>
      <c r="NE18" s="132"/>
      <c r="NF18" s="109">
        <v>9155522</v>
      </c>
      <c r="NG18" s="109">
        <v>22966903</v>
      </c>
      <c r="NH18" s="109">
        <v>45931935</v>
      </c>
      <c r="NI18" s="109">
        <v>50139337</v>
      </c>
      <c r="NJ18" s="109">
        <v>19880614</v>
      </c>
      <c r="NK18" s="110">
        <v>148074311</v>
      </c>
      <c r="NL18" s="298">
        <v>148074311</v>
      </c>
      <c r="NM18" s="129">
        <v>0</v>
      </c>
      <c r="NN18" s="109">
        <v>0</v>
      </c>
      <c r="NO18" s="110">
        <v>0</v>
      </c>
      <c r="NP18" s="132"/>
      <c r="NQ18" s="109">
        <v>0</v>
      </c>
      <c r="NR18" s="109">
        <v>0</v>
      </c>
      <c r="NS18" s="109">
        <v>0</v>
      </c>
      <c r="NT18" s="109">
        <v>0</v>
      </c>
      <c r="NU18" s="109">
        <v>108565</v>
      </c>
      <c r="NV18" s="110">
        <v>108565</v>
      </c>
      <c r="NW18" s="111">
        <v>108565</v>
      </c>
      <c r="NX18" s="129">
        <v>0</v>
      </c>
      <c r="NY18" s="109">
        <v>0</v>
      </c>
      <c r="NZ18" s="110">
        <v>0</v>
      </c>
      <c r="OA18" s="132"/>
      <c r="OB18" s="109">
        <v>0</v>
      </c>
      <c r="OC18" s="109">
        <v>585703</v>
      </c>
      <c r="OD18" s="109">
        <v>677908</v>
      </c>
      <c r="OE18" s="109">
        <v>5191708</v>
      </c>
      <c r="OF18" s="109">
        <v>4561062</v>
      </c>
      <c r="OG18" s="110">
        <v>11016381</v>
      </c>
      <c r="OH18" s="111">
        <v>11016381</v>
      </c>
      <c r="OI18" s="129">
        <v>16018093</v>
      </c>
      <c r="OJ18" s="109">
        <v>33845042</v>
      </c>
      <c r="OK18" s="128">
        <v>49863135</v>
      </c>
      <c r="OL18" s="108">
        <v>0</v>
      </c>
      <c r="OM18" s="109">
        <v>175089877</v>
      </c>
      <c r="ON18" s="109">
        <v>232889586</v>
      </c>
      <c r="OO18" s="109">
        <v>290576079</v>
      </c>
      <c r="OP18" s="109">
        <v>338682496</v>
      </c>
      <c r="OQ18" s="109">
        <v>243079451</v>
      </c>
      <c r="OR18" s="110">
        <v>1280317489</v>
      </c>
      <c r="OS18" s="130">
        <v>1330180624</v>
      </c>
    </row>
    <row r="19" spans="2:409" ht="21" customHeight="1" x14ac:dyDescent="0.2">
      <c r="B19" s="472" t="s">
        <v>13</v>
      </c>
      <c r="C19" s="100">
        <v>3182642</v>
      </c>
      <c r="D19" s="104">
        <v>6527795</v>
      </c>
      <c r="E19" s="103">
        <v>9710437</v>
      </c>
      <c r="F19" s="100">
        <v>0</v>
      </c>
      <c r="G19" s="157">
        <v>47386376</v>
      </c>
      <c r="H19" s="104">
        <v>61559212</v>
      </c>
      <c r="I19" s="104">
        <v>59092560</v>
      </c>
      <c r="J19" s="104">
        <v>59490430</v>
      </c>
      <c r="K19" s="104">
        <v>53955978</v>
      </c>
      <c r="L19" s="102">
        <v>281484556</v>
      </c>
      <c r="M19" s="106">
        <v>291194993</v>
      </c>
      <c r="N19" s="100">
        <v>840633</v>
      </c>
      <c r="O19" s="104">
        <v>1549269</v>
      </c>
      <c r="P19" s="103">
        <v>2389902</v>
      </c>
      <c r="Q19" s="100">
        <v>0</v>
      </c>
      <c r="R19" s="104">
        <v>14530135</v>
      </c>
      <c r="S19" s="104">
        <v>19831090</v>
      </c>
      <c r="T19" s="104">
        <v>19144275</v>
      </c>
      <c r="U19" s="104">
        <v>21821501</v>
      </c>
      <c r="V19" s="104">
        <v>29873272</v>
      </c>
      <c r="W19" s="103">
        <v>105200273</v>
      </c>
      <c r="X19" s="106">
        <v>107590175</v>
      </c>
      <c r="Y19" s="100">
        <v>0</v>
      </c>
      <c r="Z19" s="104">
        <v>0</v>
      </c>
      <c r="AA19" s="103">
        <v>0</v>
      </c>
      <c r="AB19" s="100">
        <v>0</v>
      </c>
      <c r="AC19" s="104">
        <v>6817654</v>
      </c>
      <c r="AD19" s="104">
        <v>10109684</v>
      </c>
      <c r="AE19" s="104">
        <v>11533701</v>
      </c>
      <c r="AF19" s="104">
        <v>13361338</v>
      </c>
      <c r="AG19" s="104">
        <v>19686268</v>
      </c>
      <c r="AH19" s="103">
        <v>61508645</v>
      </c>
      <c r="AI19" s="106">
        <v>61508645</v>
      </c>
      <c r="AJ19" s="100">
        <v>0</v>
      </c>
      <c r="AK19" s="104">
        <v>0</v>
      </c>
      <c r="AL19" s="103">
        <v>0</v>
      </c>
      <c r="AM19" s="100">
        <v>0</v>
      </c>
      <c r="AN19" s="104">
        <v>40753</v>
      </c>
      <c r="AO19" s="104">
        <v>66561</v>
      </c>
      <c r="AP19" s="104">
        <v>106884</v>
      </c>
      <c r="AQ19" s="104">
        <v>1054590</v>
      </c>
      <c r="AR19" s="104">
        <v>2386715</v>
      </c>
      <c r="AS19" s="103">
        <v>3655503</v>
      </c>
      <c r="AT19" s="106">
        <v>3655503</v>
      </c>
      <c r="AU19" s="100">
        <v>295525</v>
      </c>
      <c r="AV19" s="104">
        <v>910441</v>
      </c>
      <c r="AW19" s="103">
        <v>1205966</v>
      </c>
      <c r="AX19" s="100">
        <v>0</v>
      </c>
      <c r="AY19" s="104">
        <v>4716918</v>
      </c>
      <c r="AZ19" s="104">
        <v>5999043</v>
      </c>
      <c r="BA19" s="104">
        <v>4465241</v>
      </c>
      <c r="BB19" s="104">
        <v>4096174</v>
      </c>
      <c r="BC19" s="104">
        <v>4747511</v>
      </c>
      <c r="BD19" s="103">
        <v>24024887</v>
      </c>
      <c r="BE19" s="106">
        <v>25230853</v>
      </c>
      <c r="BF19" s="100">
        <v>26507</v>
      </c>
      <c r="BG19" s="104">
        <v>239179</v>
      </c>
      <c r="BH19" s="102">
        <v>265686</v>
      </c>
      <c r="BI19" s="101">
        <v>0</v>
      </c>
      <c r="BJ19" s="104">
        <v>607051</v>
      </c>
      <c r="BK19" s="104">
        <v>768512</v>
      </c>
      <c r="BL19" s="104">
        <v>353097</v>
      </c>
      <c r="BM19" s="104">
        <v>351429</v>
      </c>
      <c r="BN19" s="104">
        <v>450654</v>
      </c>
      <c r="BO19" s="103">
        <v>2530743</v>
      </c>
      <c r="BP19" s="106">
        <v>2796429</v>
      </c>
      <c r="BQ19" s="100">
        <v>518601</v>
      </c>
      <c r="BR19" s="104">
        <v>399649</v>
      </c>
      <c r="BS19" s="103">
        <v>918250</v>
      </c>
      <c r="BT19" s="100">
        <v>0</v>
      </c>
      <c r="BU19" s="104">
        <v>2347759</v>
      </c>
      <c r="BV19" s="104">
        <v>2887290</v>
      </c>
      <c r="BW19" s="104">
        <v>2685352</v>
      </c>
      <c r="BX19" s="104">
        <v>2957970</v>
      </c>
      <c r="BY19" s="104">
        <v>2602124</v>
      </c>
      <c r="BZ19" s="103">
        <v>13480495</v>
      </c>
      <c r="CA19" s="106">
        <v>14398745</v>
      </c>
      <c r="CB19" s="100">
        <v>157415</v>
      </c>
      <c r="CC19" s="104">
        <v>955902</v>
      </c>
      <c r="CD19" s="103">
        <v>1113317</v>
      </c>
      <c r="CE19" s="100">
        <v>0</v>
      </c>
      <c r="CF19" s="104">
        <v>10227513</v>
      </c>
      <c r="CG19" s="104">
        <v>13713337</v>
      </c>
      <c r="CH19" s="104">
        <v>11253129</v>
      </c>
      <c r="CI19" s="104">
        <v>8940354</v>
      </c>
      <c r="CJ19" s="104">
        <v>4478747</v>
      </c>
      <c r="CK19" s="103">
        <v>48613080</v>
      </c>
      <c r="CL19" s="106">
        <v>49726397</v>
      </c>
      <c r="CM19" s="100">
        <v>0</v>
      </c>
      <c r="CN19" s="104">
        <v>0</v>
      </c>
      <c r="CO19" s="103">
        <v>0</v>
      </c>
      <c r="CP19" s="101">
        <v>0</v>
      </c>
      <c r="CQ19" s="104">
        <v>8799976</v>
      </c>
      <c r="CR19" s="104">
        <v>11687831</v>
      </c>
      <c r="CS19" s="104">
        <v>9523003</v>
      </c>
      <c r="CT19" s="104">
        <v>6279430</v>
      </c>
      <c r="CU19" s="104">
        <v>3468535</v>
      </c>
      <c r="CV19" s="103">
        <v>39758775</v>
      </c>
      <c r="CW19" s="106">
        <v>39758775</v>
      </c>
      <c r="CX19" s="100">
        <v>157415</v>
      </c>
      <c r="CY19" s="104">
        <v>955902</v>
      </c>
      <c r="CZ19" s="103">
        <v>1113317</v>
      </c>
      <c r="DA19" s="100">
        <v>0</v>
      </c>
      <c r="DB19" s="104">
        <v>1427537</v>
      </c>
      <c r="DC19" s="104">
        <v>2025506</v>
      </c>
      <c r="DD19" s="104">
        <v>1730126</v>
      </c>
      <c r="DE19" s="104">
        <v>2660924</v>
      </c>
      <c r="DF19" s="104">
        <v>1010212</v>
      </c>
      <c r="DG19" s="103">
        <v>8854305</v>
      </c>
      <c r="DH19" s="106">
        <v>9967622</v>
      </c>
      <c r="DI19" s="100">
        <v>0</v>
      </c>
      <c r="DJ19" s="104">
        <v>25429</v>
      </c>
      <c r="DK19" s="102">
        <v>25429</v>
      </c>
      <c r="DL19" s="101">
        <v>0</v>
      </c>
      <c r="DM19" s="104">
        <v>1255426</v>
      </c>
      <c r="DN19" s="104">
        <v>2361603</v>
      </c>
      <c r="DO19" s="104">
        <v>6403903</v>
      </c>
      <c r="DP19" s="104">
        <v>5273631</v>
      </c>
      <c r="DQ19" s="104">
        <v>2184607</v>
      </c>
      <c r="DR19" s="103">
        <v>17479170</v>
      </c>
      <c r="DS19" s="106">
        <v>17504599</v>
      </c>
      <c r="DT19" s="100">
        <v>0</v>
      </c>
      <c r="DU19" s="104">
        <v>25429</v>
      </c>
      <c r="DV19" s="103">
        <v>25429</v>
      </c>
      <c r="DW19" s="100">
        <v>0</v>
      </c>
      <c r="DX19" s="104">
        <v>1027121</v>
      </c>
      <c r="DY19" s="104">
        <v>1935046</v>
      </c>
      <c r="DZ19" s="104">
        <v>5741979</v>
      </c>
      <c r="EA19" s="104">
        <v>4625677</v>
      </c>
      <c r="EB19" s="104">
        <v>2184607</v>
      </c>
      <c r="EC19" s="103">
        <v>15514430</v>
      </c>
      <c r="ED19" s="106">
        <v>15539859</v>
      </c>
      <c r="EE19" s="100">
        <v>0</v>
      </c>
      <c r="EF19" s="102">
        <v>0</v>
      </c>
      <c r="EG19" s="103">
        <v>0</v>
      </c>
      <c r="EH19" s="100">
        <v>0</v>
      </c>
      <c r="EI19" s="104">
        <v>228305</v>
      </c>
      <c r="EJ19" s="104">
        <v>426557</v>
      </c>
      <c r="EK19" s="104">
        <v>661924</v>
      </c>
      <c r="EL19" s="104">
        <v>647954</v>
      </c>
      <c r="EM19" s="104">
        <v>0</v>
      </c>
      <c r="EN19" s="102">
        <v>1964740</v>
      </c>
      <c r="EO19" s="106">
        <v>196474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487554</v>
      </c>
      <c r="FM19" s="104">
        <v>1729711</v>
      </c>
      <c r="FN19" s="103">
        <v>2217265</v>
      </c>
      <c r="FO19" s="100">
        <v>0</v>
      </c>
      <c r="FP19" s="104">
        <v>1969274</v>
      </c>
      <c r="FQ19" s="104">
        <v>5430281</v>
      </c>
      <c r="FR19" s="104">
        <v>4567358</v>
      </c>
      <c r="FS19" s="104">
        <v>4085358</v>
      </c>
      <c r="FT19" s="104">
        <v>3008567</v>
      </c>
      <c r="FU19" s="103">
        <v>19060838</v>
      </c>
      <c r="FV19" s="106">
        <v>21278103</v>
      </c>
      <c r="FW19" s="105">
        <v>386815</v>
      </c>
      <c r="FX19" s="104">
        <v>984561</v>
      </c>
      <c r="FY19" s="102">
        <v>1371376</v>
      </c>
      <c r="FZ19" s="101">
        <v>0</v>
      </c>
      <c r="GA19" s="104">
        <v>1620406</v>
      </c>
      <c r="GB19" s="104">
        <v>4491274</v>
      </c>
      <c r="GC19" s="104">
        <v>3954935</v>
      </c>
      <c r="GD19" s="104">
        <v>3866071</v>
      </c>
      <c r="GE19" s="104">
        <v>2886475</v>
      </c>
      <c r="GF19" s="103">
        <v>16819161</v>
      </c>
      <c r="GG19" s="296">
        <v>18190537</v>
      </c>
      <c r="GH19" s="105">
        <v>44739</v>
      </c>
      <c r="GI19" s="104">
        <v>69210</v>
      </c>
      <c r="GJ19" s="102">
        <v>113949</v>
      </c>
      <c r="GK19" s="101">
        <v>0</v>
      </c>
      <c r="GL19" s="104">
        <v>123678</v>
      </c>
      <c r="GM19" s="104">
        <v>262617</v>
      </c>
      <c r="GN19" s="104">
        <v>100260</v>
      </c>
      <c r="GO19" s="104">
        <v>96787</v>
      </c>
      <c r="GP19" s="104">
        <v>20592</v>
      </c>
      <c r="GQ19" s="103">
        <v>603934</v>
      </c>
      <c r="GR19" s="106">
        <v>717883</v>
      </c>
      <c r="GS19" s="100">
        <v>56000</v>
      </c>
      <c r="GT19" s="104">
        <v>675940</v>
      </c>
      <c r="GU19" s="103">
        <v>731940</v>
      </c>
      <c r="GV19" s="100">
        <v>0</v>
      </c>
      <c r="GW19" s="104">
        <v>225190</v>
      </c>
      <c r="GX19" s="104">
        <v>676390</v>
      </c>
      <c r="GY19" s="104">
        <v>512163</v>
      </c>
      <c r="GZ19" s="104">
        <v>122500</v>
      </c>
      <c r="HA19" s="104">
        <v>101500</v>
      </c>
      <c r="HB19" s="102">
        <v>1637743</v>
      </c>
      <c r="HC19" s="106">
        <v>2369683</v>
      </c>
      <c r="HD19" s="100">
        <v>1227982</v>
      </c>
      <c r="HE19" s="104">
        <v>1234824</v>
      </c>
      <c r="HF19" s="102">
        <v>2462806</v>
      </c>
      <c r="HG19" s="101">
        <v>0</v>
      </c>
      <c r="HH19" s="104">
        <v>11129283</v>
      </c>
      <c r="HI19" s="104">
        <v>12433401</v>
      </c>
      <c r="HJ19" s="104">
        <v>12313408</v>
      </c>
      <c r="HK19" s="104">
        <v>15203000</v>
      </c>
      <c r="HL19" s="104">
        <v>11395758</v>
      </c>
      <c r="HM19" s="103">
        <v>62474850</v>
      </c>
      <c r="HN19" s="99">
        <v>64937656</v>
      </c>
      <c r="HO19" s="105">
        <v>469058</v>
      </c>
      <c r="HP19" s="104">
        <v>1032660</v>
      </c>
      <c r="HQ19" s="103">
        <v>1501718</v>
      </c>
      <c r="HR19" s="100">
        <v>0</v>
      </c>
      <c r="HS19" s="104">
        <v>8274745</v>
      </c>
      <c r="HT19" s="104">
        <v>7789500</v>
      </c>
      <c r="HU19" s="104">
        <v>5410487</v>
      </c>
      <c r="HV19" s="104">
        <v>4166586</v>
      </c>
      <c r="HW19" s="104">
        <v>3015027</v>
      </c>
      <c r="HX19" s="102">
        <v>28656345</v>
      </c>
      <c r="HY19" s="106">
        <v>30158063</v>
      </c>
      <c r="HZ19" s="118">
        <v>32984</v>
      </c>
      <c r="IA19" s="119">
        <v>199974</v>
      </c>
      <c r="IB19" s="120">
        <v>232958</v>
      </c>
      <c r="IC19" s="133">
        <v>0</v>
      </c>
      <c r="ID19" s="119">
        <v>12498132</v>
      </c>
      <c r="IE19" s="134">
        <v>15667289</v>
      </c>
      <c r="IF19" s="120">
        <v>17110988</v>
      </c>
      <c r="IG19" s="119">
        <v>8835306</v>
      </c>
      <c r="IH19" s="120">
        <v>6846573</v>
      </c>
      <c r="II19" s="135">
        <v>60958288</v>
      </c>
      <c r="IJ19" s="126">
        <v>61191246</v>
      </c>
      <c r="IK19" s="219">
        <v>0</v>
      </c>
      <c r="IL19" s="223">
        <v>0</v>
      </c>
      <c r="IM19" s="224">
        <v>0</v>
      </c>
      <c r="IN19" s="127"/>
      <c r="IO19" s="109">
        <v>82355</v>
      </c>
      <c r="IP19" s="109">
        <v>139182</v>
      </c>
      <c r="IQ19" s="109">
        <v>391692</v>
      </c>
      <c r="IR19" s="109">
        <v>250019</v>
      </c>
      <c r="IS19" s="109">
        <v>336488</v>
      </c>
      <c r="IT19" s="128">
        <v>1199736</v>
      </c>
      <c r="IU19" s="298">
        <v>1199736</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8597566</v>
      </c>
      <c r="JL19" s="109">
        <v>8246181</v>
      </c>
      <c r="JM19" s="109">
        <v>6656901</v>
      </c>
      <c r="JN19" s="109">
        <v>3192437</v>
      </c>
      <c r="JO19" s="109">
        <v>2056657</v>
      </c>
      <c r="JP19" s="110">
        <v>28749742</v>
      </c>
      <c r="JQ19" s="298">
        <v>28749742</v>
      </c>
      <c r="JR19" s="129">
        <v>0</v>
      </c>
      <c r="JS19" s="109">
        <v>0</v>
      </c>
      <c r="JT19" s="128">
        <v>0</v>
      </c>
      <c r="JU19" s="108">
        <v>0</v>
      </c>
      <c r="JV19" s="109">
        <v>175369</v>
      </c>
      <c r="JW19" s="109">
        <v>524369</v>
      </c>
      <c r="JX19" s="109">
        <v>899950</v>
      </c>
      <c r="JY19" s="109">
        <v>510987</v>
      </c>
      <c r="JZ19" s="109">
        <v>560367</v>
      </c>
      <c r="KA19" s="110">
        <v>2671042</v>
      </c>
      <c r="KB19" s="298">
        <v>2671042</v>
      </c>
      <c r="KC19" s="221">
        <v>32984</v>
      </c>
      <c r="KD19" s="217">
        <v>199974</v>
      </c>
      <c r="KE19" s="110">
        <v>232958</v>
      </c>
      <c r="KF19" s="108">
        <v>0</v>
      </c>
      <c r="KG19" s="109">
        <v>1037249</v>
      </c>
      <c r="KH19" s="109">
        <v>1760536</v>
      </c>
      <c r="KI19" s="109">
        <v>1379033</v>
      </c>
      <c r="KJ19" s="109">
        <v>265773</v>
      </c>
      <c r="KK19" s="109">
        <v>0</v>
      </c>
      <c r="KL19" s="110">
        <v>4442591</v>
      </c>
      <c r="KM19" s="130">
        <v>4675549</v>
      </c>
      <c r="KN19" s="219">
        <v>0</v>
      </c>
      <c r="KO19" s="223">
        <v>0</v>
      </c>
      <c r="KP19" s="224">
        <v>0</v>
      </c>
      <c r="KQ19" s="127"/>
      <c r="KR19" s="109">
        <v>2605593</v>
      </c>
      <c r="KS19" s="109">
        <v>4802094</v>
      </c>
      <c r="KT19" s="109">
        <v>7566383</v>
      </c>
      <c r="KU19" s="109">
        <v>3481143</v>
      </c>
      <c r="KV19" s="109">
        <v>3172736</v>
      </c>
      <c r="KW19" s="110">
        <v>21627949</v>
      </c>
      <c r="KX19" s="298">
        <v>21627949</v>
      </c>
      <c r="KY19" s="129">
        <v>0</v>
      </c>
      <c r="KZ19" s="109">
        <v>0</v>
      </c>
      <c r="LA19" s="110">
        <v>0</v>
      </c>
      <c r="LB19" s="132"/>
      <c r="LC19" s="109">
        <v>0</v>
      </c>
      <c r="LD19" s="109">
        <v>194927</v>
      </c>
      <c r="LE19" s="109">
        <v>217029</v>
      </c>
      <c r="LF19" s="109">
        <v>1134947</v>
      </c>
      <c r="LG19" s="109">
        <v>720325</v>
      </c>
      <c r="LH19" s="110">
        <v>2267228</v>
      </c>
      <c r="LI19" s="111">
        <v>2267228</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3205297</v>
      </c>
      <c r="MK19" s="109">
        <v>10228436</v>
      </c>
      <c r="ML19" s="109">
        <v>26819841</v>
      </c>
      <c r="MM19" s="109">
        <v>51811963</v>
      </c>
      <c r="MN19" s="109">
        <v>43775324</v>
      </c>
      <c r="MO19" s="110">
        <v>135840861</v>
      </c>
      <c r="MP19" s="130">
        <v>135840861</v>
      </c>
      <c r="MQ19" s="129">
        <v>0</v>
      </c>
      <c r="MR19" s="109">
        <v>0</v>
      </c>
      <c r="MS19" s="110">
        <v>0</v>
      </c>
      <c r="MT19" s="132"/>
      <c r="MU19" s="109">
        <v>435444</v>
      </c>
      <c r="MV19" s="109">
        <v>706487</v>
      </c>
      <c r="MW19" s="109">
        <v>15914541</v>
      </c>
      <c r="MX19" s="109">
        <v>41297053</v>
      </c>
      <c r="MY19" s="109">
        <v>34795144</v>
      </c>
      <c r="MZ19" s="110">
        <v>93148669</v>
      </c>
      <c r="NA19" s="130">
        <v>93148669</v>
      </c>
      <c r="NB19" s="129">
        <v>0</v>
      </c>
      <c r="NC19" s="109">
        <v>0</v>
      </c>
      <c r="ND19" s="110">
        <v>0</v>
      </c>
      <c r="NE19" s="132"/>
      <c r="NF19" s="109">
        <v>2769853</v>
      </c>
      <c r="NG19" s="109">
        <v>9521949</v>
      </c>
      <c r="NH19" s="109">
        <v>10905300</v>
      </c>
      <c r="NI19" s="109">
        <v>10514910</v>
      </c>
      <c r="NJ19" s="109">
        <v>8571148</v>
      </c>
      <c r="NK19" s="110">
        <v>42283160</v>
      </c>
      <c r="NL19" s="298">
        <v>42283160</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409032</v>
      </c>
      <c r="OG19" s="110">
        <v>409032</v>
      </c>
      <c r="OH19" s="111">
        <v>409032</v>
      </c>
      <c r="OI19" s="129">
        <v>3215626</v>
      </c>
      <c r="OJ19" s="109">
        <v>6727769</v>
      </c>
      <c r="OK19" s="128">
        <v>9943395</v>
      </c>
      <c r="OL19" s="108">
        <v>0</v>
      </c>
      <c r="OM19" s="109">
        <v>63089805</v>
      </c>
      <c r="ON19" s="109">
        <v>87454937</v>
      </c>
      <c r="OO19" s="109">
        <v>103023389</v>
      </c>
      <c r="OP19" s="109">
        <v>120137699</v>
      </c>
      <c r="OQ19" s="109">
        <v>104577875</v>
      </c>
      <c r="OR19" s="110">
        <v>478283705</v>
      </c>
      <c r="OS19" s="130">
        <v>488227100</v>
      </c>
    </row>
    <row r="20" spans="2:409" ht="21" customHeight="1" x14ac:dyDescent="0.2">
      <c r="B20" s="472" t="s">
        <v>15</v>
      </c>
      <c r="C20" s="100">
        <v>2392780</v>
      </c>
      <c r="D20" s="104">
        <v>4272378</v>
      </c>
      <c r="E20" s="103">
        <v>6665158</v>
      </c>
      <c r="F20" s="99">
        <v>0</v>
      </c>
      <c r="G20" s="104">
        <v>32906336</v>
      </c>
      <c r="H20" s="104">
        <v>44963281</v>
      </c>
      <c r="I20" s="104">
        <v>41725344</v>
      </c>
      <c r="J20" s="104">
        <v>37037717</v>
      </c>
      <c r="K20" s="104">
        <v>26165790</v>
      </c>
      <c r="L20" s="99">
        <v>182798468</v>
      </c>
      <c r="M20" s="106">
        <v>189463626</v>
      </c>
      <c r="N20" s="100">
        <v>242870</v>
      </c>
      <c r="O20" s="104">
        <v>634879</v>
      </c>
      <c r="P20" s="103">
        <v>877749</v>
      </c>
      <c r="Q20" s="100">
        <v>0</v>
      </c>
      <c r="R20" s="104">
        <v>7365572</v>
      </c>
      <c r="S20" s="104">
        <v>12207661</v>
      </c>
      <c r="T20" s="104">
        <v>10385744</v>
      </c>
      <c r="U20" s="104">
        <v>10358921</v>
      </c>
      <c r="V20" s="104">
        <v>13712280</v>
      </c>
      <c r="W20" s="103">
        <v>54030178</v>
      </c>
      <c r="X20" s="106">
        <v>54907927</v>
      </c>
      <c r="Y20" s="100">
        <v>0</v>
      </c>
      <c r="Z20" s="104">
        <v>0</v>
      </c>
      <c r="AA20" s="103">
        <v>0</v>
      </c>
      <c r="AB20" s="100">
        <v>0</v>
      </c>
      <c r="AC20" s="104">
        <v>3150434</v>
      </c>
      <c r="AD20" s="104">
        <v>7016192</v>
      </c>
      <c r="AE20" s="104">
        <v>6133749</v>
      </c>
      <c r="AF20" s="104">
        <v>5993515</v>
      </c>
      <c r="AG20" s="104">
        <v>7798161</v>
      </c>
      <c r="AH20" s="103">
        <v>30092051</v>
      </c>
      <c r="AI20" s="106">
        <v>30092051</v>
      </c>
      <c r="AJ20" s="100">
        <v>0</v>
      </c>
      <c r="AK20" s="104">
        <v>0</v>
      </c>
      <c r="AL20" s="103">
        <v>0</v>
      </c>
      <c r="AM20" s="100">
        <v>0</v>
      </c>
      <c r="AN20" s="104">
        <v>0</v>
      </c>
      <c r="AO20" s="104">
        <v>0</v>
      </c>
      <c r="AP20" s="104">
        <v>646592</v>
      </c>
      <c r="AQ20" s="104">
        <v>560506</v>
      </c>
      <c r="AR20" s="104">
        <v>1984667</v>
      </c>
      <c r="AS20" s="103">
        <v>3191765</v>
      </c>
      <c r="AT20" s="106">
        <v>3191765</v>
      </c>
      <c r="AU20" s="100">
        <v>59605</v>
      </c>
      <c r="AV20" s="104">
        <v>432904</v>
      </c>
      <c r="AW20" s="103">
        <v>492509</v>
      </c>
      <c r="AX20" s="100">
        <v>0</v>
      </c>
      <c r="AY20" s="104">
        <v>2217334</v>
      </c>
      <c r="AZ20" s="104">
        <v>3009669</v>
      </c>
      <c r="BA20" s="104">
        <v>1811807</v>
      </c>
      <c r="BB20" s="104">
        <v>1963729</v>
      </c>
      <c r="BC20" s="104">
        <v>2585982</v>
      </c>
      <c r="BD20" s="103">
        <v>11588521</v>
      </c>
      <c r="BE20" s="106">
        <v>12081030</v>
      </c>
      <c r="BF20" s="100">
        <v>0</v>
      </c>
      <c r="BG20" s="104">
        <v>54153</v>
      </c>
      <c r="BH20" s="102">
        <v>54153</v>
      </c>
      <c r="BI20" s="101">
        <v>0</v>
      </c>
      <c r="BJ20" s="104">
        <v>306371</v>
      </c>
      <c r="BK20" s="104">
        <v>520634</v>
      </c>
      <c r="BL20" s="104">
        <v>93117</v>
      </c>
      <c r="BM20" s="104">
        <v>150312</v>
      </c>
      <c r="BN20" s="104">
        <v>248480</v>
      </c>
      <c r="BO20" s="103">
        <v>1318914</v>
      </c>
      <c r="BP20" s="106">
        <v>1373067</v>
      </c>
      <c r="BQ20" s="100">
        <v>183265</v>
      </c>
      <c r="BR20" s="104">
        <v>147822</v>
      </c>
      <c r="BS20" s="103">
        <v>331087</v>
      </c>
      <c r="BT20" s="100">
        <v>0</v>
      </c>
      <c r="BU20" s="104">
        <v>1691433</v>
      </c>
      <c r="BV20" s="104">
        <v>1661166</v>
      </c>
      <c r="BW20" s="104">
        <v>1700479</v>
      </c>
      <c r="BX20" s="104">
        <v>1690859</v>
      </c>
      <c r="BY20" s="104">
        <v>1094990</v>
      </c>
      <c r="BZ20" s="103">
        <v>7838927</v>
      </c>
      <c r="CA20" s="106">
        <v>8170014</v>
      </c>
      <c r="CB20" s="100">
        <v>0</v>
      </c>
      <c r="CC20" s="104">
        <v>221291</v>
      </c>
      <c r="CD20" s="103">
        <v>221291</v>
      </c>
      <c r="CE20" s="100">
        <v>0</v>
      </c>
      <c r="CF20" s="104">
        <v>7933409</v>
      </c>
      <c r="CG20" s="104">
        <v>11646500</v>
      </c>
      <c r="CH20" s="104">
        <v>8318606</v>
      </c>
      <c r="CI20" s="104">
        <v>3720507</v>
      </c>
      <c r="CJ20" s="104">
        <v>1980399</v>
      </c>
      <c r="CK20" s="103">
        <v>33599421</v>
      </c>
      <c r="CL20" s="106">
        <v>33820712</v>
      </c>
      <c r="CM20" s="100">
        <v>0</v>
      </c>
      <c r="CN20" s="104">
        <v>0</v>
      </c>
      <c r="CO20" s="103">
        <v>0</v>
      </c>
      <c r="CP20" s="101">
        <v>0</v>
      </c>
      <c r="CQ20" s="104">
        <v>6128179</v>
      </c>
      <c r="CR20" s="104">
        <v>9314582</v>
      </c>
      <c r="CS20" s="104">
        <v>5853821</v>
      </c>
      <c r="CT20" s="104">
        <v>2496243</v>
      </c>
      <c r="CU20" s="104">
        <v>1102276</v>
      </c>
      <c r="CV20" s="103">
        <v>24895101</v>
      </c>
      <c r="CW20" s="106">
        <v>24895101</v>
      </c>
      <c r="CX20" s="100">
        <v>0</v>
      </c>
      <c r="CY20" s="104">
        <v>221291</v>
      </c>
      <c r="CZ20" s="103">
        <v>221291</v>
      </c>
      <c r="DA20" s="100">
        <v>0</v>
      </c>
      <c r="DB20" s="104">
        <v>1805230</v>
      </c>
      <c r="DC20" s="104">
        <v>2331918</v>
      </c>
      <c r="DD20" s="104">
        <v>2464785</v>
      </c>
      <c r="DE20" s="104">
        <v>1224264</v>
      </c>
      <c r="DF20" s="104">
        <v>878123</v>
      </c>
      <c r="DG20" s="103">
        <v>8704320</v>
      </c>
      <c r="DH20" s="106">
        <v>8925611</v>
      </c>
      <c r="DI20" s="100">
        <v>54563</v>
      </c>
      <c r="DJ20" s="104">
        <v>47694</v>
      </c>
      <c r="DK20" s="102">
        <v>102257</v>
      </c>
      <c r="DL20" s="101">
        <v>0</v>
      </c>
      <c r="DM20" s="104">
        <v>643876</v>
      </c>
      <c r="DN20" s="104">
        <v>3360242</v>
      </c>
      <c r="DO20" s="104">
        <v>7438398</v>
      </c>
      <c r="DP20" s="104">
        <v>7959635</v>
      </c>
      <c r="DQ20" s="104">
        <v>3204943</v>
      </c>
      <c r="DR20" s="103">
        <v>22607094</v>
      </c>
      <c r="DS20" s="106">
        <v>22709351</v>
      </c>
      <c r="DT20" s="100">
        <v>54563</v>
      </c>
      <c r="DU20" s="104">
        <v>47694</v>
      </c>
      <c r="DV20" s="103">
        <v>102257</v>
      </c>
      <c r="DW20" s="100">
        <v>0</v>
      </c>
      <c r="DX20" s="104">
        <v>465304</v>
      </c>
      <c r="DY20" s="104">
        <v>3220551</v>
      </c>
      <c r="DZ20" s="104">
        <v>6883565</v>
      </c>
      <c r="EA20" s="104">
        <v>7281908</v>
      </c>
      <c r="EB20" s="104">
        <v>3204943</v>
      </c>
      <c r="EC20" s="103">
        <v>21056271</v>
      </c>
      <c r="ED20" s="106">
        <v>21158528</v>
      </c>
      <c r="EE20" s="100">
        <v>0</v>
      </c>
      <c r="EF20" s="102">
        <v>0</v>
      </c>
      <c r="EG20" s="103">
        <v>0</v>
      </c>
      <c r="EH20" s="100">
        <v>0</v>
      </c>
      <c r="EI20" s="104">
        <v>178572</v>
      </c>
      <c r="EJ20" s="104">
        <v>139691</v>
      </c>
      <c r="EK20" s="104">
        <v>554833</v>
      </c>
      <c r="EL20" s="104">
        <v>677727</v>
      </c>
      <c r="EM20" s="104">
        <v>0</v>
      </c>
      <c r="EN20" s="102">
        <v>1550823</v>
      </c>
      <c r="EO20" s="106">
        <v>1550823</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583312</v>
      </c>
      <c r="FM20" s="104">
        <v>1404526</v>
      </c>
      <c r="FN20" s="103">
        <v>1987838</v>
      </c>
      <c r="FO20" s="100">
        <v>0</v>
      </c>
      <c r="FP20" s="104">
        <v>1996692</v>
      </c>
      <c r="FQ20" s="104">
        <v>4996694</v>
      </c>
      <c r="FR20" s="104">
        <v>3208956</v>
      </c>
      <c r="FS20" s="104">
        <v>2600412</v>
      </c>
      <c r="FT20" s="104">
        <v>1828497</v>
      </c>
      <c r="FU20" s="103">
        <v>14631251</v>
      </c>
      <c r="FV20" s="106">
        <v>16619089</v>
      </c>
      <c r="FW20" s="105">
        <v>357484</v>
      </c>
      <c r="FX20" s="104">
        <v>741190</v>
      </c>
      <c r="FY20" s="102">
        <v>1098674</v>
      </c>
      <c r="FZ20" s="101">
        <v>0</v>
      </c>
      <c r="GA20" s="104">
        <v>1409296</v>
      </c>
      <c r="GB20" s="104">
        <v>4073231</v>
      </c>
      <c r="GC20" s="104">
        <v>2906262</v>
      </c>
      <c r="GD20" s="104">
        <v>2336482</v>
      </c>
      <c r="GE20" s="104">
        <v>1828497</v>
      </c>
      <c r="GF20" s="103">
        <v>12553768</v>
      </c>
      <c r="GG20" s="296">
        <v>13652442</v>
      </c>
      <c r="GH20" s="105">
        <v>41976</v>
      </c>
      <c r="GI20" s="104">
        <v>45936</v>
      </c>
      <c r="GJ20" s="102">
        <v>87912</v>
      </c>
      <c r="GK20" s="101">
        <v>0</v>
      </c>
      <c r="GL20" s="104">
        <v>178596</v>
      </c>
      <c r="GM20" s="104">
        <v>150183</v>
      </c>
      <c r="GN20" s="104">
        <v>29304</v>
      </c>
      <c r="GO20" s="104">
        <v>0</v>
      </c>
      <c r="GP20" s="104">
        <v>0</v>
      </c>
      <c r="GQ20" s="103">
        <v>358083</v>
      </c>
      <c r="GR20" s="106">
        <v>445995</v>
      </c>
      <c r="GS20" s="100">
        <v>183852</v>
      </c>
      <c r="GT20" s="104">
        <v>617400</v>
      </c>
      <c r="GU20" s="103">
        <v>801252</v>
      </c>
      <c r="GV20" s="100">
        <v>0</v>
      </c>
      <c r="GW20" s="104">
        <v>408800</v>
      </c>
      <c r="GX20" s="104">
        <v>773280</v>
      </c>
      <c r="GY20" s="104">
        <v>273390</v>
      </c>
      <c r="GZ20" s="104">
        <v>263930</v>
      </c>
      <c r="HA20" s="104">
        <v>0</v>
      </c>
      <c r="HB20" s="102">
        <v>1719400</v>
      </c>
      <c r="HC20" s="106">
        <v>2520652</v>
      </c>
      <c r="HD20" s="100">
        <v>1163558</v>
      </c>
      <c r="HE20" s="104">
        <v>1216841</v>
      </c>
      <c r="HF20" s="102">
        <v>2380399</v>
      </c>
      <c r="HG20" s="101">
        <v>0</v>
      </c>
      <c r="HH20" s="104">
        <v>8361702</v>
      </c>
      <c r="HI20" s="104">
        <v>5468962</v>
      </c>
      <c r="HJ20" s="104">
        <v>7654132</v>
      </c>
      <c r="HK20" s="104">
        <v>9487632</v>
      </c>
      <c r="HL20" s="104">
        <v>3623403</v>
      </c>
      <c r="HM20" s="103">
        <v>34595831</v>
      </c>
      <c r="HN20" s="99">
        <v>36976230</v>
      </c>
      <c r="HO20" s="105">
        <v>348477</v>
      </c>
      <c r="HP20" s="104">
        <v>747147</v>
      </c>
      <c r="HQ20" s="103">
        <v>1095624</v>
      </c>
      <c r="HR20" s="100">
        <v>0</v>
      </c>
      <c r="HS20" s="104">
        <v>6605085</v>
      </c>
      <c r="HT20" s="104">
        <v>7283222</v>
      </c>
      <c r="HU20" s="104">
        <v>4719508</v>
      </c>
      <c r="HV20" s="104">
        <v>2910610</v>
      </c>
      <c r="HW20" s="104">
        <v>1816268</v>
      </c>
      <c r="HX20" s="102">
        <v>23334693</v>
      </c>
      <c r="HY20" s="106">
        <v>24430317</v>
      </c>
      <c r="HZ20" s="137">
        <v>141542</v>
      </c>
      <c r="IA20" s="122">
        <v>2044674</v>
      </c>
      <c r="IB20" s="137">
        <v>2186216</v>
      </c>
      <c r="IC20" s="121">
        <v>0</v>
      </c>
      <c r="ID20" s="122">
        <v>19680791</v>
      </c>
      <c r="IE20" s="123">
        <v>22816579</v>
      </c>
      <c r="IF20" s="124">
        <v>24412259</v>
      </c>
      <c r="IG20" s="122">
        <v>16263266</v>
      </c>
      <c r="IH20" s="124">
        <v>10935388</v>
      </c>
      <c r="II20" s="125">
        <v>94108283</v>
      </c>
      <c r="IJ20" s="137">
        <v>96294499</v>
      </c>
      <c r="IK20" s="219">
        <v>0</v>
      </c>
      <c r="IL20" s="223">
        <v>0</v>
      </c>
      <c r="IM20" s="224">
        <v>0</v>
      </c>
      <c r="IN20" s="127"/>
      <c r="IO20" s="109">
        <v>100048</v>
      </c>
      <c r="IP20" s="109">
        <v>333377</v>
      </c>
      <c r="IQ20" s="109">
        <v>904515</v>
      </c>
      <c r="IR20" s="109">
        <v>867772</v>
      </c>
      <c r="IS20" s="109">
        <v>1666787</v>
      </c>
      <c r="IT20" s="128">
        <v>3872499</v>
      </c>
      <c r="IU20" s="298">
        <v>3872499</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7613710</v>
      </c>
      <c r="JL20" s="109">
        <v>9831922</v>
      </c>
      <c r="JM20" s="109">
        <v>7808212</v>
      </c>
      <c r="JN20" s="109">
        <v>3153398</v>
      </c>
      <c r="JO20" s="109">
        <v>1405459</v>
      </c>
      <c r="JP20" s="110">
        <v>29812701</v>
      </c>
      <c r="JQ20" s="298">
        <v>29812701</v>
      </c>
      <c r="JR20" s="129">
        <v>0</v>
      </c>
      <c r="JS20" s="109">
        <v>0</v>
      </c>
      <c r="JT20" s="128">
        <v>0</v>
      </c>
      <c r="JU20" s="108">
        <v>0</v>
      </c>
      <c r="JV20" s="109">
        <v>222251</v>
      </c>
      <c r="JW20" s="109">
        <v>249946</v>
      </c>
      <c r="JX20" s="109">
        <v>397471</v>
      </c>
      <c r="JY20" s="109">
        <v>269527</v>
      </c>
      <c r="JZ20" s="109">
        <v>441687</v>
      </c>
      <c r="KA20" s="110">
        <v>1580882</v>
      </c>
      <c r="KB20" s="298">
        <v>1580882</v>
      </c>
      <c r="KC20" s="221">
        <v>141542</v>
      </c>
      <c r="KD20" s="217">
        <v>1077046</v>
      </c>
      <c r="KE20" s="110">
        <v>1218588</v>
      </c>
      <c r="KF20" s="108">
        <v>0</v>
      </c>
      <c r="KG20" s="109">
        <v>2722509</v>
      </c>
      <c r="KH20" s="109">
        <v>2233116</v>
      </c>
      <c r="KI20" s="109">
        <v>2399873</v>
      </c>
      <c r="KJ20" s="109">
        <v>1905969</v>
      </c>
      <c r="KK20" s="109">
        <v>1325902</v>
      </c>
      <c r="KL20" s="110">
        <v>10587369</v>
      </c>
      <c r="KM20" s="130">
        <v>11805957</v>
      </c>
      <c r="KN20" s="219">
        <v>0</v>
      </c>
      <c r="KO20" s="223">
        <v>967628</v>
      </c>
      <c r="KP20" s="224">
        <v>967628</v>
      </c>
      <c r="KQ20" s="127"/>
      <c r="KR20" s="109">
        <v>9022273</v>
      </c>
      <c r="KS20" s="109">
        <v>10168218</v>
      </c>
      <c r="KT20" s="109">
        <v>11209470</v>
      </c>
      <c r="KU20" s="109">
        <v>6335551</v>
      </c>
      <c r="KV20" s="109">
        <v>3814787</v>
      </c>
      <c r="KW20" s="110">
        <v>40550299</v>
      </c>
      <c r="KX20" s="298">
        <v>41517927</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1692718</v>
      </c>
      <c r="LQ20" s="109">
        <v>3731049</v>
      </c>
      <c r="LR20" s="109">
        <v>2280766</v>
      </c>
      <c r="LS20" s="110">
        <v>7704533</v>
      </c>
      <c r="LT20" s="298">
        <v>7704533</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4981293</v>
      </c>
      <c r="MK20" s="109">
        <v>10501730</v>
      </c>
      <c r="ML20" s="109">
        <v>36801090</v>
      </c>
      <c r="MM20" s="109">
        <v>55666760</v>
      </c>
      <c r="MN20" s="109">
        <v>33222785</v>
      </c>
      <c r="MO20" s="110">
        <v>141173658</v>
      </c>
      <c r="MP20" s="130">
        <v>141173658</v>
      </c>
      <c r="MQ20" s="129">
        <v>0</v>
      </c>
      <c r="MR20" s="109">
        <v>0</v>
      </c>
      <c r="MS20" s="110">
        <v>0</v>
      </c>
      <c r="MT20" s="132"/>
      <c r="MU20" s="109">
        <v>203862</v>
      </c>
      <c r="MV20" s="109">
        <v>217986</v>
      </c>
      <c r="MW20" s="109">
        <v>22176796</v>
      </c>
      <c r="MX20" s="109">
        <v>39573447</v>
      </c>
      <c r="MY20" s="109">
        <v>25142539</v>
      </c>
      <c r="MZ20" s="110">
        <v>87314630</v>
      </c>
      <c r="NA20" s="130">
        <v>87314630</v>
      </c>
      <c r="NB20" s="129">
        <v>0</v>
      </c>
      <c r="NC20" s="109">
        <v>0</v>
      </c>
      <c r="ND20" s="110">
        <v>0</v>
      </c>
      <c r="NE20" s="132"/>
      <c r="NF20" s="109">
        <v>4777431</v>
      </c>
      <c r="NG20" s="109">
        <v>10283744</v>
      </c>
      <c r="NH20" s="109">
        <v>14624294</v>
      </c>
      <c r="NI20" s="109">
        <v>16093313</v>
      </c>
      <c r="NJ20" s="109">
        <v>8080246</v>
      </c>
      <c r="NK20" s="110">
        <v>53859028</v>
      </c>
      <c r="NL20" s="298">
        <v>53859028</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534322</v>
      </c>
      <c r="OJ20" s="109">
        <v>6317052</v>
      </c>
      <c r="OK20" s="128">
        <v>8851374</v>
      </c>
      <c r="OL20" s="108">
        <v>0</v>
      </c>
      <c r="OM20" s="109">
        <v>57568420</v>
      </c>
      <c r="ON20" s="109">
        <v>78281590</v>
      </c>
      <c r="OO20" s="109">
        <v>102938693</v>
      </c>
      <c r="OP20" s="109">
        <v>108967743</v>
      </c>
      <c r="OQ20" s="109">
        <v>70323963</v>
      </c>
      <c r="OR20" s="110">
        <v>418080409</v>
      </c>
      <c r="OS20" s="130">
        <v>426931783</v>
      </c>
    </row>
    <row r="21" spans="2:409" ht="21" customHeight="1" x14ac:dyDescent="0.2">
      <c r="B21" s="472" t="s">
        <v>16</v>
      </c>
      <c r="C21" s="100">
        <v>6589191</v>
      </c>
      <c r="D21" s="104">
        <v>14155224</v>
      </c>
      <c r="E21" s="103">
        <v>20744415</v>
      </c>
      <c r="F21" s="99">
        <v>0</v>
      </c>
      <c r="G21" s="104">
        <v>82099736</v>
      </c>
      <c r="H21" s="104">
        <v>140062038</v>
      </c>
      <c r="I21" s="104">
        <v>106466853</v>
      </c>
      <c r="J21" s="104">
        <v>101041338</v>
      </c>
      <c r="K21" s="104">
        <v>75596029</v>
      </c>
      <c r="L21" s="99">
        <v>505265994</v>
      </c>
      <c r="M21" s="106">
        <v>526010409</v>
      </c>
      <c r="N21" s="100">
        <v>1428893</v>
      </c>
      <c r="O21" s="104">
        <v>2721506</v>
      </c>
      <c r="P21" s="103">
        <v>4150399</v>
      </c>
      <c r="Q21" s="100">
        <v>0</v>
      </c>
      <c r="R21" s="104">
        <v>17167552</v>
      </c>
      <c r="S21" s="104">
        <v>32982975</v>
      </c>
      <c r="T21" s="104">
        <v>27263827</v>
      </c>
      <c r="U21" s="104">
        <v>29568913</v>
      </c>
      <c r="V21" s="104">
        <v>26389616</v>
      </c>
      <c r="W21" s="103">
        <v>133372883</v>
      </c>
      <c r="X21" s="106">
        <v>137523282</v>
      </c>
      <c r="Y21" s="100">
        <v>0</v>
      </c>
      <c r="Z21" s="104">
        <v>0</v>
      </c>
      <c r="AA21" s="103">
        <v>0</v>
      </c>
      <c r="AB21" s="100">
        <v>0</v>
      </c>
      <c r="AC21" s="104">
        <v>6854829</v>
      </c>
      <c r="AD21" s="104">
        <v>13361497</v>
      </c>
      <c r="AE21" s="104">
        <v>13038099</v>
      </c>
      <c r="AF21" s="104">
        <v>16361063</v>
      </c>
      <c r="AG21" s="104">
        <v>13158591</v>
      </c>
      <c r="AH21" s="103">
        <v>62774079</v>
      </c>
      <c r="AI21" s="106">
        <v>62774079</v>
      </c>
      <c r="AJ21" s="100">
        <v>0</v>
      </c>
      <c r="AK21" s="104">
        <v>0</v>
      </c>
      <c r="AL21" s="103">
        <v>0</v>
      </c>
      <c r="AM21" s="100">
        <v>0</v>
      </c>
      <c r="AN21" s="104">
        <v>49252</v>
      </c>
      <c r="AO21" s="104">
        <v>496752</v>
      </c>
      <c r="AP21" s="104">
        <v>665421</v>
      </c>
      <c r="AQ21" s="104">
        <v>1373168</v>
      </c>
      <c r="AR21" s="104">
        <v>2470397</v>
      </c>
      <c r="AS21" s="103">
        <v>5054990</v>
      </c>
      <c r="AT21" s="106">
        <v>5054990</v>
      </c>
      <c r="AU21" s="100">
        <v>701589</v>
      </c>
      <c r="AV21" s="104">
        <v>1442954</v>
      </c>
      <c r="AW21" s="103">
        <v>2144543</v>
      </c>
      <c r="AX21" s="100">
        <v>0</v>
      </c>
      <c r="AY21" s="104">
        <v>7027501</v>
      </c>
      <c r="AZ21" s="104">
        <v>13070143</v>
      </c>
      <c r="BA21" s="104">
        <v>8794861</v>
      </c>
      <c r="BB21" s="104">
        <v>7425078</v>
      </c>
      <c r="BC21" s="104">
        <v>6658745</v>
      </c>
      <c r="BD21" s="103">
        <v>42976328</v>
      </c>
      <c r="BE21" s="106">
        <v>45120871</v>
      </c>
      <c r="BF21" s="100">
        <v>236185</v>
      </c>
      <c r="BG21" s="104">
        <v>692623</v>
      </c>
      <c r="BH21" s="102">
        <v>928808</v>
      </c>
      <c r="BI21" s="101">
        <v>0</v>
      </c>
      <c r="BJ21" s="104">
        <v>450494</v>
      </c>
      <c r="BK21" s="104">
        <v>1786809</v>
      </c>
      <c r="BL21" s="104">
        <v>727107</v>
      </c>
      <c r="BM21" s="104">
        <v>180848</v>
      </c>
      <c r="BN21" s="104">
        <v>740765</v>
      </c>
      <c r="BO21" s="103">
        <v>3886023</v>
      </c>
      <c r="BP21" s="106">
        <v>4814831</v>
      </c>
      <c r="BQ21" s="100">
        <v>491119</v>
      </c>
      <c r="BR21" s="104">
        <v>585929</v>
      </c>
      <c r="BS21" s="103">
        <v>1077048</v>
      </c>
      <c r="BT21" s="100">
        <v>0</v>
      </c>
      <c r="BU21" s="104">
        <v>2785476</v>
      </c>
      <c r="BV21" s="104">
        <v>4267774</v>
      </c>
      <c r="BW21" s="104">
        <v>4038339</v>
      </c>
      <c r="BX21" s="104">
        <v>4228756</v>
      </c>
      <c r="BY21" s="104">
        <v>3361118</v>
      </c>
      <c r="BZ21" s="103">
        <v>18681463</v>
      </c>
      <c r="CA21" s="106">
        <v>19758511</v>
      </c>
      <c r="CB21" s="100">
        <v>988125</v>
      </c>
      <c r="CC21" s="104">
        <v>4257896</v>
      </c>
      <c r="CD21" s="103">
        <v>5246021</v>
      </c>
      <c r="CE21" s="100">
        <v>0</v>
      </c>
      <c r="CF21" s="104">
        <v>30167153</v>
      </c>
      <c r="CG21" s="104">
        <v>53092540</v>
      </c>
      <c r="CH21" s="104">
        <v>36014065</v>
      </c>
      <c r="CI21" s="104">
        <v>25273647</v>
      </c>
      <c r="CJ21" s="104">
        <v>16261394</v>
      </c>
      <c r="CK21" s="103">
        <v>160808799</v>
      </c>
      <c r="CL21" s="106">
        <v>166054820</v>
      </c>
      <c r="CM21" s="100">
        <v>0</v>
      </c>
      <c r="CN21" s="104">
        <v>0</v>
      </c>
      <c r="CO21" s="103">
        <v>0</v>
      </c>
      <c r="CP21" s="101">
        <v>0</v>
      </c>
      <c r="CQ21" s="104">
        <v>19340166</v>
      </c>
      <c r="CR21" s="104">
        <v>34989289</v>
      </c>
      <c r="CS21" s="104">
        <v>26471273</v>
      </c>
      <c r="CT21" s="104">
        <v>19206033</v>
      </c>
      <c r="CU21" s="104">
        <v>14000382</v>
      </c>
      <c r="CV21" s="103">
        <v>114007143</v>
      </c>
      <c r="CW21" s="106">
        <v>114007143</v>
      </c>
      <c r="CX21" s="100">
        <v>988125</v>
      </c>
      <c r="CY21" s="104">
        <v>4257896</v>
      </c>
      <c r="CZ21" s="103">
        <v>5246021</v>
      </c>
      <c r="DA21" s="100">
        <v>0</v>
      </c>
      <c r="DB21" s="104">
        <v>10826987</v>
      </c>
      <c r="DC21" s="104">
        <v>18103251</v>
      </c>
      <c r="DD21" s="104">
        <v>9542792</v>
      </c>
      <c r="DE21" s="104">
        <v>6067614</v>
      </c>
      <c r="DF21" s="104">
        <v>2261012</v>
      </c>
      <c r="DG21" s="103">
        <v>46801656</v>
      </c>
      <c r="DH21" s="106">
        <v>52047677</v>
      </c>
      <c r="DI21" s="100">
        <v>46314</v>
      </c>
      <c r="DJ21" s="104">
        <v>84868</v>
      </c>
      <c r="DK21" s="102">
        <v>131182</v>
      </c>
      <c r="DL21" s="101">
        <v>0</v>
      </c>
      <c r="DM21" s="104">
        <v>2065766</v>
      </c>
      <c r="DN21" s="104">
        <v>5956011</v>
      </c>
      <c r="DO21" s="104">
        <v>7423982</v>
      </c>
      <c r="DP21" s="104">
        <v>5687343</v>
      </c>
      <c r="DQ21" s="104">
        <v>2196616</v>
      </c>
      <c r="DR21" s="103">
        <v>23329718</v>
      </c>
      <c r="DS21" s="106">
        <v>23460900</v>
      </c>
      <c r="DT21" s="100">
        <v>46314</v>
      </c>
      <c r="DU21" s="104">
        <v>84868</v>
      </c>
      <c r="DV21" s="103">
        <v>131182</v>
      </c>
      <c r="DW21" s="100">
        <v>0</v>
      </c>
      <c r="DX21" s="104">
        <v>1977293</v>
      </c>
      <c r="DY21" s="104">
        <v>5363332</v>
      </c>
      <c r="DZ21" s="104">
        <v>6674464</v>
      </c>
      <c r="EA21" s="104">
        <v>4931983</v>
      </c>
      <c r="EB21" s="104">
        <v>2022898</v>
      </c>
      <c r="EC21" s="103">
        <v>20969970</v>
      </c>
      <c r="ED21" s="106">
        <v>21101152</v>
      </c>
      <c r="EE21" s="100">
        <v>0</v>
      </c>
      <c r="EF21" s="102">
        <v>0</v>
      </c>
      <c r="EG21" s="103">
        <v>0</v>
      </c>
      <c r="EH21" s="100">
        <v>0</v>
      </c>
      <c r="EI21" s="104">
        <v>88473</v>
      </c>
      <c r="EJ21" s="104">
        <v>592679</v>
      </c>
      <c r="EK21" s="104">
        <v>749518</v>
      </c>
      <c r="EL21" s="104">
        <v>755360</v>
      </c>
      <c r="EM21" s="104">
        <v>173718</v>
      </c>
      <c r="EN21" s="102">
        <v>2359748</v>
      </c>
      <c r="EO21" s="106">
        <v>2359748</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674238</v>
      </c>
      <c r="FM21" s="104">
        <v>2808530</v>
      </c>
      <c r="FN21" s="103">
        <v>4482768</v>
      </c>
      <c r="FO21" s="100">
        <v>0</v>
      </c>
      <c r="FP21" s="104">
        <v>3808011</v>
      </c>
      <c r="FQ21" s="104">
        <v>12671171</v>
      </c>
      <c r="FR21" s="104">
        <v>8036634</v>
      </c>
      <c r="FS21" s="104">
        <v>7738419</v>
      </c>
      <c r="FT21" s="104">
        <v>5546377</v>
      </c>
      <c r="FU21" s="103">
        <v>37800612</v>
      </c>
      <c r="FV21" s="106">
        <v>42283380</v>
      </c>
      <c r="FW21" s="105">
        <v>871518</v>
      </c>
      <c r="FX21" s="104">
        <v>2124030</v>
      </c>
      <c r="FY21" s="102">
        <v>2995548</v>
      </c>
      <c r="FZ21" s="101">
        <v>0</v>
      </c>
      <c r="GA21" s="104">
        <v>3050185</v>
      </c>
      <c r="GB21" s="104">
        <v>11593624</v>
      </c>
      <c r="GC21" s="104">
        <v>7466601</v>
      </c>
      <c r="GD21" s="104">
        <v>7220102</v>
      </c>
      <c r="GE21" s="104">
        <v>5353263</v>
      </c>
      <c r="GF21" s="103">
        <v>34683775</v>
      </c>
      <c r="GG21" s="296">
        <v>37679323</v>
      </c>
      <c r="GH21" s="105">
        <v>101520</v>
      </c>
      <c r="GI21" s="104">
        <v>96795</v>
      </c>
      <c r="GJ21" s="102">
        <v>198315</v>
      </c>
      <c r="GK21" s="101">
        <v>0</v>
      </c>
      <c r="GL21" s="104">
        <v>361044</v>
      </c>
      <c r="GM21" s="104">
        <v>560404</v>
      </c>
      <c r="GN21" s="104">
        <v>287625</v>
      </c>
      <c r="GO21" s="104">
        <v>247917</v>
      </c>
      <c r="GP21" s="104">
        <v>76384</v>
      </c>
      <c r="GQ21" s="103">
        <v>1533374</v>
      </c>
      <c r="GR21" s="106">
        <v>1731689</v>
      </c>
      <c r="GS21" s="100">
        <v>701200</v>
      </c>
      <c r="GT21" s="104">
        <v>587705</v>
      </c>
      <c r="GU21" s="103">
        <v>1288905</v>
      </c>
      <c r="GV21" s="100">
        <v>0</v>
      </c>
      <c r="GW21" s="104">
        <v>396782</v>
      </c>
      <c r="GX21" s="104">
        <v>517143</v>
      </c>
      <c r="GY21" s="104">
        <v>282408</v>
      </c>
      <c r="GZ21" s="104">
        <v>270400</v>
      </c>
      <c r="HA21" s="104">
        <v>116730</v>
      </c>
      <c r="HB21" s="102">
        <v>1583463</v>
      </c>
      <c r="HC21" s="106">
        <v>2872368</v>
      </c>
      <c r="HD21" s="100">
        <v>1416249</v>
      </c>
      <c r="HE21" s="104">
        <v>2256791</v>
      </c>
      <c r="HF21" s="102">
        <v>3673040</v>
      </c>
      <c r="HG21" s="101">
        <v>0</v>
      </c>
      <c r="HH21" s="104">
        <v>16333474</v>
      </c>
      <c r="HI21" s="104">
        <v>18504926</v>
      </c>
      <c r="HJ21" s="104">
        <v>17962705</v>
      </c>
      <c r="HK21" s="104">
        <v>26046242</v>
      </c>
      <c r="HL21" s="104">
        <v>21082013</v>
      </c>
      <c r="HM21" s="103">
        <v>99929360</v>
      </c>
      <c r="HN21" s="99">
        <v>103602400</v>
      </c>
      <c r="HO21" s="105">
        <v>1035372</v>
      </c>
      <c r="HP21" s="104">
        <v>2025633</v>
      </c>
      <c r="HQ21" s="103">
        <v>3061005</v>
      </c>
      <c r="HR21" s="100">
        <v>0</v>
      </c>
      <c r="HS21" s="104">
        <v>12557780</v>
      </c>
      <c r="HT21" s="104">
        <v>16854415</v>
      </c>
      <c r="HU21" s="104">
        <v>9765640</v>
      </c>
      <c r="HV21" s="104">
        <v>6726774</v>
      </c>
      <c r="HW21" s="104">
        <v>4120013</v>
      </c>
      <c r="HX21" s="102">
        <v>50024622</v>
      </c>
      <c r="HY21" s="106">
        <v>53085627</v>
      </c>
      <c r="HZ21" s="118">
        <v>93322</v>
      </c>
      <c r="IA21" s="119">
        <v>44448</v>
      </c>
      <c r="IB21" s="120">
        <v>137770</v>
      </c>
      <c r="IC21" s="133">
        <v>0</v>
      </c>
      <c r="ID21" s="119">
        <v>15309861</v>
      </c>
      <c r="IE21" s="134">
        <v>28675757</v>
      </c>
      <c r="IF21" s="120">
        <v>36561253</v>
      </c>
      <c r="IG21" s="119">
        <v>23865547</v>
      </c>
      <c r="IH21" s="120">
        <v>24865742</v>
      </c>
      <c r="II21" s="135">
        <v>129278160</v>
      </c>
      <c r="IJ21" s="126">
        <v>129415930</v>
      </c>
      <c r="IK21" s="219">
        <v>0</v>
      </c>
      <c r="IL21" s="223">
        <v>0</v>
      </c>
      <c r="IM21" s="224">
        <v>0</v>
      </c>
      <c r="IN21" s="127"/>
      <c r="IO21" s="109">
        <v>742237</v>
      </c>
      <c r="IP21" s="109">
        <v>1565895</v>
      </c>
      <c r="IQ21" s="109">
        <v>2827591</v>
      </c>
      <c r="IR21" s="109">
        <v>1317872</v>
      </c>
      <c r="IS21" s="109">
        <v>2837062</v>
      </c>
      <c r="IT21" s="128">
        <v>9290657</v>
      </c>
      <c r="IU21" s="298">
        <v>9290657</v>
      </c>
      <c r="IV21" s="129">
        <v>0</v>
      </c>
      <c r="IW21" s="109">
        <v>0</v>
      </c>
      <c r="IX21" s="110">
        <v>0</v>
      </c>
      <c r="IY21" s="131"/>
      <c r="IZ21" s="109">
        <v>0</v>
      </c>
      <c r="JA21" s="109">
        <v>18446</v>
      </c>
      <c r="JB21" s="109">
        <v>53607</v>
      </c>
      <c r="JC21" s="109">
        <v>69966</v>
      </c>
      <c r="JD21" s="109">
        <v>61123</v>
      </c>
      <c r="JE21" s="110">
        <v>203142</v>
      </c>
      <c r="JF21" s="111">
        <v>203142</v>
      </c>
      <c r="JG21" s="129">
        <v>0</v>
      </c>
      <c r="JH21" s="109">
        <v>0</v>
      </c>
      <c r="JI21" s="128">
        <v>0</v>
      </c>
      <c r="JJ21" s="108">
        <v>0</v>
      </c>
      <c r="JK21" s="109">
        <v>7977223</v>
      </c>
      <c r="JL21" s="109">
        <v>9818817</v>
      </c>
      <c r="JM21" s="109">
        <v>8480279</v>
      </c>
      <c r="JN21" s="109">
        <v>3957433</v>
      </c>
      <c r="JO21" s="109">
        <v>3090293</v>
      </c>
      <c r="JP21" s="110">
        <v>33324045</v>
      </c>
      <c r="JQ21" s="298">
        <v>33324045</v>
      </c>
      <c r="JR21" s="129">
        <v>0</v>
      </c>
      <c r="JS21" s="109">
        <v>0</v>
      </c>
      <c r="JT21" s="128">
        <v>0</v>
      </c>
      <c r="JU21" s="108">
        <v>0</v>
      </c>
      <c r="JV21" s="109">
        <v>335739</v>
      </c>
      <c r="JW21" s="109">
        <v>1356715</v>
      </c>
      <c r="JX21" s="109">
        <v>772886</v>
      </c>
      <c r="JY21" s="109">
        <v>526765</v>
      </c>
      <c r="JZ21" s="109">
        <v>730759</v>
      </c>
      <c r="KA21" s="110">
        <v>3722864</v>
      </c>
      <c r="KB21" s="298">
        <v>3722864</v>
      </c>
      <c r="KC21" s="221">
        <v>93322</v>
      </c>
      <c r="KD21" s="217">
        <v>44448</v>
      </c>
      <c r="KE21" s="110">
        <v>137770</v>
      </c>
      <c r="KF21" s="108">
        <v>0</v>
      </c>
      <c r="KG21" s="109">
        <v>2420380</v>
      </c>
      <c r="KH21" s="109">
        <v>4058878</v>
      </c>
      <c r="KI21" s="109">
        <v>4651508</v>
      </c>
      <c r="KJ21" s="109">
        <v>6619713</v>
      </c>
      <c r="KK21" s="109">
        <v>1559633</v>
      </c>
      <c r="KL21" s="110">
        <v>19310112</v>
      </c>
      <c r="KM21" s="130">
        <v>19447882</v>
      </c>
      <c r="KN21" s="219">
        <v>0</v>
      </c>
      <c r="KO21" s="223">
        <v>0</v>
      </c>
      <c r="KP21" s="224">
        <v>0</v>
      </c>
      <c r="KQ21" s="127"/>
      <c r="KR21" s="109">
        <v>3834282</v>
      </c>
      <c r="KS21" s="109">
        <v>9580688</v>
      </c>
      <c r="KT21" s="109">
        <v>17358514</v>
      </c>
      <c r="KU21" s="109">
        <v>9188732</v>
      </c>
      <c r="KV21" s="109">
        <v>11067440</v>
      </c>
      <c r="KW21" s="110">
        <v>51029656</v>
      </c>
      <c r="KX21" s="298">
        <v>51029656</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767943</v>
      </c>
      <c r="LP21" s="109">
        <v>1113229</v>
      </c>
      <c r="LQ21" s="109">
        <v>1887358</v>
      </c>
      <c r="LR21" s="109">
        <v>3882448</v>
      </c>
      <c r="LS21" s="110">
        <v>7650978</v>
      </c>
      <c r="LT21" s="298">
        <v>7650978</v>
      </c>
      <c r="LU21" s="129">
        <v>0</v>
      </c>
      <c r="LV21" s="109">
        <v>0</v>
      </c>
      <c r="LW21" s="110">
        <v>0</v>
      </c>
      <c r="LX21" s="132"/>
      <c r="LY21" s="109">
        <v>0</v>
      </c>
      <c r="LZ21" s="109">
        <v>1508375</v>
      </c>
      <c r="MA21" s="109">
        <v>1303639</v>
      </c>
      <c r="MB21" s="109">
        <v>297708</v>
      </c>
      <c r="MC21" s="109">
        <v>1636984</v>
      </c>
      <c r="MD21" s="110">
        <v>4746706</v>
      </c>
      <c r="ME21" s="111">
        <v>4746706</v>
      </c>
      <c r="MF21" s="129">
        <v>0</v>
      </c>
      <c r="MG21" s="109">
        <v>0</v>
      </c>
      <c r="MH21" s="110">
        <v>0</v>
      </c>
      <c r="MI21" s="132"/>
      <c r="MJ21" s="109">
        <v>13260701</v>
      </c>
      <c r="MK21" s="109">
        <v>28721122</v>
      </c>
      <c r="ML21" s="109">
        <v>90523343</v>
      </c>
      <c r="MM21" s="109">
        <v>127311595</v>
      </c>
      <c r="MN21" s="109">
        <v>87655977</v>
      </c>
      <c r="MO21" s="110">
        <v>347472738</v>
      </c>
      <c r="MP21" s="130">
        <v>347472738</v>
      </c>
      <c r="MQ21" s="129">
        <v>0</v>
      </c>
      <c r="MR21" s="109">
        <v>0</v>
      </c>
      <c r="MS21" s="110">
        <v>0</v>
      </c>
      <c r="MT21" s="132"/>
      <c r="MU21" s="109">
        <v>1252616</v>
      </c>
      <c r="MV21" s="109">
        <v>3999935</v>
      </c>
      <c r="MW21" s="109">
        <v>48373019</v>
      </c>
      <c r="MX21" s="109">
        <v>84263860</v>
      </c>
      <c r="MY21" s="109">
        <v>58776934</v>
      </c>
      <c r="MZ21" s="110">
        <v>196666364</v>
      </c>
      <c r="NA21" s="130">
        <v>196666364</v>
      </c>
      <c r="NB21" s="129">
        <v>0</v>
      </c>
      <c r="NC21" s="109">
        <v>0</v>
      </c>
      <c r="ND21" s="110">
        <v>0</v>
      </c>
      <c r="NE21" s="132"/>
      <c r="NF21" s="109">
        <v>12008085</v>
      </c>
      <c r="NG21" s="109">
        <v>24721187</v>
      </c>
      <c r="NH21" s="109">
        <v>41466326</v>
      </c>
      <c r="NI21" s="109">
        <v>39704108</v>
      </c>
      <c r="NJ21" s="109">
        <v>20138589</v>
      </c>
      <c r="NK21" s="110">
        <v>138038295</v>
      </c>
      <c r="NL21" s="298">
        <v>138038295</v>
      </c>
      <c r="NM21" s="129">
        <v>0</v>
      </c>
      <c r="NN21" s="109">
        <v>0</v>
      </c>
      <c r="NO21" s="110">
        <v>0</v>
      </c>
      <c r="NP21" s="132"/>
      <c r="NQ21" s="109">
        <v>0</v>
      </c>
      <c r="NR21" s="109">
        <v>0</v>
      </c>
      <c r="NS21" s="109">
        <v>0</v>
      </c>
      <c r="NT21" s="109">
        <v>0</v>
      </c>
      <c r="NU21" s="109">
        <v>353751</v>
      </c>
      <c r="NV21" s="110">
        <v>353751</v>
      </c>
      <c r="NW21" s="111">
        <v>353751</v>
      </c>
      <c r="NX21" s="129">
        <v>0</v>
      </c>
      <c r="NY21" s="109">
        <v>0</v>
      </c>
      <c r="NZ21" s="110">
        <v>0</v>
      </c>
      <c r="OA21" s="132"/>
      <c r="OB21" s="109">
        <v>0</v>
      </c>
      <c r="OC21" s="109">
        <v>0</v>
      </c>
      <c r="OD21" s="109">
        <v>683998</v>
      </c>
      <c r="OE21" s="109">
        <v>3343627</v>
      </c>
      <c r="OF21" s="109">
        <v>8386703</v>
      </c>
      <c r="OG21" s="110">
        <v>12414328</v>
      </c>
      <c r="OH21" s="111">
        <v>12414328</v>
      </c>
      <c r="OI21" s="129">
        <v>6682513</v>
      </c>
      <c r="OJ21" s="109">
        <v>14199672</v>
      </c>
      <c r="OK21" s="128">
        <v>20882185</v>
      </c>
      <c r="OL21" s="108">
        <v>0</v>
      </c>
      <c r="OM21" s="109">
        <v>110670298</v>
      </c>
      <c r="ON21" s="109">
        <v>197458917</v>
      </c>
      <c r="OO21" s="109">
        <v>233551449</v>
      </c>
      <c r="OP21" s="109">
        <v>252218480</v>
      </c>
      <c r="OQ21" s="109">
        <v>188117748</v>
      </c>
      <c r="OR21" s="110">
        <v>982016892</v>
      </c>
      <c r="OS21" s="130">
        <v>1002899077</v>
      </c>
    </row>
    <row r="22" spans="2:409" ht="21" customHeight="1" x14ac:dyDescent="0.2">
      <c r="B22" s="472" t="s">
        <v>17</v>
      </c>
      <c r="C22" s="100">
        <v>7548346</v>
      </c>
      <c r="D22" s="104">
        <v>16215891</v>
      </c>
      <c r="E22" s="103">
        <v>23764237</v>
      </c>
      <c r="F22" s="99">
        <v>0</v>
      </c>
      <c r="G22" s="104">
        <v>84585512</v>
      </c>
      <c r="H22" s="104">
        <v>164647580</v>
      </c>
      <c r="I22" s="104">
        <v>148420178</v>
      </c>
      <c r="J22" s="104">
        <v>134305137</v>
      </c>
      <c r="K22" s="104">
        <v>100073644</v>
      </c>
      <c r="L22" s="99">
        <v>632032051</v>
      </c>
      <c r="M22" s="106">
        <v>655796288</v>
      </c>
      <c r="N22" s="100">
        <v>1536569</v>
      </c>
      <c r="O22" s="104">
        <v>3664866</v>
      </c>
      <c r="P22" s="103">
        <v>5201435</v>
      </c>
      <c r="Q22" s="100">
        <v>0</v>
      </c>
      <c r="R22" s="104">
        <v>19946228</v>
      </c>
      <c r="S22" s="104">
        <v>44491150</v>
      </c>
      <c r="T22" s="104">
        <v>48521042</v>
      </c>
      <c r="U22" s="104">
        <v>49353001</v>
      </c>
      <c r="V22" s="104">
        <v>51413904</v>
      </c>
      <c r="W22" s="103">
        <v>213725325</v>
      </c>
      <c r="X22" s="106">
        <v>218926760</v>
      </c>
      <c r="Y22" s="100">
        <v>0</v>
      </c>
      <c r="Z22" s="104">
        <v>0</v>
      </c>
      <c r="AA22" s="103">
        <v>0</v>
      </c>
      <c r="AB22" s="100">
        <v>0</v>
      </c>
      <c r="AC22" s="104">
        <v>8299720</v>
      </c>
      <c r="AD22" s="104">
        <v>22920161</v>
      </c>
      <c r="AE22" s="104">
        <v>28752516</v>
      </c>
      <c r="AF22" s="104">
        <v>29863849</v>
      </c>
      <c r="AG22" s="104">
        <v>30751178</v>
      </c>
      <c r="AH22" s="103">
        <v>120587424</v>
      </c>
      <c r="AI22" s="106">
        <v>120587424</v>
      </c>
      <c r="AJ22" s="100">
        <v>0</v>
      </c>
      <c r="AK22" s="104">
        <v>0</v>
      </c>
      <c r="AL22" s="103">
        <v>0</v>
      </c>
      <c r="AM22" s="100">
        <v>0</v>
      </c>
      <c r="AN22" s="104">
        <v>15228</v>
      </c>
      <c r="AO22" s="104">
        <v>558074</v>
      </c>
      <c r="AP22" s="104">
        <v>1324604</v>
      </c>
      <c r="AQ22" s="104">
        <v>2838776</v>
      </c>
      <c r="AR22" s="104">
        <v>5043614</v>
      </c>
      <c r="AS22" s="103">
        <v>9780296</v>
      </c>
      <c r="AT22" s="106">
        <v>9780296</v>
      </c>
      <c r="AU22" s="100">
        <v>863260</v>
      </c>
      <c r="AV22" s="104">
        <v>2834177</v>
      </c>
      <c r="AW22" s="103">
        <v>3697437</v>
      </c>
      <c r="AX22" s="100">
        <v>0</v>
      </c>
      <c r="AY22" s="104">
        <v>7224670</v>
      </c>
      <c r="AZ22" s="104">
        <v>13450052</v>
      </c>
      <c r="BA22" s="104">
        <v>11117066</v>
      </c>
      <c r="BB22" s="104">
        <v>10012343</v>
      </c>
      <c r="BC22" s="104">
        <v>9994348</v>
      </c>
      <c r="BD22" s="103">
        <v>51798479</v>
      </c>
      <c r="BE22" s="106">
        <v>55495916</v>
      </c>
      <c r="BF22" s="100">
        <v>154106</v>
      </c>
      <c r="BG22" s="104">
        <v>288791</v>
      </c>
      <c r="BH22" s="102">
        <v>442897</v>
      </c>
      <c r="BI22" s="101">
        <v>0</v>
      </c>
      <c r="BJ22" s="104">
        <v>387467</v>
      </c>
      <c r="BK22" s="104">
        <v>1387505</v>
      </c>
      <c r="BL22" s="104">
        <v>1357473</v>
      </c>
      <c r="BM22" s="104">
        <v>628866</v>
      </c>
      <c r="BN22" s="104">
        <v>832726</v>
      </c>
      <c r="BO22" s="103">
        <v>4594037</v>
      </c>
      <c r="BP22" s="106">
        <v>5036934</v>
      </c>
      <c r="BQ22" s="100">
        <v>519203</v>
      </c>
      <c r="BR22" s="104">
        <v>541898</v>
      </c>
      <c r="BS22" s="103">
        <v>1061101</v>
      </c>
      <c r="BT22" s="100">
        <v>0</v>
      </c>
      <c r="BU22" s="104">
        <v>4019143</v>
      </c>
      <c r="BV22" s="104">
        <v>6175358</v>
      </c>
      <c r="BW22" s="104">
        <v>5969383</v>
      </c>
      <c r="BX22" s="104">
        <v>6009167</v>
      </c>
      <c r="BY22" s="104">
        <v>4792038</v>
      </c>
      <c r="BZ22" s="103">
        <v>26965089</v>
      </c>
      <c r="CA22" s="106">
        <v>28026190</v>
      </c>
      <c r="CB22" s="100">
        <v>786482</v>
      </c>
      <c r="CC22" s="104">
        <v>3192924</v>
      </c>
      <c r="CD22" s="103">
        <v>3979406</v>
      </c>
      <c r="CE22" s="100">
        <v>0</v>
      </c>
      <c r="CF22" s="104">
        <v>25875476</v>
      </c>
      <c r="CG22" s="104">
        <v>53414353</v>
      </c>
      <c r="CH22" s="104">
        <v>40892278</v>
      </c>
      <c r="CI22" s="104">
        <v>26722871</v>
      </c>
      <c r="CJ22" s="104">
        <v>13821049</v>
      </c>
      <c r="CK22" s="103">
        <v>160726027</v>
      </c>
      <c r="CL22" s="106">
        <v>164705433</v>
      </c>
      <c r="CM22" s="100">
        <v>0</v>
      </c>
      <c r="CN22" s="104">
        <v>0</v>
      </c>
      <c r="CO22" s="103">
        <v>0</v>
      </c>
      <c r="CP22" s="101">
        <v>0</v>
      </c>
      <c r="CQ22" s="104">
        <v>22213313</v>
      </c>
      <c r="CR22" s="104">
        <v>41447230</v>
      </c>
      <c r="CS22" s="104">
        <v>31190501</v>
      </c>
      <c r="CT22" s="104">
        <v>22189947</v>
      </c>
      <c r="CU22" s="104">
        <v>11673372</v>
      </c>
      <c r="CV22" s="103">
        <v>128714363</v>
      </c>
      <c r="CW22" s="106">
        <v>128714363</v>
      </c>
      <c r="CX22" s="100">
        <v>786482</v>
      </c>
      <c r="CY22" s="104">
        <v>3192924</v>
      </c>
      <c r="CZ22" s="103">
        <v>3979406</v>
      </c>
      <c r="DA22" s="100">
        <v>0</v>
      </c>
      <c r="DB22" s="104">
        <v>3662163</v>
      </c>
      <c r="DC22" s="104">
        <v>11967123</v>
      </c>
      <c r="DD22" s="104">
        <v>9701777</v>
      </c>
      <c r="DE22" s="104">
        <v>4532924</v>
      </c>
      <c r="DF22" s="104">
        <v>2147677</v>
      </c>
      <c r="DG22" s="103">
        <v>32011664</v>
      </c>
      <c r="DH22" s="106">
        <v>35991070</v>
      </c>
      <c r="DI22" s="100">
        <v>0</v>
      </c>
      <c r="DJ22" s="104">
        <v>193639</v>
      </c>
      <c r="DK22" s="102">
        <v>193639</v>
      </c>
      <c r="DL22" s="101">
        <v>0</v>
      </c>
      <c r="DM22" s="104">
        <v>2668611</v>
      </c>
      <c r="DN22" s="104">
        <v>6839884</v>
      </c>
      <c r="DO22" s="104">
        <v>12210985</v>
      </c>
      <c r="DP22" s="104">
        <v>13343558</v>
      </c>
      <c r="DQ22" s="104">
        <v>4991082</v>
      </c>
      <c r="DR22" s="103">
        <v>40054120</v>
      </c>
      <c r="DS22" s="106">
        <v>40247759</v>
      </c>
      <c r="DT22" s="100">
        <v>0</v>
      </c>
      <c r="DU22" s="104">
        <v>193639</v>
      </c>
      <c r="DV22" s="103">
        <v>193639</v>
      </c>
      <c r="DW22" s="100">
        <v>0</v>
      </c>
      <c r="DX22" s="104">
        <v>2244027</v>
      </c>
      <c r="DY22" s="104">
        <v>5530991</v>
      </c>
      <c r="DZ22" s="104">
        <v>10823303</v>
      </c>
      <c r="EA22" s="104">
        <v>12236624</v>
      </c>
      <c r="EB22" s="104">
        <v>4035040</v>
      </c>
      <c r="EC22" s="103">
        <v>34869985</v>
      </c>
      <c r="ED22" s="106">
        <v>35063624</v>
      </c>
      <c r="EE22" s="100">
        <v>0</v>
      </c>
      <c r="EF22" s="102">
        <v>0</v>
      </c>
      <c r="EG22" s="103">
        <v>0</v>
      </c>
      <c r="EH22" s="100">
        <v>0</v>
      </c>
      <c r="EI22" s="104">
        <v>424584</v>
      </c>
      <c r="EJ22" s="104">
        <v>1308893</v>
      </c>
      <c r="EK22" s="104">
        <v>1387682</v>
      </c>
      <c r="EL22" s="104">
        <v>1106934</v>
      </c>
      <c r="EM22" s="104">
        <v>956042</v>
      </c>
      <c r="EN22" s="102">
        <v>5184135</v>
      </c>
      <c r="EO22" s="106">
        <v>5184135</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2431529</v>
      </c>
      <c r="FM22" s="104">
        <v>3850621</v>
      </c>
      <c r="FN22" s="103">
        <v>6282150</v>
      </c>
      <c r="FO22" s="100">
        <v>0</v>
      </c>
      <c r="FP22" s="104">
        <v>4984961</v>
      </c>
      <c r="FQ22" s="104">
        <v>16446713</v>
      </c>
      <c r="FR22" s="104">
        <v>11978546</v>
      </c>
      <c r="FS22" s="104">
        <v>11461658</v>
      </c>
      <c r="FT22" s="104">
        <v>8475345</v>
      </c>
      <c r="FU22" s="103">
        <v>53347223</v>
      </c>
      <c r="FV22" s="106">
        <v>59629373</v>
      </c>
      <c r="FW22" s="105">
        <v>1051603</v>
      </c>
      <c r="FX22" s="104">
        <v>3024563</v>
      </c>
      <c r="FY22" s="102">
        <v>4076166</v>
      </c>
      <c r="FZ22" s="101">
        <v>0</v>
      </c>
      <c r="GA22" s="104">
        <v>3147872</v>
      </c>
      <c r="GB22" s="104">
        <v>15193682</v>
      </c>
      <c r="GC22" s="104">
        <v>11436379</v>
      </c>
      <c r="GD22" s="104">
        <v>10097463</v>
      </c>
      <c r="GE22" s="104">
        <v>8353269</v>
      </c>
      <c r="GF22" s="103">
        <v>48228665</v>
      </c>
      <c r="GG22" s="296">
        <v>52304831</v>
      </c>
      <c r="GH22" s="105">
        <v>73620</v>
      </c>
      <c r="GI22" s="104">
        <v>129634</v>
      </c>
      <c r="GJ22" s="102">
        <v>203254</v>
      </c>
      <c r="GK22" s="101">
        <v>0</v>
      </c>
      <c r="GL22" s="104">
        <v>422609</v>
      </c>
      <c r="GM22" s="104">
        <v>448451</v>
      </c>
      <c r="GN22" s="104">
        <v>228967</v>
      </c>
      <c r="GO22" s="104">
        <v>414598</v>
      </c>
      <c r="GP22" s="104">
        <v>122076</v>
      </c>
      <c r="GQ22" s="103">
        <v>1636701</v>
      </c>
      <c r="GR22" s="106">
        <v>1839955</v>
      </c>
      <c r="GS22" s="100">
        <v>1306306</v>
      </c>
      <c r="GT22" s="104">
        <v>696424</v>
      </c>
      <c r="GU22" s="103">
        <v>2002730</v>
      </c>
      <c r="GV22" s="100">
        <v>0</v>
      </c>
      <c r="GW22" s="104">
        <v>1414480</v>
      </c>
      <c r="GX22" s="104">
        <v>804580</v>
      </c>
      <c r="GY22" s="104">
        <v>313200</v>
      </c>
      <c r="GZ22" s="104">
        <v>949597</v>
      </c>
      <c r="HA22" s="104">
        <v>0</v>
      </c>
      <c r="HB22" s="102">
        <v>3481857</v>
      </c>
      <c r="HC22" s="106">
        <v>5484587</v>
      </c>
      <c r="HD22" s="100">
        <v>1526249</v>
      </c>
      <c r="HE22" s="104">
        <v>2492808</v>
      </c>
      <c r="HF22" s="102">
        <v>4019057</v>
      </c>
      <c r="HG22" s="101">
        <v>0</v>
      </c>
      <c r="HH22" s="104">
        <v>17004587</v>
      </c>
      <c r="HI22" s="104">
        <v>21911263</v>
      </c>
      <c r="HJ22" s="104">
        <v>19910720</v>
      </c>
      <c r="HK22" s="104">
        <v>22847206</v>
      </c>
      <c r="HL22" s="104">
        <v>15122143</v>
      </c>
      <c r="HM22" s="103">
        <v>96795919</v>
      </c>
      <c r="HN22" s="99">
        <v>100814976</v>
      </c>
      <c r="HO22" s="105">
        <v>1267517</v>
      </c>
      <c r="HP22" s="104">
        <v>2821033</v>
      </c>
      <c r="HQ22" s="103">
        <v>4088550</v>
      </c>
      <c r="HR22" s="100">
        <v>0</v>
      </c>
      <c r="HS22" s="104">
        <v>14105649</v>
      </c>
      <c r="HT22" s="104">
        <v>21544217</v>
      </c>
      <c r="HU22" s="104">
        <v>14906607</v>
      </c>
      <c r="HV22" s="104">
        <v>10576843</v>
      </c>
      <c r="HW22" s="104">
        <v>6250121</v>
      </c>
      <c r="HX22" s="102">
        <v>67383437</v>
      </c>
      <c r="HY22" s="106">
        <v>71471987</v>
      </c>
      <c r="HZ22" s="137">
        <v>33530</v>
      </c>
      <c r="IA22" s="122">
        <v>301996</v>
      </c>
      <c r="IB22" s="137">
        <v>335526</v>
      </c>
      <c r="IC22" s="121">
        <v>0</v>
      </c>
      <c r="ID22" s="122">
        <v>27922797</v>
      </c>
      <c r="IE22" s="123">
        <v>42785839</v>
      </c>
      <c r="IF22" s="124">
        <v>53088952</v>
      </c>
      <c r="IG22" s="122">
        <v>50901167</v>
      </c>
      <c r="IH22" s="124">
        <v>36850847</v>
      </c>
      <c r="II22" s="125">
        <v>211549602</v>
      </c>
      <c r="IJ22" s="137">
        <v>211885128</v>
      </c>
      <c r="IK22" s="219">
        <v>0</v>
      </c>
      <c r="IL22" s="223">
        <v>0</v>
      </c>
      <c r="IM22" s="224">
        <v>0</v>
      </c>
      <c r="IN22" s="127"/>
      <c r="IO22" s="109">
        <v>121952</v>
      </c>
      <c r="IP22" s="109">
        <v>221187</v>
      </c>
      <c r="IQ22" s="109">
        <v>751754</v>
      </c>
      <c r="IR22" s="109">
        <v>1868143</v>
      </c>
      <c r="IS22" s="109">
        <v>239936</v>
      </c>
      <c r="IT22" s="128">
        <v>3202972</v>
      </c>
      <c r="IU22" s="298">
        <v>3202972</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12823976</v>
      </c>
      <c r="JL22" s="109">
        <v>18705278</v>
      </c>
      <c r="JM22" s="109">
        <v>13540399</v>
      </c>
      <c r="JN22" s="109">
        <v>15139754</v>
      </c>
      <c r="JO22" s="109">
        <v>9409945</v>
      </c>
      <c r="JP22" s="110">
        <v>69619352</v>
      </c>
      <c r="JQ22" s="298">
        <v>69619352</v>
      </c>
      <c r="JR22" s="129">
        <v>33530</v>
      </c>
      <c r="JS22" s="109">
        <v>121880</v>
      </c>
      <c r="JT22" s="128">
        <v>155410</v>
      </c>
      <c r="JU22" s="108">
        <v>0</v>
      </c>
      <c r="JV22" s="109">
        <v>1636745</v>
      </c>
      <c r="JW22" s="109">
        <v>2032560</v>
      </c>
      <c r="JX22" s="109">
        <v>1523233</v>
      </c>
      <c r="JY22" s="109">
        <v>2438008</v>
      </c>
      <c r="JZ22" s="109">
        <v>629821</v>
      </c>
      <c r="KA22" s="110">
        <v>8260367</v>
      </c>
      <c r="KB22" s="298">
        <v>8415777</v>
      </c>
      <c r="KC22" s="221">
        <v>0</v>
      </c>
      <c r="KD22" s="217">
        <v>180116</v>
      </c>
      <c r="KE22" s="110">
        <v>180116</v>
      </c>
      <c r="KF22" s="108">
        <v>0</v>
      </c>
      <c r="KG22" s="109">
        <v>2383073</v>
      </c>
      <c r="KH22" s="109">
        <v>5164422</v>
      </c>
      <c r="KI22" s="109">
        <v>10289002</v>
      </c>
      <c r="KJ22" s="109">
        <v>7257899</v>
      </c>
      <c r="KK22" s="109">
        <v>4749532</v>
      </c>
      <c r="KL22" s="110">
        <v>29843928</v>
      </c>
      <c r="KM22" s="130">
        <v>30024044</v>
      </c>
      <c r="KN22" s="219">
        <v>0</v>
      </c>
      <c r="KO22" s="223">
        <v>0</v>
      </c>
      <c r="KP22" s="224">
        <v>0</v>
      </c>
      <c r="KQ22" s="127"/>
      <c r="KR22" s="109">
        <v>10769710</v>
      </c>
      <c r="KS22" s="109">
        <v>15680276</v>
      </c>
      <c r="KT22" s="109">
        <v>19113954</v>
      </c>
      <c r="KU22" s="109">
        <v>11398482</v>
      </c>
      <c r="KV22" s="109">
        <v>7520611</v>
      </c>
      <c r="KW22" s="110">
        <v>64483033</v>
      </c>
      <c r="KX22" s="298">
        <v>64483033</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497852</v>
      </c>
      <c r="LP22" s="109">
        <v>6942982</v>
      </c>
      <c r="LQ22" s="109">
        <v>11434683</v>
      </c>
      <c r="LR22" s="109">
        <v>11202513</v>
      </c>
      <c r="LS22" s="110">
        <v>30078030</v>
      </c>
      <c r="LT22" s="298">
        <v>30078030</v>
      </c>
      <c r="LU22" s="129">
        <v>0</v>
      </c>
      <c r="LV22" s="109">
        <v>0</v>
      </c>
      <c r="LW22" s="110">
        <v>0</v>
      </c>
      <c r="LX22" s="132"/>
      <c r="LY22" s="109">
        <v>187341</v>
      </c>
      <c r="LZ22" s="109">
        <v>484264</v>
      </c>
      <c r="MA22" s="109">
        <v>927628</v>
      </c>
      <c r="MB22" s="109">
        <v>1364198</v>
      </c>
      <c r="MC22" s="109">
        <v>3098489</v>
      </c>
      <c r="MD22" s="110">
        <v>6061920</v>
      </c>
      <c r="ME22" s="111">
        <v>6061920</v>
      </c>
      <c r="MF22" s="129">
        <v>0</v>
      </c>
      <c r="MG22" s="109">
        <v>0</v>
      </c>
      <c r="MH22" s="110">
        <v>0</v>
      </c>
      <c r="MI22" s="132"/>
      <c r="MJ22" s="109">
        <v>10538590</v>
      </c>
      <c r="MK22" s="109">
        <v>33329359</v>
      </c>
      <c r="ML22" s="109">
        <v>92736953</v>
      </c>
      <c r="MM22" s="109">
        <v>118830565</v>
      </c>
      <c r="MN22" s="109">
        <v>97728807</v>
      </c>
      <c r="MO22" s="110">
        <v>353164274</v>
      </c>
      <c r="MP22" s="130">
        <v>353164274</v>
      </c>
      <c r="MQ22" s="129">
        <v>0</v>
      </c>
      <c r="MR22" s="109">
        <v>0</v>
      </c>
      <c r="MS22" s="110">
        <v>0</v>
      </c>
      <c r="MT22" s="132"/>
      <c r="MU22" s="109">
        <v>438631</v>
      </c>
      <c r="MV22" s="109">
        <v>2856891</v>
      </c>
      <c r="MW22" s="109">
        <v>49455537</v>
      </c>
      <c r="MX22" s="109">
        <v>77700951</v>
      </c>
      <c r="MY22" s="109">
        <v>65303402</v>
      </c>
      <c r="MZ22" s="110">
        <v>195755412</v>
      </c>
      <c r="NA22" s="130">
        <v>195755412</v>
      </c>
      <c r="NB22" s="129">
        <v>0</v>
      </c>
      <c r="NC22" s="109">
        <v>0</v>
      </c>
      <c r="ND22" s="110">
        <v>0</v>
      </c>
      <c r="NE22" s="132"/>
      <c r="NF22" s="109">
        <v>10099959</v>
      </c>
      <c r="NG22" s="109">
        <v>30472468</v>
      </c>
      <c r="NH22" s="109">
        <v>42924551</v>
      </c>
      <c r="NI22" s="109">
        <v>40029215</v>
      </c>
      <c r="NJ22" s="109">
        <v>26983657</v>
      </c>
      <c r="NK22" s="110">
        <v>150509850</v>
      </c>
      <c r="NL22" s="298">
        <v>150509850</v>
      </c>
      <c r="NM22" s="129">
        <v>0</v>
      </c>
      <c r="NN22" s="109">
        <v>0</v>
      </c>
      <c r="NO22" s="110">
        <v>0</v>
      </c>
      <c r="NP22" s="132"/>
      <c r="NQ22" s="109">
        <v>0</v>
      </c>
      <c r="NR22" s="109">
        <v>0</v>
      </c>
      <c r="NS22" s="109">
        <v>0</v>
      </c>
      <c r="NT22" s="109">
        <v>0</v>
      </c>
      <c r="NU22" s="109">
        <v>1355036</v>
      </c>
      <c r="NV22" s="110">
        <v>1355036</v>
      </c>
      <c r="NW22" s="111">
        <v>1355036</v>
      </c>
      <c r="NX22" s="129">
        <v>0</v>
      </c>
      <c r="NY22" s="109">
        <v>0</v>
      </c>
      <c r="NZ22" s="110">
        <v>0</v>
      </c>
      <c r="OA22" s="132"/>
      <c r="OB22" s="109">
        <v>0</v>
      </c>
      <c r="OC22" s="109">
        <v>0</v>
      </c>
      <c r="OD22" s="109">
        <v>356865</v>
      </c>
      <c r="OE22" s="109">
        <v>1100399</v>
      </c>
      <c r="OF22" s="109">
        <v>4086712</v>
      </c>
      <c r="OG22" s="110">
        <v>5543976</v>
      </c>
      <c r="OH22" s="111">
        <v>5543976</v>
      </c>
      <c r="OI22" s="129">
        <v>7581876</v>
      </c>
      <c r="OJ22" s="109">
        <v>16517887</v>
      </c>
      <c r="OK22" s="128">
        <v>24099763</v>
      </c>
      <c r="OL22" s="108">
        <v>0</v>
      </c>
      <c r="OM22" s="109">
        <v>123046899</v>
      </c>
      <c r="ON22" s="109">
        <v>240762778</v>
      </c>
      <c r="OO22" s="109">
        <v>294246083</v>
      </c>
      <c r="OP22" s="109">
        <v>304036869</v>
      </c>
      <c r="OQ22" s="109">
        <v>234653298</v>
      </c>
      <c r="OR22" s="110">
        <v>1196745927</v>
      </c>
      <c r="OS22" s="130">
        <v>1220845690</v>
      </c>
    </row>
    <row r="23" spans="2:409" ht="21" customHeight="1" x14ac:dyDescent="0.2">
      <c r="B23" s="472" t="s">
        <v>18</v>
      </c>
      <c r="C23" s="100">
        <v>8843880</v>
      </c>
      <c r="D23" s="104">
        <v>16977729</v>
      </c>
      <c r="E23" s="103">
        <v>25821609</v>
      </c>
      <c r="F23" s="99">
        <v>0</v>
      </c>
      <c r="G23" s="104">
        <v>143921830</v>
      </c>
      <c r="H23" s="104">
        <v>180220984</v>
      </c>
      <c r="I23" s="104">
        <v>165532217</v>
      </c>
      <c r="J23" s="104">
        <v>150171985</v>
      </c>
      <c r="K23" s="104">
        <v>111478062</v>
      </c>
      <c r="L23" s="99">
        <v>751325078</v>
      </c>
      <c r="M23" s="106">
        <v>777146687</v>
      </c>
      <c r="N23" s="100">
        <v>2070112</v>
      </c>
      <c r="O23" s="104">
        <v>4576303</v>
      </c>
      <c r="P23" s="103">
        <v>6646415</v>
      </c>
      <c r="Q23" s="100">
        <v>0</v>
      </c>
      <c r="R23" s="104">
        <v>41078542</v>
      </c>
      <c r="S23" s="104">
        <v>52555480</v>
      </c>
      <c r="T23" s="104">
        <v>54131129</v>
      </c>
      <c r="U23" s="104">
        <v>61357892</v>
      </c>
      <c r="V23" s="104">
        <v>56395138</v>
      </c>
      <c r="W23" s="103">
        <v>265518181</v>
      </c>
      <c r="X23" s="106">
        <v>272164596</v>
      </c>
      <c r="Y23" s="100">
        <v>0</v>
      </c>
      <c r="Z23" s="104">
        <v>0</v>
      </c>
      <c r="AA23" s="103">
        <v>0</v>
      </c>
      <c r="AB23" s="100">
        <v>0</v>
      </c>
      <c r="AC23" s="104">
        <v>18852862</v>
      </c>
      <c r="AD23" s="104">
        <v>26456744</v>
      </c>
      <c r="AE23" s="104">
        <v>32279778</v>
      </c>
      <c r="AF23" s="104">
        <v>39714856</v>
      </c>
      <c r="AG23" s="104">
        <v>34743177</v>
      </c>
      <c r="AH23" s="103">
        <v>152047417</v>
      </c>
      <c r="AI23" s="106">
        <v>152047417</v>
      </c>
      <c r="AJ23" s="100">
        <v>0</v>
      </c>
      <c r="AK23" s="104">
        <v>0</v>
      </c>
      <c r="AL23" s="103">
        <v>0</v>
      </c>
      <c r="AM23" s="100">
        <v>0</v>
      </c>
      <c r="AN23" s="104">
        <v>79474</v>
      </c>
      <c r="AO23" s="104">
        <v>492824</v>
      </c>
      <c r="AP23" s="104">
        <v>1098048</v>
      </c>
      <c r="AQ23" s="104">
        <v>3311203</v>
      </c>
      <c r="AR23" s="104">
        <v>5908477</v>
      </c>
      <c r="AS23" s="103">
        <v>10890026</v>
      </c>
      <c r="AT23" s="106">
        <v>10890026</v>
      </c>
      <c r="AU23" s="100">
        <v>1286872</v>
      </c>
      <c r="AV23" s="104">
        <v>3422962</v>
      </c>
      <c r="AW23" s="103">
        <v>4709834</v>
      </c>
      <c r="AX23" s="100">
        <v>0</v>
      </c>
      <c r="AY23" s="104">
        <v>13984919</v>
      </c>
      <c r="AZ23" s="104">
        <v>15629417</v>
      </c>
      <c r="BA23" s="104">
        <v>11652870</v>
      </c>
      <c r="BB23" s="104">
        <v>9613097</v>
      </c>
      <c r="BC23" s="104">
        <v>9115167</v>
      </c>
      <c r="BD23" s="103">
        <v>59995470</v>
      </c>
      <c r="BE23" s="106">
        <v>64705304</v>
      </c>
      <c r="BF23" s="100">
        <v>131311</v>
      </c>
      <c r="BG23" s="104">
        <v>528481</v>
      </c>
      <c r="BH23" s="102">
        <v>659792</v>
      </c>
      <c r="BI23" s="101">
        <v>0</v>
      </c>
      <c r="BJ23" s="104">
        <v>1914529</v>
      </c>
      <c r="BK23" s="104">
        <v>2815912</v>
      </c>
      <c r="BL23" s="104">
        <v>1543535</v>
      </c>
      <c r="BM23" s="104">
        <v>1374131</v>
      </c>
      <c r="BN23" s="104">
        <v>637769</v>
      </c>
      <c r="BO23" s="103">
        <v>8285876</v>
      </c>
      <c r="BP23" s="106">
        <v>8945668</v>
      </c>
      <c r="BQ23" s="100">
        <v>651929</v>
      </c>
      <c r="BR23" s="104">
        <v>624860</v>
      </c>
      <c r="BS23" s="103">
        <v>1276789</v>
      </c>
      <c r="BT23" s="100">
        <v>0</v>
      </c>
      <c r="BU23" s="104">
        <v>6246758</v>
      </c>
      <c r="BV23" s="104">
        <v>7160583</v>
      </c>
      <c r="BW23" s="104">
        <v>7556898</v>
      </c>
      <c r="BX23" s="104">
        <v>7344605</v>
      </c>
      <c r="BY23" s="104">
        <v>5990548</v>
      </c>
      <c r="BZ23" s="103">
        <v>34299392</v>
      </c>
      <c r="CA23" s="106">
        <v>35576181</v>
      </c>
      <c r="CB23" s="100">
        <v>1521053</v>
      </c>
      <c r="CC23" s="104">
        <v>4043476</v>
      </c>
      <c r="CD23" s="103">
        <v>5564529</v>
      </c>
      <c r="CE23" s="100">
        <v>0</v>
      </c>
      <c r="CF23" s="104">
        <v>48421285</v>
      </c>
      <c r="CG23" s="104">
        <v>59774392</v>
      </c>
      <c r="CH23" s="104">
        <v>47702036</v>
      </c>
      <c r="CI23" s="104">
        <v>27879549</v>
      </c>
      <c r="CJ23" s="104">
        <v>15578292</v>
      </c>
      <c r="CK23" s="103">
        <v>199355554</v>
      </c>
      <c r="CL23" s="106">
        <v>204920083</v>
      </c>
      <c r="CM23" s="100">
        <v>0</v>
      </c>
      <c r="CN23" s="104">
        <v>0</v>
      </c>
      <c r="CO23" s="103">
        <v>0</v>
      </c>
      <c r="CP23" s="101">
        <v>0</v>
      </c>
      <c r="CQ23" s="104">
        <v>39446733</v>
      </c>
      <c r="CR23" s="104">
        <v>45962253</v>
      </c>
      <c r="CS23" s="104">
        <v>38951392</v>
      </c>
      <c r="CT23" s="104">
        <v>22307077</v>
      </c>
      <c r="CU23" s="104">
        <v>12420166</v>
      </c>
      <c r="CV23" s="103">
        <v>159087621</v>
      </c>
      <c r="CW23" s="106">
        <v>159087621</v>
      </c>
      <c r="CX23" s="100">
        <v>1521053</v>
      </c>
      <c r="CY23" s="104">
        <v>4043476</v>
      </c>
      <c r="CZ23" s="103">
        <v>5564529</v>
      </c>
      <c r="DA23" s="100">
        <v>0</v>
      </c>
      <c r="DB23" s="104">
        <v>8974552</v>
      </c>
      <c r="DC23" s="104">
        <v>13812139</v>
      </c>
      <c r="DD23" s="104">
        <v>8750644</v>
      </c>
      <c r="DE23" s="104">
        <v>5572472</v>
      </c>
      <c r="DF23" s="104">
        <v>3158126</v>
      </c>
      <c r="DG23" s="103">
        <v>40267933</v>
      </c>
      <c r="DH23" s="106">
        <v>45832462</v>
      </c>
      <c r="DI23" s="100">
        <v>136192</v>
      </c>
      <c r="DJ23" s="104">
        <v>118163</v>
      </c>
      <c r="DK23" s="102">
        <v>254355</v>
      </c>
      <c r="DL23" s="101">
        <v>0</v>
      </c>
      <c r="DM23" s="104">
        <v>3841392</v>
      </c>
      <c r="DN23" s="104">
        <v>8180310</v>
      </c>
      <c r="DO23" s="104">
        <v>16383240</v>
      </c>
      <c r="DP23" s="104">
        <v>14826454</v>
      </c>
      <c r="DQ23" s="104">
        <v>8279520</v>
      </c>
      <c r="DR23" s="103">
        <v>51510916</v>
      </c>
      <c r="DS23" s="106">
        <v>51765271</v>
      </c>
      <c r="DT23" s="100">
        <v>136192</v>
      </c>
      <c r="DU23" s="104">
        <v>118163</v>
      </c>
      <c r="DV23" s="103">
        <v>254355</v>
      </c>
      <c r="DW23" s="100">
        <v>0</v>
      </c>
      <c r="DX23" s="104">
        <v>3816235</v>
      </c>
      <c r="DY23" s="104">
        <v>7985100</v>
      </c>
      <c r="DZ23" s="104">
        <v>16253649</v>
      </c>
      <c r="EA23" s="104">
        <v>14679207</v>
      </c>
      <c r="EB23" s="104">
        <v>7787377</v>
      </c>
      <c r="EC23" s="103">
        <v>50521568</v>
      </c>
      <c r="ED23" s="106">
        <v>50775923</v>
      </c>
      <c r="EE23" s="100">
        <v>0</v>
      </c>
      <c r="EF23" s="102">
        <v>0</v>
      </c>
      <c r="EG23" s="103">
        <v>0</v>
      </c>
      <c r="EH23" s="100">
        <v>0</v>
      </c>
      <c r="EI23" s="104">
        <v>25157</v>
      </c>
      <c r="EJ23" s="104">
        <v>195210</v>
      </c>
      <c r="EK23" s="104">
        <v>129591</v>
      </c>
      <c r="EL23" s="104">
        <v>147247</v>
      </c>
      <c r="EM23" s="104">
        <v>492143</v>
      </c>
      <c r="EN23" s="102">
        <v>989348</v>
      </c>
      <c r="EO23" s="106">
        <v>989348</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825258</v>
      </c>
      <c r="FM23" s="104">
        <v>4359552</v>
      </c>
      <c r="FN23" s="103">
        <v>6184810</v>
      </c>
      <c r="FO23" s="100">
        <v>0</v>
      </c>
      <c r="FP23" s="104">
        <v>7185110</v>
      </c>
      <c r="FQ23" s="104">
        <v>15540210</v>
      </c>
      <c r="FR23" s="104">
        <v>10927590</v>
      </c>
      <c r="FS23" s="104">
        <v>10892178</v>
      </c>
      <c r="FT23" s="104">
        <v>8327326</v>
      </c>
      <c r="FU23" s="103">
        <v>52872414</v>
      </c>
      <c r="FV23" s="106">
        <v>59057224</v>
      </c>
      <c r="FW23" s="105">
        <v>1099125</v>
      </c>
      <c r="FX23" s="104">
        <v>2878500</v>
      </c>
      <c r="FY23" s="102">
        <v>3977625</v>
      </c>
      <c r="FZ23" s="101">
        <v>0</v>
      </c>
      <c r="GA23" s="104">
        <v>6120798</v>
      </c>
      <c r="GB23" s="104">
        <v>14154977</v>
      </c>
      <c r="GC23" s="104">
        <v>10352932</v>
      </c>
      <c r="GD23" s="104">
        <v>10089262</v>
      </c>
      <c r="GE23" s="104">
        <v>8040046</v>
      </c>
      <c r="GF23" s="103">
        <v>48758015</v>
      </c>
      <c r="GG23" s="296">
        <v>52735640</v>
      </c>
      <c r="GH23" s="105">
        <v>73170</v>
      </c>
      <c r="GI23" s="104">
        <v>199002</v>
      </c>
      <c r="GJ23" s="102">
        <v>272172</v>
      </c>
      <c r="GK23" s="101">
        <v>0</v>
      </c>
      <c r="GL23" s="104">
        <v>491650</v>
      </c>
      <c r="GM23" s="104">
        <v>326023</v>
      </c>
      <c r="GN23" s="104">
        <v>422778</v>
      </c>
      <c r="GO23" s="104">
        <v>275147</v>
      </c>
      <c r="GP23" s="104">
        <v>130050</v>
      </c>
      <c r="GQ23" s="103">
        <v>1645648</v>
      </c>
      <c r="GR23" s="106">
        <v>1917820</v>
      </c>
      <c r="GS23" s="100">
        <v>652963</v>
      </c>
      <c r="GT23" s="104">
        <v>1282050</v>
      </c>
      <c r="GU23" s="103">
        <v>1935013</v>
      </c>
      <c r="GV23" s="100">
        <v>0</v>
      </c>
      <c r="GW23" s="104">
        <v>572662</v>
      </c>
      <c r="GX23" s="104">
        <v>1059210</v>
      </c>
      <c r="GY23" s="104">
        <v>151880</v>
      </c>
      <c r="GZ23" s="104">
        <v>527769</v>
      </c>
      <c r="HA23" s="104">
        <v>157230</v>
      </c>
      <c r="HB23" s="102">
        <v>2468751</v>
      </c>
      <c r="HC23" s="106">
        <v>4403764</v>
      </c>
      <c r="HD23" s="100">
        <v>1698415</v>
      </c>
      <c r="HE23" s="104">
        <v>750372</v>
      </c>
      <c r="HF23" s="102">
        <v>2448787</v>
      </c>
      <c r="HG23" s="101">
        <v>0</v>
      </c>
      <c r="HH23" s="104">
        <v>19538933</v>
      </c>
      <c r="HI23" s="104">
        <v>21927032</v>
      </c>
      <c r="HJ23" s="104">
        <v>20447442</v>
      </c>
      <c r="HK23" s="104">
        <v>25097694</v>
      </c>
      <c r="HL23" s="104">
        <v>16533144</v>
      </c>
      <c r="HM23" s="103">
        <v>103544245</v>
      </c>
      <c r="HN23" s="99">
        <v>105993032</v>
      </c>
      <c r="HO23" s="105">
        <v>1592850</v>
      </c>
      <c r="HP23" s="104">
        <v>3129863</v>
      </c>
      <c r="HQ23" s="103">
        <v>4722713</v>
      </c>
      <c r="HR23" s="100">
        <v>0</v>
      </c>
      <c r="HS23" s="104">
        <v>23856568</v>
      </c>
      <c r="HT23" s="104">
        <v>22243560</v>
      </c>
      <c r="HU23" s="104">
        <v>15940780</v>
      </c>
      <c r="HV23" s="104">
        <v>10118218</v>
      </c>
      <c r="HW23" s="104">
        <v>6364642</v>
      </c>
      <c r="HX23" s="102">
        <v>78523768</v>
      </c>
      <c r="HY23" s="106">
        <v>83246481</v>
      </c>
      <c r="HZ23" s="118">
        <v>354076</v>
      </c>
      <c r="IA23" s="119">
        <v>2054213</v>
      </c>
      <c r="IB23" s="120">
        <v>2408289</v>
      </c>
      <c r="IC23" s="133">
        <v>0</v>
      </c>
      <c r="ID23" s="119">
        <v>35287914</v>
      </c>
      <c r="IE23" s="134">
        <v>44600137</v>
      </c>
      <c r="IF23" s="120">
        <v>56990300</v>
      </c>
      <c r="IG23" s="119">
        <v>41817639</v>
      </c>
      <c r="IH23" s="120">
        <v>26572361</v>
      </c>
      <c r="II23" s="135">
        <v>205268351</v>
      </c>
      <c r="IJ23" s="126">
        <v>207676640</v>
      </c>
      <c r="IK23" s="219">
        <v>0</v>
      </c>
      <c r="IL23" s="223">
        <v>0</v>
      </c>
      <c r="IM23" s="224">
        <v>0</v>
      </c>
      <c r="IN23" s="127"/>
      <c r="IO23" s="109">
        <v>133186</v>
      </c>
      <c r="IP23" s="109">
        <v>551764</v>
      </c>
      <c r="IQ23" s="109">
        <v>182806</v>
      </c>
      <c r="IR23" s="109">
        <v>250660</v>
      </c>
      <c r="IS23" s="109">
        <v>232476</v>
      </c>
      <c r="IT23" s="128">
        <v>1350892</v>
      </c>
      <c r="IU23" s="298">
        <v>1350892</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13390410</v>
      </c>
      <c r="JL23" s="109">
        <v>11380417</v>
      </c>
      <c r="JM23" s="109">
        <v>8724908</v>
      </c>
      <c r="JN23" s="109">
        <v>5200367</v>
      </c>
      <c r="JO23" s="109">
        <v>2108652</v>
      </c>
      <c r="JP23" s="110">
        <v>40804754</v>
      </c>
      <c r="JQ23" s="298">
        <v>40804754</v>
      </c>
      <c r="JR23" s="129">
        <v>0</v>
      </c>
      <c r="JS23" s="109">
        <v>9418</v>
      </c>
      <c r="JT23" s="128">
        <v>9418</v>
      </c>
      <c r="JU23" s="108">
        <v>0</v>
      </c>
      <c r="JV23" s="109">
        <v>1153252</v>
      </c>
      <c r="JW23" s="109">
        <v>854578</v>
      </c>
      <c r="JX23" s="109">
        <v>3726817</v>
      </c>
      <c r="JY23" s="109">
        <v>1997543</v>
      </c>
      <c r="JZ23" s="109">
        <v>1295831</v>
      </c>
      <c r="KA23" s="110">
        <v>9028021</v>
      </c>
      <c r="KB23" s="298">
        <v>9037439</v>
      </c>
      <c r="KC23" s="221">
        <v>354076</v>
      </c>
      <c r="KD23" s="217">
        <v>1307887</v>
      </c>
      <c r="KE23" s="110">
        <v>1661963</v>
      </c>
      <c r="KF23" s="108">
        <v>0</v>
      </c>
      <c r="KG23" s="109">
        <v>6536986</v>
      </c>
      <c r="KH23" s="109">
        <v>9576277</v>
      </c>
      <c r="KI23" s="109">
        <v>11892299</v>
      </c>
      <c r="KJ23" s="109">
        <v>6864572</v>
      </c>
      <c r="KK23" s="109">
        <v>2454561</v>
      </c>
      <c r="KL23" s="110">
        <v>37324695</v>
      </c>
      <c r="KM23" s="130">
        <v>38986658</v>
      </c>
      <c r="KN23" s="219">
        <v>0</v>
      </c>
      <c r="KO23" s="223">
        <v>736908</v>
      </c>
      <c r="KP23" s="224">
        <v>736908</v>
      </c>
      <c r="KQ23" s="127"/>
      <c r="KR23" s="109">
        <v>13140652</v>
      </c>
      <c r="KS23" s="109">
        <v>19029854</v>
      </c>
      <c r="KT23" s="109">
        <v>26616556</v>
      </c>
      <c r="KU23" s="109">
        <v>15835902</v>
      </c>
      <c r="KV23" s="109">
        <v>7505429</v>
      </c>
      <c r="KW23" s="110">
        <v>82128393</v>
      </c>
      <c r="KX23" s="298">
        <v>82865301</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30610</v>
      </c>
      <c r="LP23" s="109">
        <v>1154028</v>
      </c>
      <c r="LQ23" s="109">
        <v>5448952</v>
      </c>
      <c r="LR23" s="109">
        <v>1293689</v>
      </c>
      <c r="LS23" s="110">
        <v>8427279</v>
      </c>
      <c r="LT23" s="298">
        <v>8427279</v>
      </c>
      <c r="LU23" s="129">
        <v>0</v>
      </c>
      <c r="LV23" s="109">
        <v>0</v>
      </c>
      <c r="LW23" s="110">
        <v>0</v>
      </c>
      <c r="LX23" s="132"/>
      <c r="LY23" s="109">
        <v>933428</v>
      </c>
      <c r="LZ23" s="109">
        <v>2676637</v>
      </c>
      <c r="MA23" s="109">
        <v>4692886</v>
      </c>
      <c r="MB23" s="109">
        <v>6219643</v>
      </c>
      <c r="MC23" s="109">
        <v>11681723</v>
      </c>
      <c r="MD23" s="110">
        <v>26204317</v>
      </c>
      <c r="ME23" s="111">
        <v>26204317</v>
      </c>
      <c r="MF23" s="129">
        <v>0</v>
      </c>
      <c r="MG23" s="109">
        <v>0</v>
      </c>
      <c r="MH23" s="110">
        <v>0</v>
      </c>
      <c r="MI23" s="132"/>
      <c r="MJ23" s="109">
        <v>8995258</v>
      </c>
      <c r="MK23" s="109">
        <v>22759944</v>
      </c>
      <c r="ML23" s="109">
        <v>81861051</v>
      </c>
      <c r="MM23" s="109">
        <v>156926592</v>
      </c>
      <c r="MN23" s="109">
        <v>105799719</v>
      </c>
      <c r="MO23" s="110">
        <v>376342564</v>
      </c>
      <c r="MP23" s="130">
        <v>376342564</v>
      </c>
      <c r="MQ23" s="129">
        <v>0</v>
      </c>
      <c r="MR23" s="109">
        <v>0</v>
      </c>
      <c r="MS23" s="110">
        <v>0</v>
      </c>
      <c r="MT23" s="132"/>
      <c r="MU23" s="109">
        <v>1184214</v>
      </c>
      <c r="MV23" s="109">
        <v>2702375</v>
      </c>
      <c r="MW23" s="109">
        <v>45096007</v>
      </c>
      <c r="MX23" s="109">
        <v>113336258</v>
      </c>
      <c r="MY23" s="109">
        <v>74523064</v>
      </c>
      <c r="MZ23" s="110">
        <v>236841918</v>
      </c>
      <c r="NA23" s="130">
        <v>236841918</v>
      </c>
      <c r="NB23" s="129">
        <v>0</v>
      </c>
      <c r="NC23" s="109">
        <v>0</v>
      </c>
      <c r="ND23" s="110">
        <v>0</v>
      </c>
      <c r="NE23" s="132"/>
      <c r="NF23" s="109">
        <v>7811044</v>
      </c>
      <c r="NG23" s="109">
        <v>20057569</v>
      </c>
      <c r="NH23" s="109">
        <v>36384382</v>
      </c>
      <c r="NI23" s="109">
        <v>38608600</v>
      </c>
      <c r="NJ23" s="109">
        <v>22270730</v>
      </c>
      <c r="NK23" s="110">
        <v>125132325</v>
      </c>
      <c r="NL23" s="298">
        <v>125132325</v>
      </c>
      <c r="NM23" s="129">
        <v>0</v>
      </c>
      <c r="NN23" s="109">
        <v>0</v>
      </c>
      <c r="NO23" s="110">
        <v>0</v>
      </c>
      <c r="NP23" s="132"/>
      <c r="NQ23" s="109">
        <v>0</v>
      </c>
      <c r="NR23" s="109">
        <v>0</v>
      </c>
      <c r="NS23" s="109">
        <v>0</v>
      </c>
      <c r="NT23" s="109">
        <v>373240</v>
      </c>
      <c r="NU23" s="109">
        <v>1324271</v>
      </c>
      <c r="NV23" s="110">
        <v>1697511</v>
      </c>
      <c r="NW23" s="111">
        <v>1697511</v>
      </c>
      <c r="NX23" s="129">
        <v>0</v>
      </c>
      <c r="NY23" s="109">
        <v>0</v>
      </c>
      <c r="NZ23" s="110">
        <v>0</v>
      </c>
      <c r="OA23" s="132"/>
      <c r="OB23" s="109">
        <v>0</v>
      </c>
      <c r="OC23" s="109">
        <v>0</v>
      </c>
      <c r="OD23" s="109">
        <v>380662</v>
      </c>
      <c r="OE23" s="109">
        <v>4608494</v>
      </c>
      <c r="OF23" s="109">
        <v>7681654</v>
      </c>
      <c r="OG23" s="110">
        <v>12670810</v>
      </c>
      <c r="OH23" s="111">
        <v>12670810</v>
      </c>
      <c r="OI23" s="129">
        <v>9197956</v>
      </c>
      <c r="OJ23" s="109">
        <v>19031942</v>
      </c>
      <c r="OK23" s="128">
        <v>28229898</v>
      </c>
      <c r="OL23" s="108">
        <v>0</v>
      </c>
      <c r="OM23" s="109">
        <v>188205002</v>
      </c>
      <c r="ON23" s="109">
        <v>247581065</v>
      </c>
      <c r="OO23" s="109">
        <v>304383568</v>
      </c>
      <c r="OP23" s="109">
        <v>348916216</v>
      </c>
      <c r="OQ23" s="109">
        <v>243850142</v>
      </c>
      <c r="OR23" s="110">
        <v>1332935993</v>
      </c>
      <c r="OS23" s="130">
        <v>1361165891</v>
      </c>
    </row>
    <row r="24" spans="2:409" ht="21" customHeight="1" x14ac:dyDescent="0.2">
      <c r="B24" s="472" t="s">
        <v>19</v>
      </c>
      <c r="C24" s="100">
        <v>5326532</v>
      </c>
      <c r="D24" s="104">
        <v>10170477</v>
      </c>
      <c r="E24" s="103">
        <v>15497009</v>
      </c>
      <c r="F24" s="99">
        <v>0</v>
      </c>
      <c r="G24" s="104">
        <v>63481426</v>
      </c>
      <c r="H24" s="104">
        <v>75419720</v>
      </c>
      <c r="I24" s="104">
        <v>61880622</v>
      </c>
      <c r="J24" s="104">
        <v>47390483</v>
      </c>
      <c r="K24" s="104">
        <v>38934548</v>
      </c>
      <c r="L24" s="99">
        <v>287106799</v>
      </c>
      <c r="M24" s="106">
        <v>302603808</v>
      </c>
      <c r="N24" s="100">
        <v>1397500</v>
      </c>
      <c r="O24" s="104">
        <v>2101937</v>
      </c>
      <c r="P24" s="103">
        <v>3499437</v>
      </c>
      <c r="Q24" s="100">
        <v>0</v>
      </c>
      <c r="R24" s="104">
        <v>16064881</v>
      </c>
      <c r="S24" s="104">
        <v>17662061</v>
      </c>
      <c r="T24" s="104">
        <v>16228253</v>
      </c>
      <c r="U24" s="104">
        <v>19013277</v>
      </c>
      <c r="V24" s="104">
        <v>18004734</v>
      </c>
      <c r="W24" s="103">
        <v>86973206</v>
      </c>
      <c r="X24" s="106">
        <v>90472643</v>
      </c>
      <c r="Y24" s="100">
        <v>0</v>
      </c>
      <c r="Z24" s="104">
        <v>0</v>
      </c>
      <c r="AA24" s="103">
        <v>0</v>
      </c>
      <c r="AB24" s="100">
        <v>0</v>
      </c>
      <c r="AC24" s="104">
        <v>5856261</v>
      </c>
      <c r="AD24" s="104">
        <v>7917340</v>
      </c>
      <c r="AE24" s="104">
        <v>7216059</v>
      </c>
      <c r="AF24" s="104">
        <v>10623931</v>
      </c>
      <c r="AG24" s="104">
        <v>10003625</v>
      </c>
      <c r="AH24" s="103">
        <v>41617216</v>
      </c>
      <c r="AI24" s="106">
        <v>41617216</v>
      </c>
      <c r="AJ24" s="100">
        <v>0</v>
      </c>
      <c r="AK24" s="104">
        <v>0</v>
      </c>
      <c r="AL24" s="103">
        <v>0</v>
      </c>
      <c r="AM24" s="100">
        <v>0</v>
      </c>
      <c r="AN24" s="104">
        <v>277615</v>
      </c>
      <c r="AO24" s="104">
        <v>190314</v>
      </c>
      <c r="AP24" s="104">
        <v>750662</v>
      </c>
      <c r="AQ24" s="104">
        <v>975657</v>
      </c>
      <c r="AR24" s="104">
        <v>1742803</v>
      </c>
      <c r="AS24" s="103">
        <v>3937051</v>
      </c>
      <c r="AT24" s="106">
        <v>3937051</v>
      </c>
      <c r="AU24" s="100">
        <v>854250</v>
      </c>
      <c r="AV24" s="104">
        <v>1583476</v>
      </c>
      <c r="AW24" s="103">
        <v>2437726</v>
      </c>
      <c r="AX24" s="100">
        <v>0</v>
      </c>
      <c r="AY24" s="104">
        <v>6643973</v>
      </c>
      <c r="AZ24" s="104">
        <v>5977429</v>
      </c>
      <c r="BA24" s="104">
        <v>4664670</v>
      </c>
      <c r="BB24" s="104">
        <v>4396239</v>
      </c>
      <c r="BC24" s="104">
        <v>4155255</v>
      </c>
      <c r="BD24" s="103">
        <v>25837566</v>
      </c>
      <c r="BE24" s="106">
        <v>28275292</v>
      </c>
      <c r="BF24" s="100">
        <v>70611</v>
      </c>
      <c r="BG24" s="104">
        <v>127111</v>
      </c>
      <c r="BH24" s="102">
        <v>197722</v>
      </c>
      <c r="BI24" s="101">
        <v>0</v>
      </c>
      <c r="BJ24" s="104">
        <v>706879</v>
      </c>
      <c r="BK24" s="104">
        <v>531071</v>
      </c>
      <c r="BL24" s="104">
        <v>462305</v>
      </c>
      <c r="BM24" s="104">
        <v>514542</v>
      </c>
      <c r="BN24" s="104">
        <v>97385</v>
      </c>
      <c r="BO24" s="103">
        <v>2312182</v>
      </c>
      <c r="BP24" s="106">
        <v>2509904</v>
      </c>
      <c r="BQ24" s="100">
        <v>472639</v>
      </c>
      <c r="BR24" s="104">
        <v>391350</v>
      </c>
      <c r="BS24" s="103">
        <v>863989</v>
      </c>
      <c r="BT24" s="100">
        <v>0</v>
      </c>
      <c r="BU24" s="104">
        <v>2580153</v>
      </c>
      <c r="BV24" s="104">
        <v>3045907</v>
      </c>
      <c r="BW24" s="104">
        <v>3134557</v>
      </c>
      <c r="BX24" s="104">
        <v>2502908</v>
      </c>
      <c r="BY24" s="104">
        <v>2005666</v>
      </c>
      <c r="BZ24" s="103">
        <v>13269191</v>
      </c>
      <c r="CA24" s="106">
        <v>14133180</v>
      </c>
      <c r="CB24" s="100">
        <v>1046425</v>
      </c>
      <c r="CC24" s="104">
        <v>3150995</v>
      </c>
      <c r="CD24" s="103">
        <v>4197420</v>
      </c>
      <c r="CE24" s="100">
        <v>0</v>
      </c>
      <c r="CF24" s="104">
        <v>19934468</v>
      </c>
      <c r="CG24" s="104">
        <v>28399084</v>
      </c>
      <c r="CH24" s="104">
        <v>17562363</v>
      </c>
      <c r="CI24" s="104">
        <v>8980686</v>
      </c>
      <c r="CJ24" s="104">
        <v>6474521</v>
      </c>
      <c r="CK24" s="103">
        <v>81351122</v>
      </c>
      <c r="CL24" s="106">
        <v>85548542</v>
      </c>
      <c r="CM24" s="100">
        <v>0</v>
      </c>
      <c r="CN24" s="104">
        <v>0</v>
      </c>
      <c r="CO24" s="103">
        <v>0</v>
      </c>
      <c r="CP24" s="101">
        <v>0</v>
      </c>
      <c r="CQ24" s="104">
        <v>14951782</v>
      </c>
      <c r="CR24" s="104">
        <v>21122701</v>
      </c>
      <c r="CS24" s="104">
        <v>12400671</v>
      </c>
      <c r="CT24" s="104">
        <v>6347249</v>
      </c>
      <c r="CU24" s="104">
        <v>5120652</v>
      </c>
      <c r="CV24" s="103">
        <v>59943055</v>
      </c>
      <c r="CW24" s="106">
        <v>59943055</v>
      </c>
      <c r="CX24" s="100">
        <v>1046425</v>
      </c>
      <c r="CY24" s="104">
        <v>3150995</v>
      </c>
      <c r="CZ24" s="103">
        <v>4197420</v>
      </c>
      <c r="DA24" s="100">
        <v>0</v>
      </c>
      <c r="DB24" s="104">
        <v>4982686</v>
      </c>
      <c r="DC24" s="104">
        <v>7276383</v>
      </c>
      <c r="DD24" s="104">
        <v>5161692</v>
      </c>
      <c r="DE24" s="104">
        <v>2633437</v>
      </c>
      <c r="DF24" s="104">
        <v>1353869</v>
      </c>
      <c r="DG24" s="103">
        <v>21408067</v>
      </c>
      <c r="DH24" s="106">
        <v>25605487</v>
      </c>
      <c r="DI24" s="100">
        <v>112109</v>
      </c>
      <c r="DJ24" s="104">
        <v>153982</v>
      </c>
      <c r="DK24" s="102">
        <v>266091</v>
      </c>
      <c r="DL24" s="101">
        <v>0</v>
      </c>
      <c r="DM24" s="104">
        <v>1349471</v>
      </c>
      <c r="DN24" s="104">
        <v>3375819</v>
      </c>
      <c r="DO24" s="104">
        <v>5694157</v>
      </c>
      <c r="DP24" s="104">
        <v>3377838</v>
      </c>
      <c r="DQ24" s="104">
        <v>2235614</v>
      </c>
      <c r="DR24" s="103">
        <v>16032899</v>
      </c>
      <c r="DS24" s="106">
        <v>16298990</v>
      </c>
      <c r="DT24" s="100">
        <v>112109</v>
      </c>
      <c r="DU24" s="104">
        <v>153851</v>
      </c>
      <c r="DV24" s="103">
        <v>265960</v>
      </c>
      <c r="DW24" s="100">
        <v>0</v>
      </c>
      <c r="DX24" s="104">
        <v>1162155</v>
      </c>
      <c r="DY24" s="104">
        <v>2723954</v>
      </c>
      <c r="DZ24" s="104">
        <v>5198794</v>
      </c>
      <c r="EA24" s="104">
        <v>2053609</v>
      </c>
      <c r="EB24" s="104">
        <v>1640496</v>
      </c>
      <c r="EC24" s="103">
        <v>12779008</v>
      </c>
      <c r="ED24" s="106">
        <v>13044968</v>
      </c>
      <c r="EE24" s="100">
        <v>0</v>
      </c>
      <c r="EF24" s="102">
        <v>131</v>
      </c>
      <c r="EG24" s="103">
        <v>131</v>
      </c>
      <c r="EH24" s="100">
        <v>0</v>
      </c>
      <c r="EI24" s="104">
        <v>187316</v>
      </c>
      <c r="EJ24" s="104">
        <v>651865</v>
      </c>
      <c r="EK24" s="104">
        <v>495363</v>
      </c>
      <c r="EL24" s="104">
        <v>1324229</v>
      </c>
      <c r="EM24" s="104">
        <v>595118</v>
      </c>
      <c r="EN24" s="102">
        <v>3253891</v>
      </c>
      <c r="EO24" s="106">
        <v>3254022</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910624</v>
      </c>
      <c r="FM24" s="104">
        <v>1717306</v>
      </c>
      <c r="FN24" s="103">
        <v>2627930</v>
      </c>
      <c r="FO24" s="100">
        <v>0</v>
      </c>
      <c r="FP24" s="104">
        <v>4067518</v>
      </c>
      <c r="FQ24" s="104">
        <v>6248487</v>
      </c>
      <c r="FR24" s="104">
        <v>5061050</v>
      </c>
      <c r="FS24" s="104">
        <v>4351970</v>
      </c>
      <c r="FT24" s="104">
        <v>3236451</v>
      </c>
      <c r="FU24" s="103">
        <v>22965476</v>
      </c>
      <c r="FV24" s="106">
        <v>25593406</v>
      </c>
      <c r="FW24" s="105">
        <v>858154</v>
      </c>
      <c r="FX24" s="104">
        <v>1602168</v>
      </c>
      <c r="FY24" s="102">
        <v>2460322</v>
      </c>
      <c r="FZ24" s="101">
        <v>0</v>
      </c>
      <c r="GA24" s="104">
        <v>3447504</v>
      </c>
      <c r="GB24" s="104">
        <v>5930383</v>
      </c>
      <c r="GC24" s="104">
        <v>4927204</v>
      </c>
      <c r="GD24" s="104">
        <v>4141988</v>
      </c>
      <c r="GE24" s="104">
        <v>3167691</v>
      </c>
      <c r="GF24" s="103">
        <v>21614770</v>
      </c>
      <c r="GG24" s="296">
        <v>24075092</v>
      </c>
      <c r="GH24" s="105">
        <v>52470</v>
      </c>
      <c r="GI24" s="104">
        <v>69052</v>
      </c>
      <c r="GJ24" s="102">
        <v>121522</v>
      </c>
      <c r="GK24" s="101">
        <v>0</v>
      </c>
      <c r="GL24" s="104">
        <v>153054</v>
      </c>
      <c r="GM24" s="104">
        <v>84216</v>
      </c>
      <c r="GN24" s="104">
        <v>112860</v>
      </c>
      <c r="GO24" s="104">
        <v>131052</v>
      </c>
      <c r="GP24" s="104">
        <v>23760</v>
      </c>
      <c r="GQ24" s="103">
        <v>504942</v>
      </c>
      <c r="GR24" s="106">
        <v>626464</v>
      </c>
      <c r="GS24" s="100">
        <v>0</v>
      </c>
      <c r="GT24" s="104">
        <v>46086</v>
      </c>
      <c r="GU24" s="103">
        <v>46086</v>
      </c>
      <c r="GV24" s="100">
        <v>0</v>
      </c>
      <c r="GW24" s="104">
        <v>466960</v>
      </c>
      <c r="GX24" s="104">
        <v>233888</v>
      </c>
      <c r="GY24" s="104">
        <v>20986</v>
      </c>
      <c r="GZ24" s="104">
        <v>78930</v>
      </c>
      <c r="HA24" s="104">
        <v>45000</v>
      </c>
      <c r="HB24" s="102">
        <v>845764</v>
      </c>
      <c r="HC24" s="106">
        <v>891850</v>
      </c>
      <c r="HD24" s="100">
        <v>827677</v>
      </c>
      <c r="HE24" s="104">
        <v>1453572</v>
      </c>
      <c r="HF24" s="102">
        <v>2281249</v>
      </c>
      <c r="HG24" s="101">
        <v>0</v>
      </c>
      <c r="HH24" s="104">
        <v>11499313</v>
      </c>
      <c r="HI24" s="104">
        <v>11583451</v>
      </c>
      <c r="HJ24" s="104">
        <v>11754975</v>
      </c>
      <c r="HK24" s="104">
        <v>8271861</v>
      </c>
      <c r="HL24" s="104">
        <v>6615149</v>
      </c>
      <c r="HM24" s="103">
        <v>49724749</v>
      </c>
      <c r="HN24" s="99">
        <v>52005998</v>
      </c>
      <c r="HO24" s="105">
        <v>1032197</v>
      </c>
      <c r="HP24" s="104">
        <v>1592685</v>
      </c>
      <c r="HQ24" s="103">
        <v>2624882</v>
      </c>
      <c r="HR24" s="100">
        <v>0</v>
      </c>
      <c r="HS24" s="104">
        <v>10565775</v>
      </c>
      <c r="HT24" s="104">
        <v>8150818</v>
      </c>
      <c r="HU24" s="104">
        <v>5579824</v>
      </c>
      <c r="HV24" s="104">
        <v>3394851</v>
      </c>
      <c r="HW24" s="104">
        <v>2368079</v>
      </c>
      <c r="HX24" s="102">
        <v>30059347</v>
      </c>
      <c r="HY24" s="106">
        <v>32684229</v>
      </c>
      <c r="HZ24" s="137">
        <v>0</v>
      </c>
      <c r="IA24" s="122">
        <v>291949</v>
      </c>
      <c r="IB24" s="137">
        <v>291949</v>
      </c>
      <c r="IC24" s="121">
        <v>0</v>
      </c>
      <c r="ID24" s="122">
        <v>14773428</v>
      </c>
      <c r="IE24" s="123">
        <v>24280379</v>
      </c>
      <c r="IF24" s="124">
        <v>28603957</v>
      </c>
      <c r="IG24" s="122">
        <v>14207814</v>
      </c>
      <c r="IH24" s="124">
        <v>15165253</v>
      </c>
      <c r="II24" s="125">
        <v>97030831</v>
      </c>
      <c r="IJ24" s="137">
        <v>97322780</v>
      </c>
      <c r="IK24" s="219">
        <v>0</v>
      </c>
      <c r="IL24" s="223">
        <v>0</v>
      </c>
      <c r="IM24" s="224">
        <v>0</v>
      </c>
      <c r="IN24" s="127"/>
      <c r="IO24" s="109">
        <v>1067374</v>
      </c>
      <c r="IP24" s="109">
        <v>1697923</v>
      </c>
      <c r="IQ24" s="109">
        <v>1308767</v>
      </c>
      <c r="IR24" s="109">
        <v>426897</v>
      </c>
      <c r="IS24" s="109">
        <v>2263177</v>
      </c>
      <c r="IT24" s="128">
        <v>6764138</v>
      </c>
      <c r="IU24" s="298">
        <v>6764138</v>
      </c>
      <c r="IV24" s="129">
        <v>0</v>
      </c>
      <c r="IW24" s="109">
        <v>0</v>
      </c>
      <c r="IX24" s="110">
        <v>0</v>
      </c>
      <c r="IY24" s="131"/>
      <c r="IZ24" s="109">
        <v>27541</v>
      </c>
      <c r="JA24" s="109">
        <v>22918</v>
      </c>
      <c r="JB24" s="109">
        <v>46644</v>
      </c>
      <c r="JC24" s="109">
        <v>72162</v>
      </c>
      <c r="JD24" s="109">
        <v>67563</v>
      </c>
      <c r="JE24" s="110">
        <v>236828</v>
      </c>
      <c r="JF24" s="111">
        <v>236828</v>
      </c>
      <c r="JG24" s="129">
        <v>0</v>
      </c>
      <c r="JH24" s="109">
        <v>0</v>
      </c>
      <c r="JI24" s="128">
        <v>0</v>
      </c>
      <c r="JJ24" s="108">
        <v>0</v>
      </c>
      <c r="JK24" s="109">
        <v>6343026</v>
      </c>
      <c r="JL24" s="109">
        <v>7110110</v>
      </c>
      <c r="JM24" s="109">
        <v>4828233</v>
      </c>
      <c r="JN24" s="109">
        <v>2821396</v>
      </c>
      <c r="JO24" s="109">
        <v>1668966</v>
      </c>
      <c r="JP24" s="110">
        <v>22771731</v>
      </c>
      <c r="JQ24" s="298">
        <v>22771731</v>
      </c>
      <c r="JR24" s="129">
        <v>0</v>
      </c>
      <c r="JS24" s="109">
        <v>0</v>
      </c>
      <c r="JT24" s="128">
        <v>0</v>
      </c>
      <c r="JU24" s="108">
        <v>0</v>
      </c>
      <c r="JV24" s="109">
        <v>944991</v>
      </c>
      <c r="JW24" s="109">
        <v>2080149</v>
      </c>
      <c r="JX24" s="109">
        <v>3260476</v>
      </c>
      <c r="JY24" s="109">
        <v>311083</v>
      </c>
      <c r="JZ24" s="109">
        <v>500155</v>
      </c>
      <c r="KA24" s="110">
        <v>7096854</v>
      </c>
      <c r="KB24" s="298">
        <v>7096854</v>
      </c>
      <c r="KC24" s="221">
        <v>0</v>
      </c>
      <c r="KD24" s="217">
        <v>291949</v>
      </c>
      <c r="KE24" s="110">
        <v>291949</v>
      </c>
      <c r="KF24" s="108">
        <v>0</v>
      </c>
      <c r="KG24" s="109">
        <v>2919909</v>
      </c>
      <c r="KH24" s="109">
        <v>7314406</v>
      </c>
      <c r="KI24" s="109">
        <v>7872344</v>
      </c>
      <c r="KJ24" s="109">
        <v>4431218</v>
      </c>
      <c r="KK24" s="109">
        <v>2964269</v>
      </c>
      <c r="KL24" s="110">
        <v>25502146</v>
      </c>
      <c r="KM24" s="130">
        <v>25794095</v>
      </c>
      <c r="KN24" s="219">
        <v>0</v>
      </c>
      <c r="KO24" s="223">
        <v>0</v>
      </c>
      <c r="KP24" s="224">
        <v>0</v>
      </c>
      <c r="KQ24" s="127"/>
      <c r="KR24" s="109">
        <v>3273387</v>
      </c>
      <c r="KS24" s="109">
        <v>5396273</v>
      </c>
      <c r="KT24" s="109">
        <v>9302817</v>
      </c>
      <c r="KU24" s="109">
        <v>5465036</v>
      </c>
      <c r="KV24" s="109">
        <v>4236388</v>
      </c>
      <c r="KW24" s="110">
        <v>27673901</v>
      </c>
      <c r="KX24" s="298">
        <v>27673901</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197200</v>
      </c>
      <c r="LZ24" s="109">
        <v>658600</v>
      </c>
      <c r="MA24" s="109">
        <v>1984676</v>
      </c>
      <c r="MB24" s="109">
        <v>680022</v>
      </c>
      <c r="MC24" s="109">
        <v>3464735</v>
      </c>
      <c r="MD24" s="110">
        <v>6985233</v>
      </c>
      <c r="ME24" s="111">
        <v>6985233</v>
      </c>
      <c r="MF24" s="129">
        <v>0</v>
      </c>
      <c r="MG24" s="109">
        <v>0</v>
      </c>
      <c r="MH24" s="110">
        <v>0</v>
      </c>
      <c r="MI24" s="132"/>
      <c r="MJ24" s="109">
        <v>5307768</v>
      </c>
      <c r="MK24" s="109">
        <v>13722819</v>
      </c>
      <c r="ML24" s="109">
        <v>53432920</v>
      </c>
      <c r="MM24" s="109">
        <v>54399163</v>
      </c>
      <c r="MN24" s="109">
        <v>43980417</v>
      </c>
      <c r="MO24" s="110">
        <v>170843087</v>
      </c>
      <c r="MP24" s="130">
        <v>170843087</v>
      </c>
      <c r="MQ24" s="129">
        <v>0</v>
      </c>
      <c r="MR24" s="109">
        <v>0</v>
      </c>
      <c r="MS24" s="110">
        <v>0</v>
      </c>
      <c r="MT24" s="132"/>
      <c r="MU24" s="109">
        <v>0</v>
      </c>
      <c r="MV24" s="109">
        <v>1056610</v>
      </c>
      <c r="MW24" s="109">
        <v>31311584</v>
      </c>
      <c r="MX24" s="109">
        <v>34580735</v>
      </c>
      <c r="MY24" s="109">
        <v>31651713</v>
      </c>
      <c r="MZ24" s="110">
        <v>98600642</v>
      </c>
      <c r="NA24" s="130">
        <v>98600642</v>
      </c>
      <c r="NB24" s="129">
        <v>0</v>
      </c>
      <c r="NC24" s="109">
        <v>0</v>
      </c>
      <c r="ND24" s="110">
        <v>0</v>
      </c>
      <c r="NE24" s="132"/>
      <c r="NF24" s="109">
        <v>5307768</v>
      </c>
      <c r="NG24" s="109">
        <v>12666209</v>
      </c>
      <c r="NH24" s="109">
        <v>22121336</v>
      </c>
      <c r="NI24" s="109">
        <v>18682685</v>
      </c>
      <c r="NJ24" s="109">
        <v>9708412</v>
      </c>
      <c r="NK24" s="110">
        <v>68486410</v>
      </c>
      <c r="NL24" s="298">
        <v>68486410</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1135743</v>
      </c>
      <c r="OF24" s="109">
        <v>2620292</v>
      </c>
      <c r="OG24" s="110">
        <v>3756035</v>
      </c>
      <c r="OH24" s="111">
        <v>3756035</v>
      </c>
      <c r="OI24" s="129">
        <v>5326532</v>
      </c>
      <c r="OJ24" s="109">
        <v>10462426</v>
      </c>
      <c r="OK24" s="128">
        <v>15788958</v>
      </c>
      <c r="OL24" s="108">
        <v>0</v>
      </c>
      <c r="OM24" s="109">
        <v>83562622</v>
      </c>
      <c r="ON24" s="109">
        <v>113422918</v>
      </c>
      <c r="OO24" s="109">
        <v>143917499</v>
      </c>
      <c r="OP24" s="109">
        <v>115997460</v>
      </c>
      <c r="OQ24" s="109">
        <v>98080218</v>
      </c>
      <c r="OR24" s="110">
        <v>554980717</v>
      </c>
      <c r="OS24" s="130">
        <v>570769675</v>
      </c>
    </row>
    <row r="25" spans="2:409" ht="21" customHeight="1" x14ac:dyDescent="0.2">
      <c r="B25" s="472" t="s">
        <v>20</v>
      </c>
      <c r="C25" s="100">
        <v>5229104</v>
      </c>
      <c r="D25" s="104">
        <v>12102570</v>
      </c>
      <c r="E25" s="103">
        <v>17331674</v>
      </c>
      <c r="F25" s="100">
        <v>0</v>
      </c>
      <c r="G25" s="104">
        <v>86121748</v>
      </c>
      <c r="H25" s="104">
        <v>82267365</v>
      </c>
      <c r="I25" s="104">
        <v>83126445</v>
      </c>
      <c r="J25" s="104">
        <v>70124354</v>
      </c>
      <c r="K25" s="104">
        <v>48265534</v>
      </c>
      <c r="L25" s="160">
        <v>369905446</v>
      </c>
      <c r="M25" s="106">
        <v>387237120</v>
      </c>
      <c r="N25" s="100">
        <v>1792822</v>
      </c>
      <c r="O25" s="104">
        <v>4676017</v>
      </c>
      <c r="P25" s="103">
        <v>6468839</v>
      </c>
      <c r="Q25" s="100">
        <v>0</v>
      </c>
      <c r="R25" s="104">
        <v>26323934</v>
      </c>
      <c r="S25" s="104">
        <v>24203044</v>
      </c>
      <c r="T25" s="104">
        <v>27696354</v>
      </c>
      <c r="U25" s="104">
        <v>24871678</v>
      </c>
      <c r="V25" s="104">
        <v>25368279</v>
      </c>
      <c r="W25" s="103">
        <v>128463289</v>
      </c>
      <c r="X25" s="106">
        <v>134932128</v>
      </c>
      <c r="Y25" s="100">
        <v>0</v>
      </c>
      <c r="Z25" s="104">
        <v>0</v>
      </c>
      <c r="AA25" s="103">
        <v>0</v>
      </c>
      <c r="AB25" s="100">
        <v>0</v>
      </c>
      <c r="AC25" s="104">
        <v>10880348</v>
      </c>
      <c r="AD25" s="104">
        <v>9812131</v>
      </c>
      <c r="AE25" s="104">
        <v>15877513</v>
      </c>
      <c r="AF25" s="104">
        <v>13948632</v>
      </c>
      <c r="AG25" s="104">
        <v>15504509</v>
      </c>
      <c r="AH25" s="103">
        <v>66023133</v>
      </c>
      <c r="AI25" s="106">
        <v>66023133</v>
      </c>
      <c r="AJ25" s="100">
        <v>0</v>
      </c>
      <c r="AK25" s="104">
        <v>0</v>
      </c>
      <c r="AL25" s="103">
        <v>0</v>
      </c>
      <c r="AM25" s="100">
        <v>0</v>
      </c>
      <c r="AN25" s="104">
        <v>67261</v>
      </c>
      <c r="AO25" s="104">
        <v>333474</v>
      </c>
      <c r="AP25" s="104">
        <v>869287</v>
      </c>
      <c r="AQ25" s="104">
        <v>1637484</v>
      </c>
      <c r="AR25" s="104">
        <v>3202949</v>
      </c>
      <c r="AS25" s="103">
        <v>6110455</v>
      </c>
      <c r="AT25" s="106">
        <v>6110455</v>
      </c>
      <c r="AU25" s="100">
        <v>1026939</v>
      </c>
      <c r="AV25" s="104">
        <v>3032143</v>
      </c>
      <c r="AW25" s="103">
        <v>4059082</v>
      </c>
      <c r="AX25" s="100">
        <v>0</v>
      </c>
      <c r="AY25" s="104">
        <v>9616492</v>
      </c>
      <c r="AZ25" s="104">
        <v>8334993</v>
      </c>
      <c r="BA25" s="104">
        <v>5496691</v>
      </c>
      <c r="BB25" s="104">
        <v>4753263</v>
      </c>
      <c r="BC25" s="104">
        <v>3675535</v>
      </c>
      <c r="BD25" s="103">
        <v>31876974</v>
      </c>
      <c r="BE25" s="106">
        <v>35936056</v>
      </c>
      <c r="BF25" s="100">
        <v>422861</v>
      </c>
      <c r="BG25" s="104">
        <v>1226988</v>
      </c>
      <c r="BH25" s="102">
        <v>1649849</v>
      </c>
      <c r="BI25" s="101">
        <v>0</v>
      </c>
      <c r="BJ25" s="104">
        <v>2298501</v>
      </c>
      <c r="BK25" s="104">
        <v>2447669</v>
      </c>
      <c r="BL25" s="104">
        <v>1426851</v>
      </c>
      <c r="BM25" s="104">
        <v>1439102</v>
      </c>
      <c r="BN25" s="104">
        <v>392734</v>
      </c>
      <c r="BO25" s="103">
        <v>8004857</v>
      </c>
      <c r="BP25" s="106">
        <v>9654706</v>
      </c>
      <c r="BQ25" s="100">
        <v>343022</v>
      </c>
      <c r="BR25" s="104">
        <v>416886</v>
      </c>
      <c r="BS25" s="103">
        <v>759908</v>
      </c>
      <c r="BT25" s="100">
        <v>0</v>
      </c>
      <c r="BU25" s="104">
        <v>3461332</v>
      </c>
      <c r="BV25" s="104">
        <v>3274777</v>
      </c>
      <c r="BW25" s="104">
        <v>4026012</v>
      </c>
      <c r="BX25" s="104">
        <v>3093197</v>
      </c>
      <c r="BY25" s="104">
        <v>2592552</v>
      </c>
      <c r="BZ25" s="103">
        <v>16447870</v>
      </c>
      <c r="CA25" s="106">
        <v>17207778</v>
      </c>
      <c r="CB25" s="100">
        <v>381094</v>
      </c>
      <c r="CC25" s="104">
        <v>1175201</v>
      </c>
      <c r="CD25" s="103">
        <v>1556295</v>
      </c>
      <c r="CE25" s="100">
        <v>0</v>
      </c>
      <c r="CF25" s="104">
        <v>24682525</v>
      </c>
      <c r="CG25" s="104">
        <v>25652713</v>
      </c>
      <c r="CH25" s="104">
        <v>18455826</v>
      </c>
      <c r="CI25" s="104">
        <v>12928357</v>
      </c>
      <c r="CJ25" s="104">
        <v>5302240</v>
      </c>
      <c r="CK25" s="103">
        <v>87021661</v>
      </c>
      <c r="CL25" s="106">
        <v>88577956</v>
      </c>
      <c r="CM25" s="100">
        <v>0</v>
      </c>
      <c r="CN25" s="104">
        <v>0</v>
      </c>
      <c r="CO25" s="103">
        <v>0</v>
      </c>
      <c r="CP25" s="101">
        <v>0</v>
      </c>
      <c r="CQ25" s="104">
        <v>18232686</v>
      </c>
      <c r="CR25" s="104">
        <v>18558531</v>
      </c>
      <c r="CS25" s="104">
        <v>14259908</v>
      </c>
      <c r="CT25" s="104">
        <v>9212368</v>
      </c>
      <c r="CU25" s="104">
        <v>3795284</v>
      </c>
      <c r="CV25" s="103">
        <v>64058777</v>
      </c>
      <c r="CW25" s="106">
        <v>64058777</v>
      </c>
      <c r="CX25" s="100">
        <v>381094</v>
      </c>
      <c r="CY25" s="104">
        <v>1175201</v>
      </c>
      <c r="CZ25" s="103">
        <v>1556295</v>
      </c>
      <c r="DA25" s="100">
        <v>0</v>
      </c>
      <c r="DB25" s="104">
        <v>6449839</v>
      </c>
      <c r="DC25" s="104">
        <v>7094182</v>
      </c>
      <c r="DD25" s="104">
        <v>4195918</v>
      </c>
      <c r="DE25" s="104">
        <v>3715989</v>
      </c>
      <c r="DF25" s="104">
        <v>1506956</v>
      </c>
      <c r="DG25" s="103">
        <v>22962884</v>
      </c>
      <c r="DH25" s="106">
        <v>24519179</v>
      </c>
      <c r="DI25" s="100">
        <v>94153</v>
      </c>
      <c r="DJ25" s="104">
        <v>150976</v>
      </c>
      <c r="DK25" s="102">
        <v>245129</v>
      </c>
      <c r="DL25" s="101">
        <v>0</v>
      </c>
      <c r="DM25" s="104">
        <v>2825732</v>
      </c>
      <c r="DN25" s="104">
        <v>5342338</v>
      </c>
      <c r="DO25" s="104">
        <v>12048348</v>
      </c>
      <c r="DP25" s="104">
        <v>8899932</v>
      </c>
      <c r="DQ25" s="104">
        <v>2831497</v>
      </c>
      <c r="DR25" s="103">
        <v>31947847</v>
      </c>
      <c r="DS25" s="106">
        <v>32192976</v>
      </c>
      <c r="DT25" s="100">
        <v>94153</v>
      </c>
      <c r="DU25" s="104">
        <v>150976</v>
      </c>
      <c r="DV25" s="103">
        <v>245129</v>
      </c>
      <c r="DW25" s="100">
        <v>0</v>
      </c>
      <c r="DX25" s="104">
        <v>2697264</v>
      </c>
      <c r="DY25" s="104">
        <v>4996729</v>
      </c>
      <c r="DZ25" s="104">
        <v>11487218</v>
      </c>
      <c r="EA25" s="104">
        <v>8497357</v>
      </c>
      <c r="EB25" s="104">
        <v>2544880</v>
      </c>
      <c r="EC25" s="103">
        <v>30223448</v>
      </c>
      <c r="ED25" s="106">
        <v>30468577</v>
      </c>
      <c r="EE25" s="100">
        <v>0</v>
      </c>
      <c r="EF25" s="102">
        <v>0</v>
      </c>
      <c r="EG25" s="103">
        <v>0</v>
      </c>
      <c r="EH25" s="100">
        <v>0</v>
      </c>
      <c r="EI25" s="104">
        <v>128468</v>
      </c>
      <c r="EJ25" s="104">
        <v>345609</v>
      </c>
      <c r="EK25" s="104">
        <v>561130</v>
      </c>
      <c r="EL25" s="104">
        <v>402575</v>
      </c>
      <c r="EM25" s="104">
        <v>286617</v>
      </c>
      <c r="EN25" s="102">
        <v>1724399</v>
      </c>
      <c r="EO25" s="106">
        <v>1724399</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1208339</v>
      </c>
      <c r="FM25" s="104">
        <v>2971501</v>
      </c>
      <c r="FN25" s="103">
        <v>4179840</v>
      </c>
      <c r="FO25" s="100">
        <v>0</v>
      </c>
      <c r="FP25" s="104">
        <v>5738603</v>
      </c>
      <c r="FQ25" s="104">
        <v>7814113</v>
      </c>
      <c r="FR25" s="104">
        <v>5805166</v>
      </c>
      <c r="FS25" s="104">
        <v>5861433</v>
      </c>
      <c r="FT25" s="104">
        <v>3399667</v>
      </c>
      <c r="FU25" s="103">
        <v>28618982</v>
      </c>
      <c r="FV25" s="106">
        <v>32798822</v>
      </c>
      <c r="FW25" s="105">
        <v>680039</v>
      </c>
      <c r="FX25" s="104">
        <v>2253814</v>
      </c>
      <c r="FY25" s="102">
        <v>2933853</v>
      </c>
      <c r="FZ25" s="101">
        <v>0</v>
      </c>
      <c r="GA25" s="104">
        <v>4937122</v>
      </c>
      <c r="GB25" s="104">
        <v>6696240</v>
      </c>
      <c r="GC25" s="104">
        <v>5369313</v>
      </c>
      <c r="GD25" s="104">
        <v>5266061</v>
      </c>
      <c r="GE25" s="104">
        <v>3399667</v>
      </c>
      <c r="GF25" s="103">
        <v>25668403</v>
      </c>
      <c r="GG25" s="296">
        <v>28602256</v>
      </c>
      <c r="GH25" s="105">
        <v>0</v>
      </c>
      <c r="GI25" s="104">
        <v>101772</v>
      </c>
      <c r="GJ25" s="102">
        <v>101772</v>
      </c>
      <c r="GK25" s="101">
        <v>0</v>
      </c>
      <c r="GL25" s="104">
        <v>207696</v>
      </c>
      <c r="GM25" s="104">
        <v>124591</v>
      </c>
      <c r="GN25" s="104">
        <v>18453</v>
      </c>
      <c r="GO25" s="104">
        <v>148222</v>
      </c>
      <c r="GP25" s="104">
        <v>0</v>
      </c>
      <c r="GQ25" s="103">
        <v>498962</v>
      </c>
      <c r="GR25" s="106">
        <v>600734</v>
      </c>
      <c r="GS25" s="100">
        <v>528300</v>
      </c>
      <c r="GT25" s="104">
        <v>615915</v>
      </c>
      <c r="GU25" s="103">
        <v>1144215</v>
      </c>
      <c r="GV25" s="100">
        <v>0</v>
      </c>
      <c r="GW25" s="104">
        <v>593785</v>
      </c>
      <c r="GX25" s="104">
        <v>993282</v>
      </c>
      <c r="GY25" s="104">
        <v>417400</v>
      </c>
      <c r="GZ25" s="104">
        <v>447150</v>
      </c>
      <c r="HA25" s="104">
        <v>0</v>
      </c>
      <c r="HB25" s="102">
        <v>2451617</v>
      </c>
      <c r="HC25" s="106">
        <v>3595832</v>
      </c>
      <c r="HD25" s="100">
        <v>808813</v>
      </c>
      <c r="HE25" s="104">
        <v>965624</v>
      </c>
      <c r="HF25" s="102">
        <v>1774437</v>
      </c>
      <c r="HG25" s="101">
        <v>0</v>
      </c>
      <c r="HH25" s="104">
        <v>12419137</v>
      </c>
      <c r="HI25" s="104">
        <v>10278951</v>
      </c>
      <c r="HJ25" s="104">
        <v>11986555</v>
      </c>
      <c r="HK25" s="104">
        <v>12743706</v>
      </c>
      <c r="HL25" s="104">
        <v>8995514</v>
      </c>
      <c r="HM25" s="103">
        <v>56423863</v>
      </c>
      <c r="HN25" s="99">
        <v>58198300</v>
      </c>
      <c r="HO25" s="105">
        <v>943883</v>
      </c>
      <c r="HP25" s="104">
        <v>2163251</v>
      </c>
      <c r="HQ25" s="103">
        <v>3107134</v>
      </c>
      <c r="HR25" s="100">
        <v>0</v>
      </c>
      <c r="HS25" s="104">
        <v>14131817</v>
      </c>
      <c r="HT25" s="104">
        <v>8976206</v>
      </c>
      <c r="HU25" s="104">
        <v>7134196</v>
      </c>
      <c r="HV25" s="104">
        <v>4819248</v>
      </c>
      <c r="HW25" s="104">
        <v>2368337</v>
      </c>
      <c r="HX25" s="102">
        <v>37429804</v>
      </c>
      <c r="HY25" s="106">
        <v>40536938</v>
      </c>
      <c r="HZ25" s="118">
        <v>0</v>
      </c>
      <c r="IA25" s="119">
        <v>65135</v>
      </c>
      <c r="IB25" s="120">
        <v>65135</v>
      </c>
      <c r="IC25" s="133">
        <v>0</v>
      </c>
      <c r="ID25" s="119">
        <v>15176936</v>
      </c>
      <c r="IE25" s="134">
        <v>13416935</v>
      </c>
      <c r="IF25" s="120">
        <v>19936045</v>
      </c>
      <c r="IG25" s="119">
        <v>8268718</v>
      </c>
      <c r="IH25" s="120">
        <v>6520823</v>
      </c>
      <c r="II25" s="135">
        <v>63319457</v>
      </c>
      <c r="IJ25" s="126">
        <v>63384592</v>
      </c>
      <c r="IK25" s="219">
        <v>0</v>
      </c>
      <c r="IL25" s="223">
        <v>0</v>
      </c>
      <c r="IM25" s="224">
        <v>0</v>
      </c>
      <c r="IN25" s="127"/>
      <c r="IO25" s="109">
        <v>88369</v>
      </c>
      <c r="IP25" s="109">
        <v>84598</v>
      </c>
      <c r="IQ25" s="109">
        <v>0</v>
      </c>
      <c r="IR25" s="109">
        <v>0</v>
      </c>
      <c r="IS25" s="109">
        <v>0</v>
      </c>
      <c r="IT25" s="128">
        <v>172967</v>
      </c>
      <c r="IU25" s="298">
        <v>172967</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8320396</v>
      </c>
      <c r="JL25" s="109">
        <v>5118711</v>
      </c>
      <c r="JM25" s="109">
        <v>6649308</v>
      </c>
      <c r="JN25" s="109">
        <v>1719304</v>
      </c>
      <c r="JO25" s="109">
        <v>575653</v>
      </c>
      <c r="JP25" s="110">
        <v>22383372</v>
      </c>
      <c r="JQ25" s="298">
        <v>22383372</v>
      </c>
      <c r="JR25" s="129">
        <v>0</v>
      </c>
      <c r="JS25" s="109">
        <v>0</v>
      </c>
      <c r="JT25" s="128">
        <v>0</v>
      </c>
      <c r="JU25" s="108">
        <v>0</v>
      </c>
      <c r="JV25" s="109">
        <v>109802</v>
      </c>
      <c r="JW25" s="109">
        <v>0</v>
      </c>
      <c r="JX25" s="109">
        <v>177361</v>
      </c>
      <c r="JY25" s="109">
        <v>0</v>
      </c>
      <c r="JZ25" s="109">
        <v>381149</v>
      </c>
      <c r="KA25" s="110">
        <v>668312</v>
      </c>
      <c r="KB25" s="298">
        <v>668312</v>
      </c>
      <c r="KC25" s="221">
        <v>0</v>
      </c>
      <c r="KD25" s="217">
        <v>65135</v>
      </c>
      <c r="KE25" s="110">
        <v>65135</v>
      </c>
      <c r="KF25" s="108">
        <v>0</v>
      </c>
      <c r="KG25" s="109">
        <v>2522629</v>
      </c>
      <c r="KH25" s="109">
        <v>1583401</v>
      </c>
      <c r="KI25" s="109">
        <v>2017927</v>
      </c>
      <c r="KJ25" s="109">
        <v>1124785</v>
      </c>
      <c r="KK25" s="109">
        <v>310739</v>
      </c>
      <c r="KL25" s="110">
        <v>7559481</v>
      </c>
      <c r="KM25" s="130">
        <v>7624616</v>
      </c>
      <c r="KN25" s="219">
        <v>0</v>
      </c>
      <c r="KO25" s="223">
        <v>0</v>
      </c>
      <c r="KP25" s="224">
        <v>0</v>
      </c>
      <c r="KQ25" s="127"/>
      <c r="KR25" s="109">
        <v>4135740</v>
      </c>
      <c r="KS25" s="109">
        <v>6630225</v>
      </c>
      <c r="KT25" s="109">
        <v>11091449</v>
      </c>
      <c r="KU25" s="109">
        <v>5424629</v>
      </c>
      <c r="KV25" s="109">
        <v>5253282</v>
      </c>
      <c r="KW25" s="110">
        <v>32535325</v>
      </c>
      <c r="KX25" s="298">
        <v>32535325</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5753701</v>
      </c>
      <c r="MK25" s="109">
        <v>18740865</v>
      </c>
      <c r="ML25" s="109">
        <v>45642132</v>
      </c>
      <c r="MM25" s="109">
        <v>77706929</v>
      </c>
      <c r="MN25" s="109">
        <v>38999812</v>
      </c>
      <c r="MO25" s="110">
        <v>186843439</v>
      </c>
      <c r="MP25" s="130">
        <v>186843439</v>
      </c>
      <c r="MQ25" s="129">
        <v>0</v>
      </c>
      <c r="MR25" s="109">
        <v>0</v>
      </c>
      <c r="MS25" s="110">
        <v>0</v>
      </c>
      <c r="MT25" s="132"/>
      <c r="MU25" s="109">
        <v>1363300</v>
      </c>
      <c r="MV25" s="109">
        <v>7580625</v>
      </c>
      <c r="MW25" s="109">
        <v>34723062</v>
      </c>
      <c r="MX25" s="109">
        <v>59769428</v>
      </c>
      <c r="MY25" s="109">
        <v>29577069</v>
      </c>
      <c r="MZ25" s="110">
        <v>133013484</v>
      </c>
      <c r="NA25" s="130">
        <v>133013484</v>
      </c>
      <c r="NB25" s="129">
        <v>0</v>
      </c>
      <c r="NC25" s="109">
        <v>0</v>
      </c>
      <c r="ND25" s="110">
        <v>0</v>
      </c>
      <c r="NE25" s="132"/>
      <c r="NF25" s="109">
        <v>4390401</v>
      </c>
      <c r="NG25" s="109">
        <v>11160240</v>
      </c>
      <c r="NH25" s="109">
        <v>10919070</v>
      </c>
      <c r="NI25" s="109">
        <v>16511969</v>
      </c>
      <c r="NJ25" s="109">
        <v>7746073</v>
      </c>
      <c r="NK25" s="110">
        <v>50727753</v>
      </c>
      <c r="NL25" s="298">
        <v>50727753</v>
      </c>
      <c r="NM25" s="129">
        <v>0</v>
      </c>
      <c r="NN25" s="109">
        <v>0</v>
      </c>
      <c r="NO25" s="110">
        <v>0</v>
      </c>
      <c r="NP25" s="132"/>
      <c r="NQ25" s="109">
        <v>0</v>
      </c>
      <c r="NR25" s="109">
        <v>0</v>
      </c>
      <c r="NS25" s="109">
        <v>0</v>
      </c>
      <c r="NT25" s="109">
        <v>315708</v>
      </c>
      <c r="NU25" s="109">
        <v>0</v>
      </c>
      <c r="NV25" s="110">
        <v>315708</v>
      </c>
      <c r="NW25" s="111">
        <v>315708</v>
      </c>
      <c r="NX25" s="129">
        <v>0</v>
      </c>
      <c r="NY25" s="109">
        <v>0</v>
      </c>
      <c r="NZ25" s="110">
        <v>0</v>
      </c>
      <c r="OA25" s="132"/>
      <c r="OB25" s="109">
        <v>0</v>
      </c>
      <c r="OC25" s="109">
        <v>0</v>
      </c>
      <c r="OD25" s="109">
        <v>0</v>
      </c>
      <c r="OE25" s="109">
        <v>1109824</v>
      </c>
      <c r="OF25" s="109">
        <v>1676670</v>
      </c>
      <c r="OG25" s="110">
        <v>2786494</v>
      </c>
      <c r="OH25" s="111">
        <v>2786494</v>
      </c>
      <c r="OI25" s="129">
        <v>5229104</v>
      </c>
      <c r="OJ25" s="109">
        <v>12167705</v>
      </c>
      <c r="OK25" s="128">
        <v>17396809</v>
      </c>
      <c r="OL25" s="108">
        <v>0</v>
      </c>
      <c r="OM25" s="109">
        <v>107052385</v>
      </c>
      <c r="ON25" s="109">
        <v>114425165</v>
      </c>
      <c r="OO25" s="109">
        <v>148704622</v>
      </c>
      <c r="OP25" s="109">
        <v>156100001</v>
      </c>
      <c r="OQ25" s="109">
        <v>93786169</v>
      </c>
      <c r="OR25" s="110">
        <v>620068342</v>
      </c>
      <c r="OS25" s="130">
        <v>637465151</v>
      </c>
    </row>
    <row r="26" spans="2:409" ht="21" customHeight="1" x14ac:dyDescent="0.2">
      <c r="B26" s="472" t="s">
        <v>21</v>
      </c>
      <c r="C26" s="100">
        <v>6073637</v>
      </c>
      <c r="D26" s="104">
        <v>12206515</v>
      </c>
      <c r="E26" s="103">
        <v>18280152</v>
      </c>
      <c r="F26" s="99">
        <v>0</v>
      </c>
      <c r="G26" s="104">
        <v>73229267</v>
      </c>
      <c r="H26" s="104">
        <v>104253186</v>
      </c>
      <c r="I26" s="104">
        <v>91025606</v>
      </c>
      <c r="J26" s="104">
        <v>85537803</v>
      </c>
      <c r="K26" s="104">
        <v>58931443</v>
      </c>
      <c r="L26" s="160">
        <v>412977305</v>
      </c>
      <c r="M26" s="106">
        <v>431257457</v>
      </c>
      <c r="N26" s="100">
        <v>2149988</v>
      </c>
      <c r="O26" s="104">
        <v>4296704</v>
      </c>
      <c r="P26" s="103">
        <v>6446692</v>
      </c>
      <c r="Q26" s="100">
        <v>0</v>
      </c>
      <c r="R26" s="104">
        <v>22981927</v>
      </c>
      <c r="S26" s="104">
        <v>38903575</v>
      </c>
      <c r="T26" s="104">
        <v>29729759</v>
      </c>
      <c r="U26" s="104">
        <v>37654669</v>
      </c>
      <c r="V26" s="104">
        <v>28876251</v>
      </c>
      <c r="W26" s="103">
        <v>158146181</v>
      </c>
      <c r="X26" s="106">
        <v>164592873</v>
      </c>
      <c r="Y26" s="100">
        <v>0</v>
      </c>
      <c r="Z26" s="104">
        <v>0</v>
      </c>
      <c r="AA26" s="103">
        <v>0</v>
      </c>
      <c r="AB26" s="100">
        <v>0</v>
      </c>
      <c r="AC26" s="104">
        <v>9571341</v>
      </c>
      <c r="AD26" s="104">
        <v>19974602</v>
      </c>
      <c r="AE26" s="104">
        <v>16705696</v>
      </c>
      <c r="AF26" s="104">
        <v>23689198</v>
      </c>
      <c r="AG26" s="104">
        <v>17202437</v>
      </c>
      <c r="AH26" s="103">
        <v>87143274</v>
      </c>
      <c r="AI26" s="106">
        <v>87143274</v>
      </c>
      <c r="AJ26" s="100">
        <v>0</v>
      </c>
      <c r="AK26" s="104">
        <v>0</v>
      </c>
      <c r="AL26" s="103">
        <v>0</v>
      </c>
      <c r="AM26" s="100">
        <v>0</v>
      </c>
      <c r="AN26" s="104">
        <v>15031</v>
      </c>
      <c r="AO26" s="104">
        <v>449325</v>
      </c>
      <c r="AP26" s="104">
        <v>841021</v>
      </c>
      <c r="AQ26" s="104">
        <v>2428019</v>
      </c>
      <c r="AR26" s="104">
        <v>2941126</v>
      </c>
      <c r="AS26" s="103">
        <v>6674522</v>
      </c>
      <c r="AT26" s="106">
        <v>6674522</v>
      </c>
      <c r="AU26" s="100">
        <v>1139938</v>
      </c>
      <c r="AV26" s="104">
        <v>2875848</v>
      </c>
      <c r="AW26" s="103">
        <v>4015786</v>
      </c>
      <c r="AX26" s="100">
        <v>0</v>
      </c>
      <c r="AY26" s="104">
        <v>8715293</v>
      </c>
      <c r="AZ26" s="104">
        <v>12081322</v>
      </c>
      <c r="BA26" s="104">
        <v>6847843</v>
      </c>
      <c r="BB26" s="104">
        <v>7301319</v>
      </c>
      <c r="BC26" s="104">
        <v>5331518</v>
      </c>
      <c r="BD26" s="103">
        <v>40277295</v>
      </c>
      <c r="BE26" s="106">
        <v>44293081</v>
      </c>
      <c r="BF26" s="100">
        <v>417790</v>
      </c>
      <c r="BG26" s="104">
        <v>979232</v>
      </c>
      <c r="BH26" s="102">
        <v>1397022</v>
      </c>
      <c r="BI26" s="101">
        <v>0</v>
      </c>
      <c r="BJ26" s="104">
        <v>953528</v>
      </c>
      <c r="BK26" s="104">
        <v>1577364</v>
      </c>
      <c r="BL26" s="104">
        <v>775340</v>
      </c>
      <c r="BM26" s="104">
        <v>555423</v>
      </c>
      <c r="BN26" s="104">
        <v>256455</v>
      </c>
      <c r="BO26" s="103">
        <v>4118110</v>
      </c>
      <c r="BP26" s="106">
        <v>5515132</v>
      </c>
      <c r="BQ26" s="100">
        <v>592260</v>
      </c>
      <c r="BR26" s="104">
        <v>441624</v>
      </c>
      <c r="BS26" s="103">
        <v>1033884</v>
      </c>
      <c r="BT26" s="100">
        <v>0</v>
      </c>
      <c r="BU26" s="104">
        <v>3726734</v>
      </c>
      <c r="BV26" s="104">
        <v>4820962</v>
      </c>
      <c r="BW26" s="104">
        <v>4559859</v>
      </c>
      <c r="BX26" s="104">
        <v>3680710</v>
      </c>
      <c r="BY26" s="104">
        <v>3144715</v>
      </c>
      <c r="BZ26" s="103">
        <v>19932980</v>
      </c>
      <c r="CA26" s="106">
        <v>20966864</v>
      </c>
      <c r="CB26" s="100">
        <v>592766</v>
      </c>
      <c r="CC26" s="104">
        <v>1762939</v>
      </c>
      <c r="CD26" s="103">
        <v>2355705</v>
      </c>
      <c r="CE26" s="100">
        <v>0</v>
      </c>
      <c r="CF26" s="104">
        <v>20876332</v>
      </c>
      <c r="CG26" s="104">
        <v>28845843</v>
      </c>
      <c r="CH26" s="104">
        <v>22541067</v>
      </c>
      <c r="CI26" s="104">
        <v>14041217</v>
      </c>
      <c r="CJ26" s="104">
        <v>4810108</v>
      </c>
      <c r="CK26" s="103">
        <v>91114567</v>
      </c>
      <c r="CL26" s="106">
        <v>93470272</v>
      </c>
      <c r="CM26" s="100">
        <v>0</v>
      </c>
      <c r="CN26" s="104">
        <v>0</v>
      </c>
      <c r="CO26" s="103">
        <v>0</v>
      </c>
      <c r="CP26" s="101">
        <v>0</v>
      </c>
      <c r="CQ26" s="104">
        <v>17711736</v>
      </c>
      <c r="CR26" s="104">
        <v>24790387</v>
      </c>
      <c r="CS26" s="104">
        <v>19837631</v>
      </c>
      <c r="CT26" s="104">
        <v>12015782</v>
      </c>
      <c r="CU26" s="104">
        <v>3758542</v>
      </c>
      <c r="CV26" s="103">
        <v>78114078</v>
      </c>
      <c r="CW26" s="106">
        <v>78114078</v>
      </c>
      <c r="CX26" s="100">
        <v>592766</v>
      </c>
      <c r="CY26" s="104">
        <v>1762939</v>
      </c>
      <c r="CZ26" s="103">
        <v>2355705</v>
      </c>
      <c r="DA26" s="100">
        <v>0</v>
      </c>
      <c r="DB26" s="104">
        <v>3164596</v>
      </c>
      <c r="DC26" s="104">
        <v>4055456</v>
      </c>
      <c r="DD26" s="104">
        <v>2703436</v>
      </c>
      <c r="DE26" s="104">
        <v>2025435</v>
      </c>
      <c r="DF26" s="104">
        <v>1051566</v>
      </c>
      <c r="DG26" s="103">
        <v>13000489</v>
      </c>
      <c r="DH26" s="106">
        <v>15356194</v>
      </c>
      <c r="DI26" s="100">
        <v>6513</v>
      </c>
      <c r="DJ26" s="104">
        <v>226636</v>
      </c>
      <c r="DK26" s="102">
        <v>233149</v>
      </c>
      <c r="DL26" s="101">
        <v>0</v>
      </c>
      <c r="DM26" s="104">
        <v>1073057</v>
      </c>
      <c r="DN26" s="104">
        <v>3276576</v>
      </c>
      <c r="DO26" s="104">
        <v>8697291</v>
      </c>
      <c r="DP26" s="104">
        <v>9352277</v>
      </c>
      <c r="DQ26" s="104">
        <v>5601632</v>
      </c>
      <c r="DR26" s="103">
        <v>28000833</v>
      </c>
      <c r="DS26" s="106">
        <v>28233982</v>
      </c>
      <c r="DT26" s="100">
        <v>6513</v>
      </c>
      <c r="DU26" s="104">
        <v>226636</v>
      </c>
      <c r="DV26" s="103">
        <v>233149</v>
      </c>
      <c r="DW26" s="100">
        <v>0</v>
      </c>
      <c r="DX26" s="104">
        <v>941831</v>
      </c>
      <c r="DY26" s="104">
        <v>3156814</v>
      </c>
      <c r="DZ26" s="104">
        <v>8396080</v>
      </c>
      <c r="EA26" s="104">
        <v>9051508</v>
      </c>
      <c r="EB26" s="104">
        <v>5363619</v>
      </c>
      <c r="EC26" s="103">
        <v>26909852</v>
      </c>
      <c r="ED26" s="106">
        <v>27143001</v>
      </c>
      <c r="EE26" s="100">
        <v>0</v>
      </c>
      <c r="EF26" s="102">
        <v>0</v>
      </c>
      <c r="EG26" s="103">
        <v>0</v>
      </c>
      <c r="EH26" s="100">
        <v>0</v>
      </c>
      <c r="EI26" s="104">
        <v>131226</v>
      </c>
      <c r="EJ26" s="104">
        <v>119762</v>
      </c>
      <c r="EK26" s="104">
        <v>301211</v>
      </c>
      <c r="EL26" s="104">
        <v>300769</v>
      </c>
      <c r="EM26" s="104">
        <v>238013</v>
      </c>
      <c r="EN26" s="102">
        <v>1090981</v>
      </c>
      <c r="EO26" s="106">
        <v>1090981</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1235895</v>
      </c>
      <c r="FM26" s="104">
        <v>2504220</v>
      </c>
      <c r="FN26" s="103">
        <v>3740115</v>
      </c>
      <c r="FO26" s="100">
        <v>0</v>
      </c>
      <c r="FP26" s="104">
        <v>3579768</v>
      </c>
      <c r="FQ26" s="104">
        <v>9035390</v>
      </c>
      <c r="FR26" s="104">
        <v>6583778</v>
      </c>
      <c r="FS26" s="104">
        <v>6462856</v>
      </c>
      <c r="FT26" s="104">
        <v>3736652</v>
      </c>
      <c r="FU26" s="103">
        <v>29398444</v>
      </c>
      <c r="FV26" s="106">
        <v>33138559</v>
      </c>
      <c r="FW26" s="105">
        <v>963005</v>
      </c>
      <c r="FX26" s="104">
        <v>2154696</v>
      </c>
      <c r="FY26" s="102">
        <v>3117701</v>
      </c>
      <c r="FZ26" s="101">
        <v>0</v>
      </c>
      <c r="GA26" s="104">
        <v>2905995</v>
      </c>
      <c r="GB26" s="104">
        <v>8599429</v>
      </c>
      <c r="GC26" s="104">
        <v>6010969</v>
      </c>
      <c r="GD26" s="104">
        <v>5886208</v>
      </c>
      <c r="GE26" s="104">
        <v>3685982</v>
      </c>
      <c r="GF26" s="103">
        <v>27088583</v>
      </c>
      <c r="GG26" s="296">
        <v>30206284</v>
      </c>
      <c r="GH26" s="105">
        <v>48960</v>
      </c>
      <c r="GI26" s="104">
        <v>41283</v>
      </c>
      <c r="GJ26" s="102">
        <v>90243</v>
      </c>
      <c r="GK26" s="101">
        <v>0</v>
      </c>
      <c r="GL26" s="104">
        <v>171576</v>
      </c>
      <c r="GM26" s="104">
        <v>235711</v>
      </c>
      <c r="GN26" s="104">
        <v>165909</v>
      </c>
      <c r="GO26" s="104">
        <v>199548</v>
      </c>
      <c r="GP26" s="104">
        <v>50670</v>
      </c>
      <c r="GQ26" s="103">
        <v>823414</v>
      </c>
      <c r="GR26" s="106">
        <v>913657</v>
      </c>
      <c r="GS26" s="100">
        <v>223930</v>
      </c>
      <c r="GT26" s="104">
        <v>308241</v>
      </c>
      <c r="GU26" s="103">
        <v>532171</v>
      </c>
      <c r="GV26" s="100">
        <v>0</v>
      </c>
      <c r="GW26" s="104">
        <v>502197</v>
      </c>
      <c r="GX26" s="104">
        <v>200250</v>
      </c>
      <c r="GY26" s="104">
        <v>406900</v>
      </c>
      <c r="GZ26" s="104">
        <v>377100</v>
      </c>
      <c r="HA26" s="104">
        <v>0</v>
      </c>
      <c r="HB26" s="102">
        <v>1486447</v>
      </c>
      <c r="HC26" s="106">
        <v>2018618</v>
      </c>
      <c r="HD26" s="100">
        <v>819986</v>
      </c>
      <c r="HE26" s="104">
        <v>1410386</v>
      </c>
      <c r="HF26" s="102">
        <v>2230372</v>
      </c>
      <c r="HG26" s="101">
        <v>0</v>
      </c>
      <c r="HH26" s="104">
        <v>12933404</v>
      </c>
      <c r="HI26" s="104">
        <v>11384145</v>
      </c>
      <c r="HJ26" s="104">
        <v>14993181</v>
      </c>
      <c r="HK26" s="104">
        <v>12115028</v>
      </c>
      <c r="HL26" s="104">
        <v>12646999</v>
      </c>
      <c r="HM26" s="103">
        <v>64072757</v>
      </c>
      <c r="HN26" s="99">
        <v>66303129</v>
      </c>
      <c r="HO26" s="105">
        <v>1268489</v>
      </c>
      <c r="HP26" s="104">
        <v>2005630</v>
      </c>
      <c r="HQ26" s="103">
        <v>3274119</v>
      </c>
      <c r="HR26" s="100">
        <v>0</v>
      </c>
      <c r="HS26" s="104">
        <v>11784779</v>
      </c>
      <c r="HT26" s="104">
        <v>12807657</v>
      </c>
      <c r="HU26" s="104">
        <v>8480530</v>
      </c>
      <c r="HV26" s="104">
        <v>5911756</v>
      </c>
      <c r="HW26" s="104">
        <v>3259801</v>
      </c>
      <c r="HX26" s="102">
        <v>42244523</v>
      </c>
      <c r="HY26" s="106">
        <v>45518642</v>
      </c>
      <c r="HZ26" s="137">
        <v>0</v>
      </c>
      <c r="IA26" s="122">
        <v>0</v>
      </c>
      <c r="IB26" s="137">
        <v>0</v>
      </c>
      <c r="IC26" s="121">
        <v>0</v>
      </c>
      <c r="ID26" s="122">
        <v>15895720</v>
      </c>
      <c r="IE26" s="123">
        <v>22899546</v>
      </c>
      <c r="IF26" s="124">
        <v>22027539</v>
      </c>
      <c r="IG26" s="122">
        <v>10257703</v>
      </c>
      <c r="IH26" s="124">
        <v>7959958</v>
      </c>
      <c r="II26" s="125">
        <v>79040466</v>
      </c>
      <c r="IJ26" s="137">
        <v>79040466</v>
      </c>
      <c r="IK26" s="219">
        <v>0</v>
      </c>
      <c r="IL26" s="223">
        <v>0</v>
      </c>
      <c r="IM26" s="224">
        <v>0</v>
      </c>
      <c r="IN26" s="127"/>
      <c r="IO26" s="109">
        <v>313410</v>
      </c>
      <c r="IP26" s="109">
        <v>774935</v>
      </c>
      <c r="IQ26" s="109">
        <v>439964</v>
      </c>
      <c r="IR26" s="109">
        <v>1206770</v>
      </c>
      <c r="IS26" s="109">
        <v>0</v>
      </c>
      <c r="IT26" s="128">
        <v>2735079</v>
      </c>
      <c r="IU26" s="298">
        <v>2735079</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8888100</v>
      </c>
      <c r="JL26" s="109">
        <v>11270620</v>
      </c>
      <c r="JM26" s="109">
        <v>6919415</v>
      </c>
      <c r="JN26" s="109">
        <v>2642159</v>
      </c>
      <c r="JO26" s="109">
        <v>1305428</v>
      </c>
      <c r="JP26" s="110">
        <v>31025722</v>
      </c>
      <c r="JQ26" s="298">
        <v>31025722</v>
      </c>
      <c r="JR26" s="129">
        <v>0</v>
      </c>
      <c r="JS26" s="109">
        <v>0</v>
      </c>
      <c r="JT26" s="128">
        <v>0</v>
      </c>
      <c r="JU26" s="108">
        <v>0</v>
      </c>
      <c r="JV26" s="109">
        <v>0</v>
      </c>
      <c r="JW26" s="109">
        <v>0</v>
      </c>
      <c r="JX26" s="109">
        <v>0</v>
      </c>
      <c r="JY26" s="109">
        <v>206730</v>
      </c>
      <c r="JZ26" s="109">
        <v>0</v>
      </c>
      <c r="KA26" s="110">
        <v>206730</v>
      </c>
      <c r="KB26" s="298">
        <v>206730</v>
      </c>
      <c r="KC26" s="221">
        <v>0</v>
      </c>
      <c r="KD26" s="217">
        <v>0</v>
      </c>
      <c r="KE26" s="110">
        <v>0</v>
      </c>
      <c r="KF26" s="108">
        <v>0</v>
      </c>
      <c r="KG26" s="109">
        <v>1072020</v>
      </c>
      <c r="KH26" s="109">
        <v>868004</v>
      </c>
      <c r="KI26" s="109">
        <v>4757747</v>
      </c>
      <c r="KJ26" s="109">
        <v>1944483</v>
      </c>
      <c r="KK26" s="109">
        <v>626650</v>
      </c>
      <c r="KL26" s="110">
        <v>9268904</v>
      </c>
      <c r="KM26" s="130">
        <v>9268904</v>
      </c>
      <c r="KN26" s="219">
        <v>0</v>
      </c>
      <c r="KO26" s="223">
        <v>0</v>
      </c>
      <c r="KP26" s="224">
        <v>0</v>
      </c>
      <c r="KQ26" s="127"/>
      <c r="KR26" s="109">
        <v>5331426</v>
      </c>
      <c r="KS26" s="109">
        <v>9391822</v>
      </c>
      <c r="KT26" s="109">
        <v>9910413</v>
      </c>
      <c r="KU26" s="109">
        <v>3648316</v>
      </c>
      <c r="KV26" s="109">
        <v>4267929</v>
      </c>
      <c r="KW26" s="110">
        <v>32549906</v>
      </c>
      <c r="KX26" s="298">
        <v>32549906</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290764</v>
      </c>
      <c r="LZ26" s="109">
        <v>594165</v>
      </c>
      <c r="MA26" s="109">
        <v>0</v>
      </c>
      <c r="MB26" s="109">
        <v>609245</v>
      </c>
      <c r="MC26" s="109">
        <v>1759951</v>
      </c>
      <c r="MD26" s="110">
        <v>3254125</v>
      </c>
      <c r="ME26" s="111">
        <v>3254125</v>
      </c>
      <c r="MF26" s="129">
        <v>0</v>
      </c>
      <c r="MG26" s="109">
        <v>0</v>
      </c>
      <c r="MH26" s="110">
        <v>0</v>
      </c>
      <c r="MI26" s="132"/>
      <c r="MJ26" s="109">
        <v>5170077</v>
      </c>
      <c r="MK26" s="109">
        <v>11080825</v>
      </c>
      <c r="ML26" s="109">
        <v>54611849</v>
      </c>
      <c r="MM26" s="109">
        <v>72262895</v>
      </c>
      <c r="MN26" s="109">
        <v>56117516</v>
      </c>
      <c r="MO26" s="110">
        <v>199243162</v>
      </c>
      <c r="MP26" s="130">
        <v>199243162</v>
      </c>
      <c r="MQ26" s="129">
        <v>0</v>
      </c>
      <c r="MR26" s="109">
        <v>0</v>
      </c>
      <c r="MS26" s="110">
        <v>0</v>
      </c>
      <c r="MT26" s="132"/>
      <c r="MU26" s="109">
        <v>1096565</v>
      </c>
      <c r="MV26" s="109">
        <v>3832304</v>
      </c>
      <c r="MW26" s="109">
        <v>43353542</v>
      </c>
      <c r="MX26" s="109">
        <v>52973421</v>
      </c>
      <c r="MY26" s="109">
        <v>41856846</v>
      </c>
      <c r="MZ26" s="110">
        <v>143112678</v>
      </c>
      <c r="NA26" s="130">
        <v>143112678</v>
      </c>
      <c r="NB26" s="129">
        <v>0</v>
      </c>
      <c r="NC26" s="109">
        <v>0</v>
      </c>
      <c r="ND26" s="110">
        <v>0</v>
      </c>
      <c r="NE26" s="132"/>
      <c r="NF26" s="109">
        <v>4073512</v>
      </c>
      <c r="NG26" s="109">
        <v>7248521</v>
      </c>
      <c r="NH26" s="109">
        <v>10542794</v>
      </c>
      <c r="NI26" s="109">
        <v>15506623</v>
      </c>
      <c r="NJ26" s="109">
        <v>6895114</v>
      </c>
      <c r="NK26" s="110">
        <v>44266564</v>
      </c>
      <c r="NL26" s="298">
        <v>44266564</v>
      </c>
      <c r="NM26" s="129">
        <v>0</v>
      </c>
      <c r="NN26" s="109">
        <v>0</v>
      </c>
      <c r="NO26" s="110">
        <v>0</v>
      </c>
      <c r="NP26" s="132"/>
      <c r="NQ26" s="109">
        <v>0</v>
      </c>
      <c r="NR26" s="109">
        <v>0</v>
      </c>
      <c r="NS26" s="109">
        <v>350395</v>
      </c>
      <c r="NT26" s="109">
        <v>315708</v>
      </c>
      <c r="NU26" s="109">
        <v>677518</v>
      </c>
      <c r="NV26" s="110">
        <v>1343621</v>
      </c>
      <c r="NW26" s="111">
        <v>1343621</v>
      </c>
      <c r="NX26" s="129">
        <v>0</v>
      </c>
      <c r="NY26" s="109">
        <v>0</v>
      </c>
      <c r="NZ26" s="110">
        <v>0</v>
      </c>
      <c r="OA26" s="132"/>
      <c r="OB26" s="109">
        <v>0</v>
      </c>
      <c r="OC26" s="109">
        <v>0</v>
      </c>
      <c r="OD26" s="109">
        <v>365118</v>
      </c>
      <c r="OE26" s="109">
        <v>3467143</v>
      </c>
      <c r="OF26" s="109">
        <v>6688038</v>
      </c>
      <c r="OG26" s="110">
        <v>10520299</v>
      </c>
      <c r="OH26" s="111">
        <v>10520299</v>
      </c>
      <c r="OI26" s="129">
        <v>6073637</v>
      </c>
      <c r="OJ26" s="109">
        <v>12206515</v>
      </c>
      <c r="OK26" s="128">
        <v>18280152</v>
      </c>
      <c r="OL26" s="108">
        <v>0</v>
      </c>
      <c r="OM26" s="109">
        <v>94295064</v>
      </c>
      <c r="ON26" s="109">
        <v>138233557</v>
      </c>
      <c r="OO26" s="109">
        <v>167664994</v>
      </c>
      <c r="OP26" s="109">
        <v>168058401</v>
      </c>
      <c r="OQ26" s="109">
        <v>123008917</v>
      </c>
      <c r="OR26" s="110">
        <v>691260933</v>
      </c>
      <c r="OS26" s="130">
        <v>709541085</v>
      </c>
    </row>
    <row r="27" spans="2:409" ht="21" customHeight="1" x14ac:dyDescent="0.2">
      <c r="B27" s="472" t="s">
        <v>22</v>
      </c>
      <c r="C27" s="100">
        <v>1530630</v>
      </c>
      <c r="D27" s="104">
        <v>4450764</v>
      </c>
      <c r="E27" s="103">
        <v>5981394</v>
      </c>
      <c r="F27" s="99">
        <v>0</v>
      </c>
      <c r="G27" s="104">
        <v>25842926</v>
      </c>
      <c r="H27" s="104">
        <v>31234572</v>
      </c>
      <c r="I27" s="104">
        <v>26064081</v>
      </c>
      <c r="J27" s="104">
        <v>25008971</v>
      </c>
      <c r="K27" s="104">
        <v>17898484</v>
      </c>
      <c r="L27" s="160">
        <v>126049034</v>
      </c>
      <c r="M27" s="106">
        <v>132030428</v>
      </c>
      <c r="N27" s="100">
        <v>280770</v>
      </c>
      <c r="O27" s="104">
        <v>620541</v>
      </c>
      <c r="P27" s="103">
        <v>901311</v>
      </c>
      <c r="Q27" s="100">
        <v>0</v>
      </c>
      <c r="R27" s="104">
        <v>5486400</v>
      </c>
      <c r="S27" s="104">
        <v>7524334</v>
      </c>
      <c r="T27" s="104">
        <v>6347654</v>
      </c>
      <c r="U27" s="104">
        <v>7667983</v>
      </c>
      <c r="V27" s="104">
        <v>9051360</v>
      </c>
      <c r="W27" s="103">
        <v>36077731</v>
      </c>
      <c r="X27" s="106">
        <v>36979042</v>
      </c>
      <c r="Y27" s="100">
        <v>0</v>
      </c>
      <c r="Z27" s="104">
        <v>0</v>
      </c>
      <c r="AA27" s="103">
        <v>0</v>
      </c>
      <c r="AB27" s="100">
        <v>0</v>
      </c>
      <c r="AC27" s="104">
        <v>2290964</v>
      </c>
      <c r="AD27" s="104">
        <v>3565298</v>
      </c>
      <c r="AE27" s="104">
        <v>3182708</v>
      </c>
      <c r="AF27" s="104">
        <v>4394925</v>
      </c>
      <c r="AG27" s="104">
        <v>5454516</v>
      </c>
      <c r="AH27" s="103">
        <v>18888411</v>
      </c>
      <c r="AI27" s="106">
        <v>18888411</v>
      </c>
      <c r="AJ27" s="100">
        <v>0</v>
      </c>
      <c r="AK27" s="104">
        <v>0</v>
      </c>
      <c r="AL27" s="103">
        <v>0</v>
      </c>
      <c r="AM27" s="100">
        <v>0</v>
      </c>
      <c r="AN27" s="104">
        <v>181328</v>
      </c>
      <c r="AO27" s="104">
        <v>63414</v>
      </c>
      <c r="AP27" s="104">
        <v>291193</v>
      </c>
      <c r="AQ27" s="104">
        <v>677483</v>
      </c>
      <c r="AR27" s="104">
        <v>1381358</v>
      </c>
      <c r="AS27" s="103">
        <v>2594776</v>
      </c>
      <c r="AT27" s="106">
        <v>2594776</v>
      </c>
      <c r="AU27" s="100">
        <v>211248</v>
      </c>
      <c r="AV27" s="104">
        <v>323990</v>
      </c>
      <c r="AW27" s="103">
        <v>535238</v>
      </c>
      <c r="AX27" s="100">
        <v>0</v>
      </c>
      <c r="AY27" s="104">
        <v>2141953</v>
      </c>
      <c r="AZ27" s="104">
        <v>2463845</v>
      </c>
      <c r="BA27" s="104">
        <v>1835776</v>
      </c>
      <c r="BB27" s="104">
        <v>1411481</v>
      </c>
      <c r="BC27" s="104">
        <v>1601002</v>
      </c>
      <c r="BD27" s="103">
        <v>9454057</v>
      </c>
      <c r="BE27" s="106">
        <v>9989295</v>
      </c>
      <c r="BF27" s="100">
        <v>0</v>
      </c>
      <c r="BG27" s="104">
        <v>158139</v>
      </c>
      <c r="BH27" s="102">
        <v>158139</v>
      </c>
      <c r="BI27" s="101">
        <v>0</v>
      </c>
      <c r="BJ27" s="104">
        <v>210983</v>
      </c>
      <c r="BK27" s="104">
        <v>375115</v>
      </c>
      <c r="BL27" s="104">
        <v>138342</v>
      </c>
      <c r="BM27" s="104">
        <v>226687</v>
      </c>
      <c r="BN27" s="104">
        <v>124638</v>
      </c>
      <c r="BO27" s="103">
        <v>1075765</v>
      </c>
      <c r="BP27" s="106">
        <v>1233904</v>
      </c>
      <c r="BQ27" s="100">
        <v>69522</v>
      </c>
      <c r="BR27" s="104">
        <v>138412</v>
      </c>
      <c r="BS27" s="103">
        <v>207934</v>
      </c>
      <c r="BT27" s="100">
        <v>0</v>
      </c>
      <c r="BU27" s="104">
        <v>661172</v>
      </c>
      <c r="BV27" s="104">
        <v>1056662</v>
      </c>
      <c r="BW27" s="104">
        <v>899635</v>
      </c>
      <c r="BX27" s="104">
        <v>957407</v>
      </c>
      <c r="BY27" s="104">
        <v>489846</v>
      </c>
      <c r="BZ27" s="103">
        <v>4064722</v>
      </c>
      <c r="CA27" s="106">
        <v>4272656</v>
      </c>
      <c r="CB27" s="100">
        <v>53314</v>
      </c>
      <c r="CC27" s="104">
        <v>523935</v>
      </c>
      <c r="CD27" s="103">
        <v>577249</v>
      </c>
      <c r="CE27" s="100">
        <v>0</v>
      </c>
      <c r="CF27" s="104">
        <v>7749134</v>
      </c>
      <c r="CG27" s="104">
        <v>10714879</v>
      </c>
      <c r="CH27" s="104">
        <v>6150370</v>
      </c>
      <c r="CI27" s="104">
        <v>4697192</v>
      </c>
      <c r="CJ27" s="104">
        <v>2461667</v>
      </c>
      <c r="CK27" s="103">
        <v>31773242</v>
      </c>
      <c r="CL27" s="106">
        <v>32350491</v>
      </c>
      <c r="CM27" s="100">
        <v>0</v>
      </c>
      <c r="CN27" s="104">
        <v>0</v>
      </c>
      <c r="CO27" s="103">
        <v>0</v>
      </c>
      <c r="CP27" s="101">
        <v>0</v>
      </c>
      <c r="CQ27" s="104">
        <v>6727061</v>
      </c>
      <c r="CR27" s="104">
        <v>8746679</v>
      </c>
      <c r="CS27" s="104">
        <v>4952101</v>
      </c>
      <c r="CT27" s="104">
        <v>3661445</v>
      </c>
      <c r="CU27" s="104">
        <v>1864930</v>
      </c>
      <c r="CV27" s="103">
        <v>25952216</v>
      </c>
      <c r="CW27" s="106">
        <v>25952216</v>
      </c>
      <c r="CX27" s="100">
        <v>53314</v>
      </c>
      <c r="CY27" s="104">
        <v>523935</v>
      </c>
      <c r="CZ27" s="103">
        <v>577249</v>
      </c>
      <c r="DA27" s="100">
        <v>0</v>
      </c>
      <c r="DB27" s="104">
        <v>1022073</v>
      </c>
      <c r="DC27" s="104">
        <v>1968200</v>
      </c>
      <c r="DD27" s="104">
        <v>1198269</v>
      </c>
      <c r="DE27" s="104">
        <v>1035747</v>
      </c>
      <c r="DF27" s="104">
        <v>596737</v>
      </c>
      <c r="DG27" s="103">
        <v>5821026</v>
      </c>
      <c r="DH27" s="106">
        <v>6398275</v>
      </c>
      <c r="DI27" s="100">
        <v>0</v>
      </c>
      <c r="DJ27" s="104">
        <v>50758</v>
      </c>
      <c r="DK27" s="102">
        <v>50758</v>
      </c>
      <c r="DL27" s="101">
        <v>0</v>
      </c>
      <c r="DM27" s="104">
        <v>1085039</v>
      </c>
      <c r="DN27" s="104">
        <v>1667471</v>
      </c>
      <c r="DO27" s="104">
        <v>3102568</v>
      </c>
      <c r="DP27" s="104">
        <v>3001508</v>
      </c>
      <c r="DQ27" s="104">
        <v>1448390</v>
      </c>
      <c r="DR27" s="103">
        <v>10304976</v>
      </c>
      <c r="DS27" s="106">
        <v>10355734</v>
      </c>
      <c r="DT27" s="100">
        <v>0</v>
      </c>
      <c r="DU27" s="104">
        <v>50758</v>
      </c>
      <c r="DV27" s="103">
        <v>50758</v>
      </c>
      <c r="DW27" s="100">
        <v>0</v>
      </c>
      <c r="DX27" s="104">
        <v>920303</v>
      </c>
      <c r="DY27" s="104">
        <v>1133756</v>
      </c>
      <c r="DZ27" s="104">
        <v>2343017</v>
      </c>
      <c r="EA27" s="104">
        <v>2634358</v>
      </c>
      <c r="EB27" s="104">
        <v>1267689</v>
      </c>
      <c r="EC27" s="103">
        <v>8299123</v>
      </c>
      <c r="ED27" s="106">
        <v>8349881</v>
      </c>
      <c r="EE27" s="100">
        <v>0</v>
      </c>
      <c r="EF27" s="102">
        <v>0</v>
      </c>
      <c r="EG27" s="103">
        <v>0</v>
      </c>
      <c r="EH27" s="100">
        <v>0</v>
      </c>
      <c r="EI27" s="104">
        <v>164736</v>
      </c>
      <c r="EJ27" s="104">
        <v>533715</v>
      </c>
      <c r="EK27" s="104">
        <v>759551</v>
      </c>
      <c r="EL27" s="104">
        <v>367150</v>
      </c>
      <c r="EM27" s="104">
        <v>180701</v>
      </c>
      <c r="EN27" s="102">
        <v>2005853</v>
      </c>
      <c r="EO27" s="106">
        <v>2005853</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443502</v>
      </c>
      <c r="FM27" s="104">
        <v>1483241</v>
      </c>
      <c r="FN27" s="103">
        <v>1926743</v>
      </c>
      <c r="FO27" s="100">
        <v>0</v>
      </c>
      <c r="FP27" s="104">
        <v>1968306</v>
      </c>
      <c r="FQ27" s="104">
        <v>3203949</v>
      </c>
      <c r="FR27" s="104">
        <v>2480674</v>
      </c>
      <c r="FS27" s="104">
        <v>1881317</v>
      </c>
      <c r="FT27" s="104">
        <v>1619136</v>
      </c>
      <c r="FU27" s="103">
        <v>11153382</v>
      </c>
      <c r="FV27" s="106">
        <v>13080125</v>
      </c>
      <c r="FW27" s="105">
        <v>376011</v>
      </c>
      <c r="FX27" s="104">
        <v>1349889</v>
      </c>
      <c r="FY27" s="102">
        <v>1725900</v>
      </c>
      <c r="FZ27" s="101">
        <v>0</v>
      </c>
      <c r="GA27" s="104">
        <v>1503376</v>
      </c>
      <c r="GB27" s="104">
        <v>2890467</v>
      </c>
      <c r="GC27" s="104">
        <v>2260858</v>
      </c>
      <c r="GD27" s="104">
        <v>1767665</v>
      </c>
      <c r="GE27" s="104">
        <v>1609236</v>
      </c>
      <c r="GF27" s="103">
        <v>10031602</v>
      </c>
      <c r="GG27" s="296">
        <v>11757502</v>
      </c>
      <c r="GH27" s="105">
        <v>27000</v>
      </c>
      <c r="GI27" s="104">
        <v>79200</v>
      </c>
      <c r="GJ27" s="102">
        <v>106200</v>
      </c>
      <c r="GK27" s="101">
        <v>0</v>
      </c>
      <c r="GL27" s="104">
        <v>27000</v>
      </c>
      <c r="GM27" s="104">
        <v>55638</v>
      </c>
      <c r="GN27" s="104">
        <v>82566</v>
      </c>
      <c r="GO27" s="104">
        <v>66132</v>
      </c>
      <c r="GP27" s="104">
        <v>0</v>
      </c>
      <c r="GQ27" s="103">
        <v>231336</v>
      </c>
      <c r="GR27" s="106">
        <v>337536</v>
      </c>
      <c r="GS27" s="100">
        <v>40491</v>
      </c>
      <c r="GT27" s="104">
        <v>54152</v>
      </c>
      <c r="GU27" s="103">
        <v>94643</v>
      </c>
      <c r="GV27" s="100">
        <v>0</v>
      </c>
      <c r="GW27" s="104">
        <v>437930</v>
      </c>
      <c r="GX27" s="104">
        <v>257844</v>
      </c>
      <c r="GY27" s="104">
        <v>137250</v>
      </c>
      <c r="GZ27" s="104">
        <v>47520</v>
      </c>
      <c r="HA27" s="104">
        <v>9900</v>
      </c>
      <c r="HB27" s="102">
        <v>890444</v>
      </c>
      <c r="HC27" s="106">
        <v>985087</v>
      </c>
      <c r="HD27" s="100">
        <v>395582</v>
      </c>
      <c r="HE27" s="104">
        <v>686103</v>
      </c>
      <c r="HF27" s="102">
        <v>1081685</v>
      </c>
      <c r="HG27" s="101">
        <v>0</v>
      </c>
      <c r="HH27" s="104">
        <v>5043312</v>
      </c>
      <c r="HI27" s="104">
        <v>3723013</v>
      </c>
      <c r="HJ27" s="104">
        <v>5210192</v>
      </c>
      <c r="HK27" s="104">
        <v>6002532</v>
      </c>
      <c r="HL27" s="104">
        <v>2058393</v>
      </c>
      <c r="HM27" s="103">
        <v>22037442</v>
      </c>
      <c r="HN27" s="99">
        <v>23119127</v>
      </c>
      <c r="HO27" s="105">
        <v>357462</v>
      </c>
      <c r="HP27" s="104">
        <v>1086186</v>
      </c>
      <c r="HQ27" s="103">
        <v>1443648</v>
      </c>
      <c r="HR27" s="100">
        <v>0</v>
      </c>
      <c r="HS27" s="104">
        <v>4510735</v>
      </c>
      <c r="HT27" s="104">
        <v>4400926</v>
      </c>
      <c r="HU27" s="104">
        <v>2772623</v>
      </c>
      <c r="HV27" s="104">
        <v>1758439</v>
      </c>
      <c r="HW27" s="104">
        <v>1259538</v>
      </c>
      <c r="HX27" s="102">
        <v>14702261</v>
      </c>
      <c r="HY27" s="106">
        <v>16145909</v>
      </c>
      <c r="HZ27" s="118">
        <v>140625</v>
      </c>
      <c r="IA27" s="119">
        <v>334332</v>
      </c>
      <c r="IB27" s="120">
        <v>474957</v>
      </c>
      <c r="IC27" s="133">
        <v>0</v>
      </c>
      <c r="ID27" s="119">
        <v>11846100</v>
      </c>
      <c r="IE27" s="134">
        <v>14223956</v>
      </c>
      <c r="IF27" s="120">
        <v>12855877</v>
      </c>
      <c r="IG27" s="119">
        <v>13852226</v>
      </c>
      <c r="IH27" s="120">
        <v>6073569</v>
      </c>
      <c r="II27" s="135">
        <v>58851728</v>
      </c>
      <c r="IJ27" s="126">
        <v>59326685</v>
      </c>
      <c r="IK27" s="219">
        <v>0</v>
      </c>
      <c r="IL27" s="223">
        <v>0</v>
      </c>
      <c r="IM27" s="224">
        <v>0</v>
      </c>
      <c r="IN27" s="127"/>
      <c r="IO27" s="109">
        <v>103761</v>
      </c>
      <c r="IP27" s="109">
        <v>881625</v>
      </c>
      <c r="IQ27" s="109">
        <v>468489</v>
      </c>
      <c r="IR27" s="109">
        <v>537633</v>
      </c>
      <c r="IS27" s="109">
        <v>0</v>
      </c>
      <c r="IT27" s="128">
        <v>1991508</v>
      </c>
      <c r="IU27" s="298">
        <v>1991508</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7031405</v>
      </c>
      <c r="JL27" s="109">
        <v>6121919</v>
      </c>
      <c r="JM27" s="109">
        <v>4942376</v>
      </c>
      <c r="JN27" s="109">
        <v>3917839</v>
      </c>
      <c r="JO27" s="109">
        <v>947556</v>
      </c>
      <c r="JP27" s="110">
        <v>22961095</v>
      </c>
      <c r="JQ27" s="298">
        <v>22961095</v>
      </c>
      <c r="JR27" s="129">
        <v>0</v>
      </c>
      <c r="JS27" s="109">
        <v>0</v>
      </c>
      <c r="JT27" s="128">
        <v>0</v>
      </c>
      <c r="JU27" s="108">
        <v>0</v>
      </c>
      <c r="JV27" s="109">
        <v>66564</v>
      </c>
      <c r="JW27" s="109">
        <v>635247</v>
      </c>
      <c r="JX27" s="109">
        <v>818956</v>
      </c>
      <c r="JY27" s="109">
        <v>402701</v>
      </c>
      <c r="JZ27" s="109">
        <v>581787</v>
      </c>
      <c r="KA27" s="110">
        <v>2505255</v>
      </c>
      <c r="KB27" s="298">
        <v>2505255</v>
      </c>
      <c r="KC27" s="221">
        <v>140625</v>
      </c>
      <c r="KD27" s="217">
        <v>334332</v>
      </c>
      <c r="KE27" s="110">
        <v>474957</v>
      </c>
      <c r="KF27" s="108">
        <v>0</v>
      </c>
      <c r="KG27" s="109">
        <v>2293791</v>
      </c>
      <c r="KH27" s="109">
        <v>2985876</v>
      </c>
      <c r="KI27" s="109">
        <v>3443374</v>
      </c>
      <c r="KJ27" s="109">
        <v>2208303</v>
      </c>
      <c r="KK27" s="109">
        <v>859842</v>
      </c>
      <c r="KL27" s="110">
        <v>11791186</v>
      </c>
      <c r="KM27" s="130">
        <v>12266143</v>
      </c>
      <c r="KN27" s="219">
        <v>0</v>
      </c>
      <c r="KO27" s="223">
        <v>0</v>
      </c>
      <c r="KP27" s="224">
        <v>0</v>
      </c>
      <c r="KQ27" s="127"/>
      <c r="KR27" s="109">
        <v>2350579</v>
      </c>
      <c r="KS27" s="109">
        <v>3158937</v>
      </c>
      <c r="KT27" s="109">
        <v>2608023</v>
      </c>
      <c r="KU27" s="109">
        <v>1993464</v>
      </c>
      <c r="KV27" s="109">
        <v>750582</v>
      </c>
      <c r="KW27" s="110">
        <v>10861585</v>
      </c>
      <c r="KX27" s="298">
        <v>10861585</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440352</v>
      </c>
      <c r="LP27" s="109">
        <v>574659</v>
      </c>
      <c r="LQ27" s="109">
        <v>4792286</v>
      </c>
      <c r="LR27" s="109">
        <v>2933802</v>
      </c>
      <c r="LS27" s="110">
        <v>8741099</v>
      </c>
      <c r="LT27" s="298">
        <v>8741099</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3446958</v>
      </c>
      <c r="MK27" s="109">
        <v>6399932</v>
      </c>
      <c r="ML27" s="109">
        <v>22423033</v>
      </c>
      <c r="MM27" s="109">
        <v>31689906</v>
      </c>
      <c r="MN27" s="109">
        <v>15425291</v>
      </c>
      <c r="MO27" s="110">
        <v>79385120</v>
      </c>
      <c r="MP27" s="130">
        <v>79385120</v>
      </c>
      <c r="MQ27" s="129">
        <v>0</v>
      </c>
      <c r="MR27" s="109">
        <v>0</v>
      </c>
      <c r="MS27" s="110">
        <v>0</v>
      </c>
      <c r="MT27" s="132"/>
      <c r="MU27" s="109">
        <v>429101</v>
      </c>
      <c r="MV27" s="109">
        <v>866285</v>
      </c>
      <c r="MW27" s="109">
        <v>14393701</v>
      </c>
      <c r="MX27" s="109">
        <v>15293793</v>
      </c>
      <c r="MY27" s="109">
        <v>9579356</v>
      </c>
      <c r="MZ27" s="110">
        <v>40562236</v>
      </c>
      <c r="NA27" s="130">
        <v>40562236</v>
      </c>
      <c r="NB27" s="129">
        <v>0</v>
      </c>
      <c r="NC27" s="109">
        <v>0</v>
      </c>
      <c r="ND27" s="110">
        <v>0</v>
      </c>
      <c r="NE27" s="132"/>
      <c r="NF27" s="109">
        <v>3017857</v>
      </c>
      <c r="NG27" s="109">
        <v>5533647</v>
      </c>
      <c r="NH27" s="109">
        <v>8029332</v>
      </c>
      <c r="NI27" s="109">
        <v>14079714</v>
      </c>
      <c r="NJ27" s="109">
        <v>5023049</v>
      </c>
      <c r="NK27" s="110">
        <v>35683599</v>
      </c>
      <c r="NL27" s="298">
        <v>35683599</v>
      </c>
      <c r="NM27" s="129">
        <v>0</v>
      </c>
      <c r="NN27" s="109">
        <v>0</v>
      </c>
      <c r="NO27" s="110">
        <v>0</v>
      </c>
      <c r="NP27" s="132"/>
      <c r="NQ27" s="109">
        <v>0</v>
      </c>
      <c r="NR27" s="109">
        <v>0</v>
      </c>
      <c r="NS27" s="109">
        <v>0</v>
      </c>
      <c r="NT27" s="109">
        <v>0</v>
      </c>
      <c r="NU27" s="109">
        <v>127681</v>
      </c>
      <c r="NV27" s="110">
        <v>127681</v>
      </c>
      <c r="NW27" s="111">
        <v>127681</v>
      </c>
      <c r="NX27" s="129">
        <v>0</v>
      </c>
      <c r="NY27" s="109">
        <v>0</v>
      </c>
      <c r="NZ27" s="110">
        <v>0</v>
      </c>
      <c r="OA27" s="132"/>
      <c r="OB27" s="109">
        <v>0</v>
      </c>
      <c r="OC27" s="109">
        <v>0</v>
      </c>
      <c r="OD27" s="109">
        <v>0</v>
      </c>
      <c r="OE27" s="109">
        <v>2316399</v>
      </c>
      <c r="OF27" s="109">
        <v>695205</v>
      </c>
      <c r="OG27" s="110">
        <v>3011604</v>
      </c>
      <c r="OH27" s="111">
        <v>3011604</v>
      </c>
      <c r="OI27" s="129">
        <v>1671255</v>
      </c>
      <c r="OJ27" s="109">
        <v>4785096</v>
      </c>
      <c r="OK27" s="128">
        <v>6456351</v>
      </c>
      <c r="OL27" s="108">
        <v>0</v>
      </c>
      <c r="OM27" s="109">
        <v>41135984</v>
      </c>
      <c r="ON27" s="109">
        <v>51858460</v>
      </c>
      <c r="OO27" s="109">
        <v>61342991</v>
      </c>
      <c r="OP27" s="109">
        <v>70551103</v>
      </c>
      <c r="OQ27" s="109">
        <v>39397344</v>
      </c>
      <c r="OR27" s="110">
        <v>264285882</v>
      </c>
      <c r="OS27" s="130">
        <v>270742233</v>
      </c>
    </row>
    <row r="28" spans="2:409" ht="21" customHeight="1" x14ac:dyDescent="0.2">
      <c r="B28" s="472" t="s">
        <v>23</v>
      </c>
      <c r="C28" s="100">
        <v>2971428</v>
      </c>
      <c r="D28" s="104">
        <v>6059378</v>
      </c>
      <c r="E28" s="103">
        <v>9030806</v>
      </c>
      <c r="F28" s="99">
        <v>0</v>
      </c>
      <c r="G28" s="104">
        <v>51557578</v>
      </c>
      <c r="H28" s="104">
        <v>65501076</v>
      </c>
      <c r="I28" s="104">
        <v>48309181</v>
      </c>
      <c r="J28" s="104">
        <v>56832666</v>
      </c>
      <c r="K28" s="104">
        <v>34318425</v>
      </c>
      <c r="L28" s="160">
        <v>256518926</v>
      </c>
      <c r="M28" s="106">
        <v>265549732</v>
      </c>
      <c r="N28" s="100">
        <v>1121327</v>
      </c>
      <c r="O28" s="104">
        <v>2183594</v>
      </c>
      <c r="P28" s="103">
        <v>3304921</v>
      </c>
      <c r="Q28" s="100">
        <v>0</v>
      </c>
      <c r="R28" s="104">
        <v>12739559</v>
      </c>
      <c r="S28" s="104">
        <v>18691780</v>
      </c>
      <c r="T28" s="104">
        <v>13589642</v>
      </c>
      <c r="U28" s="104">
        <v>15880640</v>
      </c>
      <c r="V28" s="104">
        <v>12966605</v>
      </c>
      <c r="W28" s="103">
        <v>73868226</v>
      </c>
      <c r="X28" s="106">
        <v>77173147</v>
      </c>
      <c r="Y28" s="100">
        <v>0</v>
      </c>
      <c r="Z28" s="104">
        <v>0</v>
      </c>
      <c r="AA28" s="103">
        <v>0</v>
      </c>
      <c r="AB28" s="100">
        <v>0</v>
      </c>
      <c r="AC28" s="104">
        <v>5835196</v>
      </c>
      <c r="AD28" s="104">
        <v>7709663</v>
      </c>
      <c r="AE28" s="104">
        <v>7598834</v>
      </c>
      <c r="AF28" s="104">
        <v>7715770</v>
      </c>
      <c r="AG28" s="104">
        <v>7243490</v>
      </c>
      <c r="AH28" s="103">
        <v>36102953</v>
      </c>
      <c r="AI28" s="106">
        <v>36102953</v>
      </c>
      <c r="AJ28" s="100">
        <v>0</v>
      </c>
      <c r="AK28" s="104">
        <v>0</v>
      </c>
      <c r="AL28" s="103">
        <v>0</v>
      </c>
      <c r="AM28" s="100">
        <v>0</v>
      </c>
      <c r="AN28" s="104">
        <v>51149</v>
      </c>
      <c r="AO28" s="104">
        <v>160395</v>
      </c>
      <c r="AP28" s="104">
        <v>445737</v>
      </c>
      <c r="AQ28" s="104">
        <v>1072275</v>
      </c>
      <c r="AR28" s="104">
        <v>1299841</v>
      </c>
      <c r="AS28" s="103">
        <v>3029397</v>
      </c>
      <c r="AT28" s="106">
        <v>3029397</v>
      </c>
      <c r="AU28" s="100">
        <v>777686</v>
      </c>
      <c r="AV28" s="104">
        <v>1784537</v>
      </c>
      <c r="AW28" s="103">
        <v>2562223</v>
      </c>
      <c r="AX28" s="100">
        <v>0</v>
      </c>
      <c r="AY28" s="104">
        <v>3811265</v>
      </c>
      <c r="AZ28" s="104">
        <v>7843096</v>
      </c>
      <c r="BA28" s="104">
        <v>3350748</v>
      </c>
      <c r="BB28" s="104">
        <v>3890410</v>
      </c>
      <c r="BC28" s="104">
        <v>2188070</v>
      </c>
      <c r="BD28" s="103">
        <v>21083589</v>
      </c>
      <c r="BE28" s="106">
        <v>23645812</v>
      </c>
      <c r="BF28" s="100">
        <v>162604</v>
      </c>
      <c r="BG28" s="104">
        <v>258612</v>
      </c>
      <c r="BH28" s="102">
        <v>421216</v>
      </c>
      <c r="BI28" s="101">
        <v>0</v>
      </c>
      <c r="BJ28" s="104">
        <v>402586</v>
      </c>
      <c r="BK28" s="104">
        <v>921130</v>
      </c>
      <c r="BL28" s="104">
        <v>370240</v>
      </c>
      <c r="BM28" s="104">
        <v>488362</v>
      </c>
      <c r="BN28" s="104">
        <v>438514</v>
      </c>
      <c r="BO28" s="103">
        <v>2620832</v>
      </c>
      <c r="BP28" s="106">
        <v>3042048</v>
      </c>
      <c r="BQ28" s="100">
        <v>181037</v>
      </c>
      <c r="BR28" s="104">
        <v>140445</v>
      </c>
      <c r="BS28" s="103">
        <v>321482</v>
      </c>
      <c r="BT28" s="100">
        <v>0</v>
      </c>
      <c r="BU28" s="104">
        <v>2639363</v>
      </c>
      <c r="BV28" s="104">
        <v>2057496</v>
      </c>
      <c r="BW28" s="104">
        <v>1824083</v>
      </c>
      <c r="BX28" s="104">
        <v>2713823</v>
      </c>
      <c r="BY28" s="104">
        <v>1796690</v>
      </c>
      <c r="BZ28" s="103">
        <v>11031455</v>
      </c>
      <c r="CA28" s="106">
        <v>11352937</v>
      </c>
      <c r="CB28" s="100">
        <v>76004</v>
      </c>
      <c r="CC28" s="104">
        <v>507341</v>
      </c>
      <c r="CD28" s="103">
        <v>583345</v>
      </c>
      <c r="CE28" s="100">
        <v>0</v>
      </c>
      <c r="CF28" s="104">
        <v>18126805</v>
      </c>
      <c r="CG28" s="104">
        <v>21913088</v>
      </c>
      <c r="CH28" s="104">
        <v>16501874</v>
      </c>
      <c r="CI28" s="104">
        <v>13915053</v>
      </c>
      <c r="CJ28" s="104">
        <v>4508345</v>
      </c>
      <c r="CK28" s="103">
        <v>74965165</v>
      </c>
      <c r="CL28" s="106">
        <v>75548510</v>
      </c>
      <c r="CM28" s="100">
        <v>0</v>
      </c>
      <c r="CN28" s="104">
        <v>0</v>
      </c>
      <c r="CO28" s="103">
        <v>0</v>
      </c>
      <c r="CP28" s="101">
        <v>0</v>
      </c>
      <c r="CQ28" s="104">
        <v>15552100</v>
      </c>
      <c r="CR28" s="104">
        <v>18266246</v>
      </c>
      <c r="CS28" s="104">
        <v>13087422</v>
      </c>
      <c r="CT28" s="104">
        <v>11189683</v>
      </c>
      <c r="CU28" s="104">
        <v>3924715</v>
      </c>
      <c r="CV28" s="103">
        <v>62020166</v>
      </c>
      <c r="CW28" s="106">
        <v>62020166</v>
      </c>
      <c r="CX28" s="100">
        <v>76004</v>
      </c>
      <c r="CY28" s="104">
        <v>507341</v>
      </c>
      <c r="CZ28" s="103">
        <v>583345</v>
      </c>
      <c r="DA28" s="100">
        <v>0</v>
      </c>
      <c r="DB28" s="104">
        <v>2574705</v>
      </c>
      <c r="DC28" s="104">
        <v>3646842</v>
      </c>
      <c r="DD28" s="104">
        <v>3414452</v>
      </c>
      <c r="DE28" s="104">
        <v>2725370</v>
      </c>
      <c r="DF28" s="104">
        <v>583630</v>
      </c>
      <c r="DG28" s="103">
        <v>12944999</v>
      </c>
      <c r="DH28" s="106">
        <v>13528344</v>
      </c>
      <c r="DI28" s="100">
        <v>56967</v>
      </c>
      <c r="DJ28" s="104">
        <v>41862</v>
      </c>
      <c r="DK28" s="102">
        <v>98829</v>
      </c>
      <c r="DL28" s="101">
        <v>0</v>
      </c>
      <c r="DM28" s="104">
        <v>906007</v>
      </c>
      <c r="DN28" s="104">
        <v>3096621</v>
      </c>
      <c r="DO28" s="104">
        <v>3647441</v>
      </c>
      <c r="DP28" s="104">
        <v>4076218</v>
      </c>
      <c r="DQ28" s="104">
        <v>2973141</v>
      </c>
      <c r="DR28" s="103">
        <v>14699428</v>
      </c>
      <c r="DS28" s="106">
        <v>14798257</v>
      </c>
      <c r="DT28" s="100">
        <v>33811</v>
      </c>
      <c r="DU28" s="104">
        <v>41862</v>
      </c>
      <c r="DV28" s="103">
        <v>75673</v>
      </c>
      <c r="DW28" s="100">
        <v>0</v>
      </c>
      <c r="DX28" s="104">
        <v>773588</v>
      </c>
      <c r="DY28" s="104">
        <v>2958302</v>
      </c>
      <c r="DZ28" s="104">
        <v>3558641</v>
      </c>
      <c r="EA28" s="104">
        <v>3898728</v>
      </c>
      <c r="EB28" s="104">
        <v>2541608</v>
      </c>
      <c r="EC28" s="103">
        <v>13730867</v>
      </c>
      <c r="ED28" s="106">
        <v>13806540</v>
      </c>
      <c r="EE28" s="100">
        <v>23156</v>
      </c>
      <c r="EF28" s="102">
        <v>0</v>
      </c>
      <c r="EG28" s="103">
        <v>23156</v>
      </c>
      <c r="EH28" s="100">
        <v>0</v>
      </c>
      <c r="EI28" s="104">
        <v>132419</v>
      </c>
      <c r="EJ28" s="104">
        <v>138319</v>
      </c>
      <c r="EK28" s="104">
        <v>88800</v>
      </c>
      <c r="EL28" s="104">
        <v>177490</v>
      </c>
      <c r="EM28" s="104">
        <v>431533</v>
      </c>
      <c r="EN28" s="102">
        <v>968561</v>
      </c>
      <c r="EO28" s="106">
        <v>991717</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621545</v>
      </c>
      <c r="FM28" s="104">
        <v>1842870</v>
      </c>
      <c r="FN28" s="103">
        <v>2464415</v>
      </c>
      <c r="FO28" s="100">
        <v>0</v>
      </c>
      <c r="FP28" s="104">
        <v>2906695</v>
      </c>
      <c r="FQ28" s="104">
        <v>6495415</v>
      </c>
      <c r="FR28" s="104">
        <v>3365228</v>
      </c>
      <c r="FS28" s="104">
        <v>4087711</v>
      </c>
      <c r="FT28" s="104">
        <v>2226061</v>
      </c>
      <c r="FU28" s="103">
        <v>19081110</v>
      </c>
      <c r="FV28" s="106">
        <v>21545525</v>
      </c>
      <c r="FW28" s="105">
        <v>447305</v>
      </c>
      <c r="FX28" s="104">
        <v>1622406</v>
      </c>
      <c r="FY28" s="102">
        <v>2069711</v>
      </c>
      <c r="FZ28" s="101">
        <v>0</v>
      </c>
      <c r="GA28" s="104">
        <v>2311654</v>
      </c>
      <c r="GB28" s="104">
        <v>5616023</v>
      </c>
      <c r="GC28" s="104">
        <v>3178478</v>
      </c>
      <c r="GD28" s="104">
        <v>3720511</v>
      </c>
      <c r="GE28" s="104">
        <v>2080081</v>
      </c>
      <c r="GF28" s="103">
        <v>16906747</v>
      </c>
      <c r="GG28" s="296">
        <v>18976458</v>
      </c>
      <c r="GH28" s="105">
        <v>35640</v>
      </c>
      <c r="GI28" s="104">
        <v>33264</v>
      </c>
      <c r="GJ28" s="102">
        <v>68904</v>
      </c>
      <c r="GK28" s="101">
        <v>0</v>
      </c>
      <c r="GL28" s="104">
        <v>142326</v>
      </c>
      <c r="GM28" s="104">
        <v>103452</v>
      </c>
      <c r="GN28" s="104">
        <v>0</v>
      </c>
      <c r="GO28" s="104">
        <v>90000</v>
      </c>
      <c r="GP28" s="104">
        <v>145980</v>
      </c>
      <c r="GQ28" s="103">
        <v>481758</v>
      </c>
      <c r="GR28" s="106">
        <v>550662</v>
      </c>
      <c r="GS28" s="100">
        <v>138600</v>
      </c>
      <c r="GT28" s="104">
        <v>187200</v>
      </c>
      <c r="GU28" s="103">
        <v>325800</v>
      </c>
      <c r="GV28" s="100">
        <v>0</v>
      </c>
      <c r="GW28" s="104">
        <v>452715</v>
      </c>
      <c r="GX28" s="104">
        <v>775940</v>
      </c>
      <c r="GY28" s="104">
        <v>186750</v>
      </c>
      <c r="GZ28" s="104">
        <v>277200</v>
      </c>
      <c r="HA28" s="104">
        <v>0</v>
      </c>
      <c r="HB28" s="102">
        <v>1692605</v>
      </c>
      <c r="HC28" s="106">
        <v>2018405</v>
      </c>
      <c r="HD28" s="100">
        <v>535959</v>
      </c>
      <c r="HE28" s="104">
        <v>201938</v>
      </c>
      <c r="HF28" s="102">
        <v>737897</v>
      </c>
      <c r="HG28" s="101">
        <v>0</v>
      </c>
      <c r="HH28" s="104">
        <v>9057708</v>
      </c>
      <c r="HI28" s="104">
        <v>7081209</v>
      </c>
      <c r="HJ28" s="104">
        <v>6380903</v>
      </c>
      <c r="HK28" s="104">
        <v>15050598</v>
      </c>
      <c r="HL28" s="104">
        <v>9730015</v>
      </c>
      <c r="HM28" s="103">
        <v>47300433</v>
      </c>
      <c r="HN28" s="99">
        <v>48038330</v>
      </c>
      <c r="HO28" s="105">
        <v>559626</v>
      </c>
      <c r="HP28" s="104">
        <v>1281773</v>
      </c>
      <c r="HQ28" s="103">
        <v>1841399</v>
      </c>
      <c r="HR28" s="100">
        <v>0</v>
      </c>
      <c r="HS28" s="104">
        <v>7820804</v>
      </c>
      <c r="HT28" s="104">
        <v>8222963</v>
      </c>
      <c r="HU28" s="104">
        <v>4824093</v>
      </c>
      <c r="HV28" s="104">
        <v>3822446</v>
      </c>
      <c r="HW28" s="104">
        <v>1914258</v>
      </c>
      <c r="HX28" s="102">
        <v>26604564</v>
      </c>
      <c r="HY28" s="106">
        <v>28445963</v>
      </c>
      <c r="HZ28" s="137">
        <v>0</v>
      </c>
      <c r="IA28" s="122">
        <v>0</v>
      </c>
      <c r="IB28" s="137">
        <v>0</v>
      </c>
      <c r="IC28" s="121">
        <v>0</v>
      </c>
      <c r="ID28" s="122">
        <v>11155119</v>
      </c>
      <c r="IE28" s="123">
        <v>7627839</v>
      </c>
      <c r="IF28" s="124">
        <v>8411998</v>
      </c>
      <c r="IG28" s="122">
        <v>7095314</v>
      </c>
      <c r="IH28" s="124">
        <v>4429869</v>
      </c>
      <c r="II28" s="125">
        <v>38720139</v>
      </c>
      <c r="IJ28" s="137">
        <v>38720139</v>
      </c>
      <c r="IK28" s="219">
        <v>0</v>
      </c>
      <c r="IL28" s="223">
        <v>0</v>
      </c>
      <c r="IM28" s="224">
        <v>0</v>
      </c>
      <c r="IN28" s="127"/>
      <c r="IO28" s="109">
        <v>0</v>
      </c>
      <c r="IP28" s="109">
        <v>108756</v>
      </c>
      <c r="IQ28" s="109">
        <v>0</v>
      </c>
      <c r="IR28" s="109">
        <v>0</v>
      </c>
      <c r="IS28" s="109">
        <v>273183</v>
      </c>
      <c r="IT28" s="128">
        <v>381939</v>
      </c>
      <c r="IU28" s="298">
        <v>381939</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2509471</v>
      </c>
      <c r="JL28" s="109">
        <v>2868563</v>
      </c>
      <c r="JM28" s="109">
        <v>2521832</v>
      </c>
      <c r="JN28" s="109">
        <v>2080076</v>
      </c>
      <c r="JO28" s="109">
        <v>1131378</v>
      </c>
      <c r="JP28" s="110">
        <v>11111320</v>
      </c>
      <c r="JQ28" s="298">
        <v>11111320</v>
      </c>
      <c r="JR28" s="129">
        <v>0</v>
      </c>
      <c r="JS28" s="109">
        <v>0</v>
      </c>
      <c r="JT28" s="128">
        <v>0</v>
      </c>
      <c r="JU28" s="108">
        <v>0</v>
      </c>
      <c r="JV28" s="109">
        <v>0</v>
      </c>
      <c r="JW28" s="109">
        <v>0</v>
      </c>
      <c r="JX28" s="109">
        <v>242765</v>
      </c>
      <c r="JY28" s="109">
        <v>269600</v>
      </c>
      <c r="JZ28" s="109">
        <v>133778</v>
      </c>
      <c r="KA28" s="110">
        <v>646143</v>
      </c>
      <c r="KB28" s="298">
        <v>646143</v>
      </c>
      <c r="KC28" s="221">
        <v>0</v>
      </c>
      <c r="KD28" s="217">
        <v>0</v>
      </c>
      <c r="KE28" s="110">
        <v>0</v>
      </c>
      <c r="KF28" s="108">
        <v>0</v>
      </c>
      <c r="KG28" s="109">
        <v>779286</v>
      </c>
      <c r="KH28" s="109">
        <v>761581</v>
      </c>
      <c r="KI28" s="109">
        <v>532402</v>
      </c>
      <c r="KJ28" s="109">
        <v>282456</v>
      </c>
      <c r="KK28" s="109">
        <v>623762</v>
      </c>
      <c r="KL28" s="110">
        <v>2979487</v>
      </c>
      <c r="KM28" s="130">
        <v>2979487</v>
      </c>
      <c r="KN28" s="219">
        <v>0</v>
      </c>
      <c r="KO28" s="223">
        <v>0</v>
      </c>
      <c r="KP28" s="224">
        <v>0</v>
      </c>
      <c r="KQ28" s="127"/>
      <c r="KR28" s="109">
        <v>7866362</v>
      </c>
      <c r="KS28" s="109">
        <v>3888939</v>
      </c>
      <c r="KT28" s="109">
        <v>5114999</v>
      </c>
      <c r="KU28" s="109">
        <v>4143315</v>
      </c>
      <c r="KV28" s="109">
        <v>2267768</v>
      </c>
      <c r="KW28" s="110">
        <v>23281383</v>
      </c>
      <c r="KX28" s="298">
        <v>23281383</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658543</v>
      </c>
      <c r="MK28" s="109">
        <v>10564681</v>
      </c>
      <c r="ML28" s="109">
        <v>35208132</v>
      </c>
      <c r="MM28" s="109">
        <v>55614318</v>
      </c>
      <c r="MN28" s="109">
        <v>43159999</v>
      </c>
      <c r="MO28" s="110">
        <v>148205673</v>
      </c>
      <c r="MP28" s="130">
        <v>148205673</v>
      </c>
      <c r="MQ28" s="129">
        <v>0</v>
      </c>
      <c r="MR28" s="109">
        <v>0</v>
      </c>
      <c r="MS28" s="110">
        <v>0</v>
      </c>
      <c r="MT28" s="132"/>
      <c r="MU28" s="109">
        <v>436202</v>
      </c>
      <c r="MV28" s="109">
        <v>1961846</v>
      </c>
      <c r="MW28" s="109">
        <v>23082714</v>
      </c>
      <c r="MX28" s="109">
        <v>35164705</v>
      </c>
      <c r="MY28" s="109">
        <v>26497270</v>
      </c>
      <c r="MZ28" s="110">
        <v>87142737</v>
      </c>
      <c r="NA28" s="130">
        <v>87142737</v>
      </c>
      <c r="NB28" s="129">
        <v>0</v>
      </c>
      <c r="NC28" s="109">
        <v>0</v>
      </c>
      <c r="ND28" s="110">
        <v>0</v>
      </c>
      <c r="NE28" s="132"/>
      <c r="NF28" s="109">
        <v>3222341</v>
      </c>
      <c r="NG28" s="109">
        <v>8602835</v>
      </c>
      <c r="NH28" s="109">
        <v>12125418</v>
      </c>
      <c r="NI28" s="109">
        <v>18853175</v>
      </c>
      <c r="NJ28" s="109">
        <v>12590638</v>
      </c>
      <c r="NK28" s="110">
        <v>55394407</v>
      </c>
      <c r="NL28" s="298">
        <v>55394407</v>
      </c>
      <c r="NM28" s="129">
        <v>0</v>
      </c>
      <c r="NN28" s="109">
        <v>0</v>
      </c>
      <c r="NO28" s="110">
        <v>0</v>
      </c>
      <c r="NP28" s="132"/>
      <c r="NQ28" s="109">
        <v>0</v>
      </c>
      <c r="NR28" s="109">
        <v>0</v>
      </c>
      <c r="NS28" s="109">
        <v>0</v>
      </c>
      <c r="NT28" s="109">
        <v>405743</v>
      </c>
      <c r="NU28" s="109">
        <v>387314</v>
      </c>
      <c r="NV28" s="110">
        <v>793057</v>
      </c>
      <c r="NW28" s="111">
        <v>793057</v>
      </c>
      <c r="NX28" s="129">
        <v>0</v>
      </c>
      <c r="NY28" s="109">
        <v>0</v>
      </c>
      <c r="NZ28" s="110">
        <v>0</v>
      </c>
      <c r="OA28" s="132"/>
      <c r="OB28" s="109">
        <v>0</v>
      </c>
      <c r="OC28" s="109">
        <v>0</v>
      </c>
      <c r="OD28" s="109">
        <v>0</v>
      </c>
      <c r="OE28" s="109">
        <v>1190695</v>
      </c>
      <c r="OF28" s="109">
        <v>3684777</v>
      </c>
      <c r="OG28" s="110">
        <v>4875472</v>
      </c>
      <c r="OH28" s="111">
        <v>4875472</v>
      </c>
      <c r="OI28" s="129">
        <v>2971428</v>
      </c>
      <c r="OJ28" s="109">
        <v>6059378</v>
      </c>
      <c r="OK28" s="128">
        <v>9030806</v>
      </c>
      <c r="OL28" s="108">
        <v>0</v>
      </c>
      <c r="OM28" s="109">
        <v>66371240</v>
      </c>
      <c r="ON28" s="109">
        <v>83693596</v>
      </c>
      <c r="OO28" s="109">
        <v>91929311</v>
      </c>
      <c r="OP28" s="109">
        <v>119542298</v>
      </c>
      <c r="OQ28" s="109">
        <v>81908293</v>
      </c>
      <c r="OR28" s="110">
        <v>443444738</v>
      </c>
      <c r="OS28" s="130">
        <v>452475544</v>
      </c>
    </row>
    <row r="29" spans="2:409" ht="21" customHeight="1" x14ac:dyDescent="0.2">
      <c r="B29" s="472" t="s">
        <v>24</v>
      </c>
      <c r="C29" s="100">
        <v>3328909</v>
      </c>
      <c r="D29" s="104">
        <v>3581691</v>
      </c>
      <c r="E29" s="103">
        <v>6910600</v>
      </c>
      <c r="F29" s="99">
        <v>0</v>
      </c>
      <c r="G29" s="104">
        <v>25739666</v>
      </c>
      <c r="H29" s="104">
        <v>30005213</v>
      </c>
      <c r="I29" s="104">
        <v>23971339</v>
      </c>
      <c r="J29" s="104">
        <v>24932334</v>
      </c>
      <c r="K29" s="104">
        <v>21680349</v>
      </c>
      <c r="L29" s="160">
        <v>126328901</v>
      </c>
      <c r="M29" s="106">
        <v>133239501</v>
      </c>
      <c r="N29" s="100">
        <v>788967</v>
      </c>
      <c r="O29" s="104">
        <v>973030</v>
      </c>
      <c r="P29" s="103">
        <v>1761997</v>
      </c>
      <c r="Q29" s="100">
        <v>0</v>
      </c>
      <c r="R29" s="104">
        <v>5998418</v>
      </c>
      <c r="S29" s="104">
        <v>9087294</v>
      </c>
      <c r="T29" s="104">
        <v>7453257</v>
      </c>
      <c r="U29" s="104">
        <v>8524917</v>
      </c>
      <c r="V29" s="104">
        <v>9870279</v>
      </c>
      <c r="W29" s="103">
        <v>40934165</v>
      </c>
      <c r="X29" s="106">
        <v>42696162</v>
      </c>
      <c r="Y29" s="100">
        <v>0</v>
      </c>
      <c r="Z29" s="104">
        <v>0</v>
      </c>
      <c r="AA29" s="103">
        <v>0</v>
      </c>
      <c r="AB29" s="100">
        <v>0</v>
      </c>
      <c r="AC29" s="104">
        <v>2422090</v>
      </c>
      <c r="AD29" s="104">
        <v>4392800</v>
      </c>
      <c r="AE29" s="104">
        <v>4499427</v>
      </c>
      <c r="AF29" s="104">
        <v>4396742</v>
      </c>
      <c r="AG29" s="104">
        <v>5714928</v>
      </c>
      <c r="AH29" s="103">
        <v>21425987</v>
      </c>
      <c r="AI29" s="106">
        <v>21425987</v>
      </c>
      <c r="AJ29" s="100">
        <v>0</v>
      </c>
      <c r="AK29" s="104">
        <v>0</v>
      </c>
      <c r="AL29" s="103">
        <v>0</v>
      </c>
      <c r="AM29" s="100">
        <v>0</v>
      </c>
      <c r="AN29" s="104">
        <v>0</v>
      </c>
      <c r="AO29" s="104">
        <v>92932</v>
      </c>
      <c r="AP29" s="104">
        <v>193729</v>
      </c>
      <c r="AQ29" s="104">
        <v>500390</v>
      </c>
      <c r="AR29" s="104">
        <v>1379988</v>
      </c>
      <c r="AS29" s="103">
        <v>2167039</v>
      </c>
      <c r="AT29" s="106">
        <v>2167039</v>
      </c>
      <c r="AU29" s="100">
        <v>504032</v>
      </c>
      <c r="AV29" s="104">
        <v>803399</v>
      </c>
      <c r="AW29" s="103">
        <v>1307431</v>
      </c>
      <c r="AX29" s="100">
        <v>0</v>
      </c>
      <c r="AY29" s="104">
        <v>2270443</v>
      </c>
      <c r="AZ29" s="104">
        <v>3212423</v>
      </c>
      <c r="BA29" s="104">
        <v>1566965</v>
      </c>
      <c r="BB29" s="104">
        <v>2178843</v>
      </c>
      <c r="BC29" s="104">
        <v>1583174</v>
      </c>
      <c r="BD29" s="103">
        <v>10811848</v>
      </c>
      <c r="BE29" s="106">
        <v>12119279</v>
      </c>
      <c r="BF29" s="100">
        <v>0</v>
      </c>
      <c r="BG29" s="104">
        <v>23395</v>
      </c>
      <c r="BH29" s="102">
        <v>23395</v>
      </c>
      <c r="BI29" s="101">
        <v>0</v>
      </c>
      <c r="BJ29" s="104">
        <v>153768</v>
      </c>
      <c r="BK29" s="104">
        <v>276145</v>
      </c>
      <c r="BL29" s="104">
        <v>55028</v>
      </c>
      <c r="BM29" s="104">
        <v>147910</v>
      </c>
      <c r="BN29" s="104">
        <v>111431</v>
      </c>
      <c r="BO29" s="103">
        <v>744282</v>
      </c>
      <c r="BP29" s="106">
        <v>767677</v>
      </c>
      <c r="BQ29" s="100">
        <v>284935</v>
      </c>
      <c r="BR29" s="104">
        <v>146236</v>
      </c>
      <c r="BS29" s="103">
        <v>431171</v>
      </c>
      <c r="BT29" s="100">
        <v>0</v>
      </c>
      <c r="BU29" s="104">
        <v>1152117</v>
      </c>
      <c r="BV29" s="104">
        <v>1112994</v>
      </c>
      <c r="BW29" s="104">
        <v>1138108</v>
      </c>
      <c r="BX29" s="104">
        <v>1301032</v>
      </c>
      <c r="BY29" s="104">
        <v>1080758</v>
      </c>
      <c r="BZ29" s="103">
        <v>5785009</v>
      </c>
      <c r="CA29" s="106">
        <v>6216180</v>
      </c>
      <c r="CB29" s="100">
        <v>281963</v>
      </c>
      <c r="CC29" s="104">
        <v>377724</v>
      </c>
      <c r="CD29" s="103">
        <v>659687</v>
      </c>
      <c r="CE29" s="100">
        <v>0</v>
      </c>
      <c r="CF29" s="104">
        <v>8249551</v>
      </c>
      <c r="CG29" s="104">
        <v>9001374</v>
      </c>
      <c r="CH29" s="104">
        <v>5689840</v>
      </c>
      <c r="CI29" s="104">
        <v>3320310</v>
      </c>
      <c r="CJ29" s="104">
        <v>2019923</v>
      </c>
      <c r="CK29" s="103">
        <v>28280998</v>
      </c>
      <c r="CL29" s="106">
        <v>28940685</v>
      </c>
      <c r="CM29" s="100">
        <v>0</v>
      </c>
      <c r="CN29" s="104">
        <v>0</v>
      </c>
      <c r="CO29" s="103">
        <v>0</v>
      </c>
      <c r="CP29" s="101">
        <v>0</v>
      </c>
      <c r="CQ29" s="104">
        <v>5867835</v>
      </c>
      <c r="CR29" s="104">
        <v>6708974</v>
      </c>
      <c r="CS29" s="104">
        <v>4123880</v>
      </c>
      <c r="CT29" s="104">
        <v>2115107</v>
      </c>
      <c r="CU29" s="104">
        <v>708654</v>
      </c>
      <c r="CV29" s="103">
        <v>19524450</v>
      </c>
      <c r="CW29" s="106">
        <v>19524450</v>
      </c>
      <c r="CX29" s="100">
        <v>281963</v>
      </c>
      <c r="CY29" s="104">
        <v>377724</v>
      </c>
      <c r="CZ29" s="103">
        <v>659687</v>
      </c>
      <c r="DA29" s="100">
        <v>0</v>
      </c>
      <c r="DB29" s="104">
        <v>2381716</v>
      </c>
      <c r="DC29" s="104">
        <v>2292400</v>
      </c>
      <c r="DD29" s="104">
        <v>1565960</v>
      </c>
      <c r="DE29" s="104">
        <v>1205203</v>
      </c>
      <c r="DF29" s="104">
        <v>1311269</v>
      </c>
      <c r="DG29" s="103">
        <v>8756548</v>
      </c>
      <c r="DH29" s="106">
        <v>9416235</v>
      </c>
      <c r="DI29" s="100">
        <v>24627</v>
      </c>
      <c r="DJ29" s="104">
        <v>85931</v>
      </c>
      <c r="DK29" s="102">
        <v>110558</v>
      </c>
      <c r="DL29" s="101">
        <v>0</v>
      </c>
      <c r="DM29" s="104">
        <v>905422</v>
      </c>
      <c r="DN29" s="104">
        <v>1458630</v>
      </c>
      <c r="DO29" s="104">
        <v>2023074</v>
      </c>
      <c r="DP29" s="104">
        <v>1724422</v>
      </c>
      <c r="DQ29" s="104">
        <v>1391307</v>
      </c>
      <c r="DR29" s="103">
        <v>7502855</v>
      </c>
      <c r="DS29" s="106">
        <v>7613413</v>
      </c>
      <c r="DT29" s="100">
        <v>24627</v>
      </c>
      <c r="DU29" s="104">
        <v>85931</v>
      </c>
      <c r="DV29" s="103">
        <v>110558</v>
      </c>
      <c r="DW29" s="100">
        <v>0</v>
      </c>
      <c r="DX29" s="104">
        <v>763828</v>
      </c>
      <c r="DY29" s="104">
        <v>1305714</v>
      </c>
      <c r="DZ29" s="104">
        <v>1787255</v>
      </c>
      <c r="EA29" s="104">
        <v>1637165</v>
      </c>
      <c r="EB29" s="104">
        <v>1082426</v>
      </c>
      <c r="EC29" s="103">
        <v>6576388</v>
      </c>
      <c r="ED29" s="106">
        <v>6686946</v>
      </c>
      <c r="EE29" s="100">
        <v>0</v>
      </c>
      <c r="EF29" s="102">
        <v>0</v>
      </c>
      <c r="EG29" s="103">
        <v>0</v>
      </c>
      <c r="EH29" s="100">
        <v>0</v>
      </c>
      <c r="EI29" s="104">
        <v>141594</v>
      </c>
      <c r="EJ29" s="104">
        <v>152916</v>
      </c>
      <c r="EK29" s="104">
        <v>235819</v>
      </c>
      <c r="EL29" s="104">
        <v>87257</v>
      </c>
      <c r="EM29" s="104">
        <v>308881</v>
      </c>
      <c r="EN29" s="102">
        <v>926467</v>
      </c>
      <c r="EO29" s="106">
        <v>926467</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1008933</v>
      </c>
      <c r="FM29" s="104">
        <v>957185</v>
      </c>
      <c r="FN29" s="103">
        <v>1966118</v>
      </c>
      <c r="FO29" s="100">
        <v>0</v>
      </c>
      <c r="FP29" s="104">
        <v>1387541</v>
      </c>
      <c r="FQ29" s="104">
        <v>2308998</v>
      </c>
      <c r="FR29" s="104">
        <v>1699703</v>
      </c>
      <c r="FS29" s="104">
        <v>1402679</v>
      </c>
      <c r="FT29" s="104">
        <v>1228718</v>
      </c>
      <c r="FU29" s="103">
        <v>8027639</v>
      </c>
      <c r="FV29" s="106">
        <v>9993757</v>
      </c>
      <c r="FW29" s="105">
        <v>379330</v>
      </c>
      <c r="FX29" s="104">
        <v>424715</v>
      </c>
      <c r="FY29" s="102">
        <v>804045</v>
      </c>
      <c r="FZ29" s="101">
        <v>0</v>
      </c>
      <c r="GA29" s="104">
        <v>927649</v>
      </c>
      <c r="GB29" s="104">
        <v>2142018</v>
      </c>
      <c r="GC29" s="104">
        <v>1495367</v>
      </c>
      <c r="GD29" s="104">
        <v>1402679</v>
      </c>
      <c r="GE29" s="104">
        <v>1228718</v>
      </c>
      <c r="GF29" s="103">
        <v>7196431</v>
      </c>
      <c r="GG29" s="296">
        <v>8000476</v>
      </c>
      <c r="GH29" s="105">
        <v>39583</v>
      </c>
      <c r="GI29" s="104">
        <v>12870</v>
      </c>
      <c r="GJ29" s="102">
        <v>52453</v>
      </c>
      <c r="GK29" s="101">
        <v>0</v>
      </c>
      <c r="GL29" s="104">
        <v>74872</v>
      </c>
      <c r="GM29" s="104">
        <v>27720</v>
      </c>
      <c r="GN29" s="104">
        <v>26136</v>
      </c>
      <c r="GO29" s="104">
        <v>0</v>
      </c>
      <c r="GP29" s="104">
        <v>0</v>
      </c>
      <c r="GQ29" s="103">
        <v>128728</v>
      </c>
      <c r="GR29" s="106">
        <v>181181</v>
      </c>
      <c r="GS29" s="100">
        <v>590020</v>
      </c>
      <c r="GT29" s="104">
        <v>519600</v>
      </c>
      <c r="GU29" s="103">
        <v>1109620</v>
      </c>
      <c r="GV29" s="100">
        <v>0</v>
      </c>
      <c r="GW29" s="104">
        <v>385020</v>
      </c>
      <c r="GX29" s="104">
        <v>139260</v>
      </c>
      <c r="GY29" s="104">
        <v>178200</v>
      </c>
      <c r="GZ29" s="104">
        <v>0</v>
      </c>
      <c r="HA29" s="104">
        <v>0</v>
      </c>
      <c r="HB29" s="102">
        <v>702480</v>
      </c>
      <c r="HC29" s="106">
        <v>1812100</v>
      </c>
      <c r="HD29" s="100">
        <v>667229</v>
      </c>
      <c r="HE29" s="104">
        <v>684859</v>
      </c>
      <c r="HF29" s="102">
        <v>1352088</v>
      </c>
      <c r="HG29" s="101">
        <v>0</v>
      </c>
      <c r="HH29" s="104">
        <v>5398346</v>
      </c>
      <c r="HI29" s="104">
        <v>5083694</v>
      </c>
      <c r="HJ29" s="104">
        <v>5052554</v>
      </c>
      <c r="HK29" s="104">
        <v>8512375</v>
      </c>
      <c r="HL29" s="104">
        <v>6186768</v>
      </c>
      <c r="HM29" s="103">
        <v>30233737</v>
      </c>
      <c r="HN29" s="99">
        <v>31585825</v>
      </c>
      <c r="HO29" s="105">
        <v>557190</v>
      </c>
      <c r="HP29" s="104">
        <v>502962</v>
      </c>
      <c r="HQ29" s="103">
        <v>1060152</v>
      </c>
      <c r="HR29" s="100">
        <v>0</v>
      </c>
      <c r="HS29" s="104">
        <v>3800388</v>
      </c>
      <c r="HT29" s="104">
        <v>3065223</v>
      </c>
      <c r="HU29" s="104">
        <v>2052911</v>
      </c>
      <c r="HV29" s="104">
        <v>1447631</v>
      </c>
      <c r="HW29" s="104">
        <v>983354</v>
      </c>
      <c r="HX29" s="102">
        <v>11349507</v>
      </c>
      <c r="HY29" s="106">
        <v>12409659</v>
      </c>
      <c r="HZ29" s="118">
        <v>92727</v>
      </c>
      <c r="IA29" s="119">
        <v>245950</v>
      </c>
      <c r="IB29" s="120">
        <v>338677</v>
      </c>
      <c r="IC29" s="133">
        <v>0</v>
      </c>
      <c r="ID29" s="119">
        <v>5265167</v>
      </c>
      <c r="IE29" s="134">
        <v>4377542</v>
      </c>
      <c r="IF29" s="120">
        <v>6812269</v>
      </c>
      <c r="IG29" s="119">
        <v>4660051</v>
      </c>
      <c r="IH29" s="120">
        <v>2044493</v>
      </c>
      <c r="II29" s="135">
        <v>23159522</v>
      </c>
      <c r="IJ29" s="126">
        <v>23498199</v>
      </c>
      <c r="IK29" s="219">
        <v>0</v>
      </c>
      <c r="IL29" s="223">
        <v>0</v>
      </c>
      <c r="IM29" s="224">
        <v>0</v>
      </c>
      <c r="IN29" s="127"/>
      <c r="IO29" s="109">
        <v>147968</v>
      </c>
      <c r="IP29" s="109">
        <v>341662</v>
      </c>
      <c r="IQ29" s="109">
        <v>473130</v>
      </c>
      <c r="IR29" s="109">
        <v>794329</v>
      </c>
      <c r="IS29" s="109">
        <v>0</v>
      </c>
      <c r="IT29" s="128">
        <v>1757089</v>
      </c>
      <c r="IU29" s="298">
        <v>1757089</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823140</v>
      </c>
      <c r="JL29" s="109">
        <v>1300689</v>
      </c>
      <c r="JM29" s="109">
        <v>1526443</v>
      </c>
      <c r="JN29" s="109">
        <v>428207</v>
      </c>
      <c r="JO29" s="109">
        <v>235545</v>
      </c>
      <c r="JP29" s="110">
        <v>5314024</v>
      </c>
      <c r="JQ29" s="298">
        <v>5314024</v>
      </c>
      <c r="JR29" s="129">
        <v>0</v>
      </c>
      <c r="JS29" s="109">
        <v>0</v>
      </c>
      <c r="JT29" s="128">
        <v>0</v>
      </c>
      <c r="JU29" s="108">
        <v>0</v>
      </c>
      <c r="JV29" s="109">
        <v>746644</v>
      </c>
      <c r="JW29" s="109">
        <v>440867</v>
      </c>
      <c r="JX29" s="109">
        <v>679681</v>
      </c>
      <c r="JY29" s="109">
        <v>179709</v>
      </c>
      <c r="JZ29" s="109">
        <v>149478</v>
      </c>
      <c r="KA29" s="110">
        <v>2196379</v>
      </c>
      <c r="KB29" s="298">
        <v>2196379</v>
      </c>
      <c r="KC29" s="221">
        <v>92727</v>
      </c>
      <c r="KD29" s="217">
        <v>245950</v>
      </c>
      <c r="KE29" s="110">
        <v>338677</v>
      </c>
      <c r="KF29" s="108">
        <v>0</v>
      </c>
      <c r="KG29" s="109">
        <v>2056558</v>
      </c>
      <c r="KH29" s="109">
        <v>1267044</v>
      </c>
      <c r="KI29" s="109">
        <v>2401206</v>
      </c>
      <c r="KJ29" s="109">
        <v>1362425</v>
      </c>
      <c r="KK29" s="109">
        <v>373834</v>
      </c>
      <c r="KL29" s="110">
        <v>7461067</v>
      </c>
      <c r="KM29" s="130">
        <v>7799744</v>
      </c>
      <c r="KN29" s="219">
        <v>0</v>
      </c>
      <c r="KO29" s="223">
        <v>0</v>
      </c>
      <c r="KP29" s="224">
        <v>0</v>
      </c>
      <c r="KQ29" s="127"/>
      <c r="KR29" s="109">
        <v>490857</v>
      </c>
      <c r="KS29" s="109">
        <v>1027280</v>
      </c>
      <c r="KT29" s="109">
        <v>1731809</v>
      </c>
      <c r="KU29" s="109">
        <v>1895381</v>
      </c>
      <c r="KV29" s="109">
        <v>1285636</v>
      </c>
      <c r="KW29" s="110">
        <v>6430963</v>
      </c>
      <c r="KX29" s="298">
        <v>6430963</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1930618</v>
      </c>
      <c r="MK29" s="109">
        <v>1889844</v>
      </c>
      <c r="ML29" s="109">
        <v>15537407</v>
      </c>
      <c r="MM29" s="109">
        <v>29363691</v>
      </c>
      <c r="MN29" s="109">
        <v>21562824</v>
      </c>
      <c r="MO29" s="110">
        <v>70284384</v>
      </c>
      <c r="MP29" s="130">
        <v>70284384</v>
      </c>
      <c r="MQ29" s="129">
        <v>0</v>
      </c>
      <c r="MR29" s="109">
        <v>0</v>
      </c>
      <c r="MS29" s="110">
        <v>0</v>
      </c>
      <c r="MT29" s="132"/>
      <c r="MU29" s="109">
        <v>0</v>
      </c>
      <c r="MV29" s="109">
        <v>0</v>
      </c>
      <c r="MW29" s="109">
        <v>7589321</v>
      </c>
      <c r="MX29" s="109">
        <v>20324079</v>
      </c>
      <c r="MY29" s="109">
        <v>17204727</v>
      </c>
      <c r="MZ29" s="110">
        <v>45118127</v>
      </c>
      <c r="NA29" s="130">
        <v>45118127</v>
      </c>
      <c r="NB29" s="129">
        <v>0</v>
      </c>
      <c r="NC29" s="109">
        <v>0</v>
      </c>
      <c r="ND29" s="110">
        <v>0</v>
      </c>
      <c r="NE29" s="132"/>
      <c r="NF29" s="109">
        <v>1930618</v>
      </c>
      <c r="NG29" s="109">
        <v>1889844</v>
      </c>
      <c r="NH29" s="109">
        <v>7948086</v>
      </c>
      <c r="NI29" s="109">
        <v>9039612</v>
      </c>
      <c r="NJ29" s="109">
        <v>4358097</v>
      </c>
      <c r="NK29" s="110">
        <v>25166257</v>
      </c>
      <c r="NL29" s="298">
        <v>25166257</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421636</v>
      </c>
      <c r="OJ29" s="109">
        <v>3827641</v>
      </c>
      <c r="OK29" s="128">
        <v>7249277</v>
      </c>
      <c r="OL29" s="108">
        <v>0</v>
      </c>
      <c r="OM29" s="109">
        <v>32935451</v>
      </c>
      <c r="ON29" s="109">
        <v>36272599</v>
      </c>
      <c r="OO29" s="109">
        <v>46321015</v>
      </c>
      <c r="OP29" s="109">
        <v>58956076</v>
      </c>
      <c r="OQ29" s="109">
        <v>45287666</v>
      </c>
      <c r="OR29" s="110">
        <v>219772807</v>
      </c>
      <c r="OS29" s="130">
        <v>227022084</v>
      </c>
    </row>
    <row r="30" spans="2:409" ht="21" customHeight="1" x14ac:dyDescent="0.2">
      <c r="B30" s="472" t="s">
        <v>25</v>
      </c>
      <c r="C30" s="100">
        <v>2202999</v>
      </c>
      <c r="D30" s="104">
        <v>5083071</v>
      </c>
      <c r="E30" s="103">
        <v>7286070</v>
      </c>
      <c r="F30" s="99">
        <v>0</v>
      </c>
      <c r="G30" s="104">
        <v>28068616</v>
      </c>
      <c r="H30" s="104">
        <v>31277599</v>
      </c>
      <c r="I30" s="104">
        <v>27482416</v>
      </c>
      <c r="J30" s="104">
        <v>25449157</v>
      </c>
      <c r="K30" s="104">
        <v>18415117</v>
      </c>
      <c r="L30" s="160">
        <v>130692905</v>
      </c>
      <c r="M30" s="106">
        <v>137978975</v>
      </c>
      <c r="N30" s="100">
        <v>707173</v>
      </c>
      <c r="O30" s="104">
        <v>1653052</v>
      </c>
      <c r="P30" s="103">
        <v>2360225</v>
      </c>
      <c r="Q30" s="100">
        <v>0</v>
      </c>
      <c r="R30" s="104">
        <v>8226805</v>
      </c>
      <c r="S30" s="104">
        <v>9878580</v>
      </c>
      <c r="T30" s="104">
        <v>9410250</v>
      </c>
      <c r="U30" s="104">
        <v>9224089</v>
      </c>
      <c r="V30" s="104">
        <v>11500889</v>
      </c>
      <c r="W30" s="103">
        <v>48240613</v>
      </c>
      <c r="X30" s="106">
        <v>50600838</v>
      </c>
      <c r="Y30" s="100">
        <v>0</v>
      </c>
      <c r="Z30" s="104">
        <v>0</v>
      </c>
      <c r="AA30" s="103">
        <v>0</v>
      </c>
      <c r="AB30" s="100">
        <v>0</v>
      </c>
      <c r="AC30" s="104">
        <v>4066682</v>
      </c>
      <c r="AD30" s="104">
        <v>4596009</v>
      </c>
      <c r="AE30" s="104">
        <v>5512044</v>
      </c>
      <c r="AF30" s="104">
        <v>5376311</v>
      </c>
      <c r="AG30" s="104">
        <v>7793034</v>
      </c>
      <c r="AH30" s="103">
        <v>27344080</v>
      </c>
      <c r="AI30" s="106">
        <v>27344080</v>
      </c>
      <c r="AJ30" s="100">
        <v>0</v>
      </c>
      <c r="AK30" s="104">
        <v>0</v>
      </c>
      <c r="AL30" s="103">
        <v>0</v>
      </c>
      <c r="AM30" s="100">
        <v>0</v>
      </c>
      <c r="AN30" s="104">
        <v>173965</v>
      </c>
      <c r="AO30" s="104">
        <v>611721</v>
      </c>
      <c r="AP30" s="104">
        <v>853884</v>
      </c>
      <c r="AQ30" s="104">
        <v>1163039</v>
      </c>
      <c r="AR30" s="104">
        <v>1334779</v>
      </c>
      <c r="AS30" s="103">
        <v>4137388</v>
      </c>
      <c r="AT30" s="106">
        <v>4137388</v>
      </c>
      <c r="AU30" s="100">
        <v>554009</v>
      </c>
      <c r="AV30" s="104">
        <v>1305983</v>
      </c>
      <c r="AW30" s="103">
        <v>1859992</v>
      </c>
      <c r="AX30" s="100">
        <v>0</v>
      </c>
      <c r="AY30" s="104">
        <v>3035595</v>
      </c>
      <c r="AZ30" s="104">
        <v>3355722</v>
      </c>
      <c r="BA30" s="104">
        <v>1932796</v>
      </c>
      <c r="BB30" s="104">
        <v>1506297</v>
      </c>
      <c r="BC30" s="104">
        <v>1573702</v>
      </c>
      <c r="BD30" s="103">
        <v>11404112</v>
      </c>
      <c r="BE30" s="106">
        <v>13264104</v>
      </c>
      <c r="BF30" s="100">
        <v>32689</v>
      </c>
      <c r="BG30" s="104">
        <v>178834</v>
      </c>
      <c r="BH30" s="102">
        <v>211523</v>
      </c>
      <c r="BI30" s="101">
        <v>0</v>
      </c>
      <c r="BJ30" s="104">
        <v>54130</v>
      </c>
      <c r="BK30" s="104">
        <v>348062</v>
      </c>
      <c r="BL30" s="104">
        <v>264238</v>
      </c>
      <c r="BM30" s="104">
        <v>153954</v>
      </c>
      <c r="BN30" s="104">
        <v>161364</v>
      </c>
      <c r="BO30" s="103">
        <v>981748</v>
      </c>
      <c r="BP30" s="106">
        <v>1193271</v>
      </c>
      <c r="BQ30" s="100">
        <v>120475</v>
      </c>
      <c r="BR30" s="104">
        <v>168235</v>
      </c>
      <c r="BS30" s="103">
        <v>288710</v>
      </c>
      <c r="BT30" s="100">
        <v>0</v>
      </c>
      <c r="BU30" s="104">
        <v>896433</v>
      </c>
      <c r="BV30" s="104">
        <v>967066</v>
      </c>
      <c r="BW30" s="104">
        <v>847288</v>
      </c>
      <c r="BX30" s="104">
        <v>1024488</v>
      </c>
      <c r="BY30" s="104">
        <v>638010</v>
      </c>
      <c r="BZ30" s="103">
        <v>4373285</v>
      </c>
      <c r="CA30" s="106">
        <v>4661995</v>
      </c>
      <c r="CB30" s="100">
        <v>320290</v>
      </c>
      <c r="CC30" s="104">
        <v>721069</v>
      </c>
      <c r="CD30" s="103">
        <v>1041359</v>
      </c>
      <c r="CE30" s="100">
        <v>0</v>
      </c>
      <c r="CF30" s="104">
        <v>9994867</v>
      </c>
      <c r="CG30" s="104">
        <v>10958050</v>
      </c>
      <c r="CH30" s="104">
        <v>7110668</v>
      </c>
      <c r="CI30" s="104">
        <v>5728612</v>
      </c>
      <c r="CJ30" s="104">
        <v>1120831</v>
      </c>
      <c r="CK30" s="103">
        <v>34913028</v>
      </c>
      <c r="CL30" s="106">
        <v>35954387</v>
      </c>
      <c r="CM30" s="100">
        <v>0</v>
      </c>
      <c r="CN30" s="104">
        <v>0</v>
      </c>
      <c r="CO30" s="103">
        <v>0</v>
      </c>
      <c r="CP30" s="101">
        <v>0</v>
      </c>
      <c r="CQ30" s="104">
        <v>8043457</v>
      </c>
      <c r="CR30" s="104">
        <v>6664349</v>
      </c>
      <c r="CS30" s="104">
        <v>5043523</v>
      </c>
      <c r="CT30" s="104">
        <v>4265920</v>
      </c>
      <c r="CU30" s="104">
        <v>511296</v>
      </c>
      <c r="CV30" s="103">
        <v>24528545</v>
      </c>
      <c r="CW30" s="106">
        <v>24528545</v>
      </c>
      <c r="CX30" s="100">
        <v>320290</v>
      </c>
      <c r="CY30" s="104">
        <v>721069</v>
      </c>
      <c r="CZ30" s="103">
        <v>1041359</v>
      </c>
      <c r="DA30" s="100">
        <v>0</v>
      </c>
      <c r="DB30" s="104">
        <v>1951410</v>
      </c>
      <c r="DC30" s="104">
        <v>4293701</v>
      </c>
      <c r="DD30" s="104">
        <v>2067145</v>
      </c>
      <c r="DE30" s="104">
        <v>1462692</v>
      </c>
      <c r="DF30" s="104">
        <v>609535</v>
      </c>
      <c r="DG30" s="103">
        <v>10384483</v>
      </c>
      <c r="DH30" s="106">
        <v>11425842</v>
      </c>
      <c r="DI30" s="100">
        <v>0</v>
      </c>
      <c r="DJ30" s="104">
        <v>32329</v>
      </c>
      <c r="DK30" s="102">
        <v>32329</v>
      </c>
      <c r="DL30" s="101">
        <v>0</v>
      </c>
      <c r="DM30" s="104">
        <v>712372</v>
      </c>
      <c r="DN30" s="104">
        <v>1672505</v>
      </c>
      <c r="DO30" s="104">
        <v>3258269</v>
      </c>
      <c r="DP30" s="104">
        <v>1424253</v>
      </c>
      <c r="DQ30" s="104">
        <v>763928</v>
      </c>
      <c r="DR30" s="103">
        <v>7831327</v>
      </c>
      <c r="DS30" s="106">
        <v>7863656</v>
      </c>
      <c r="DT30" s="100">
        <v>0</v>
      </c>
      <c r="DU30" s="104">
        <v>32329</v>
      </c>
      <c r="DV30" s="103">
        <v>32329</v>
      </c>
      <c r="DW30" s="100">
        <v>0</v>
      </c>
      <c r="DX30" s="104">
        <v>485055</v>
      </c>
      <c r="DY30" s="104">
        <v>1210925</v>
      </c>
      <c r="DZ30" s="104">
        <v>2773059</v>
      </c>
      <c r="EA30" s="104">
        <v>1018139</v>
      </c>
      <c r="EB30" s="104">
        <v>408207</v>
      </c>
      <c r="EC30" s="103">
        <v>5895385</v>
      </c>
      <c r="ED30" s="106">
        <v>5927714</v>
      </c>
      <c r="EE30" s="100">
        <v>0</v>
      </c>
      <c r="EF30" s="102">
        <v>0</v>
      </c>
      <c r="EG30" s="103">
        <v>0</v>
      </c>
      <c r="EH30" s="100">
        <v>0</v>
      </c>
      <c r="EI30" s="104">
        <v>227317</v>
      </c>
      <c r="EJ30" s="104">
        <v>461580</v>
      </c>
      <c r="EK30" s="104">
        <v>485210</v>
      </c>
      <c r="EL30" s="104">
        <v>406114</v>
      </c>
      <c r="EM30" s="104">
        <v>355721</v>
      </c>
      <c r="EN30" s="102">
        <v>1935942</v>
      </c>
      <c r="EO30" s="106">
        <v>193594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442020</v>
      </c>
      <c r="FM30" s="104">
        <v>1493349</v>
      </c>
      <c r="FN30" s="103">
        <v>1935369</v>
      </c>
      <c r="FO30" s="100">
        <v>0</v>
      </c>
      <c r="FP30" s="104">
        <v>1356489</v>
      </c>
      <c r="FQ30" s="104">
        <v>3005905</v>
      </c>
      <c r="FR30" s="104">
        <v>2400799</v>
      </c>
      <c r="FS30" s="104">
        <v>2127256</v>
      </c>
      <c r="FT30" s="104">
        <v>1076969</v>
      </c>
      <c r="FU30" s="103">
        <v>9967418</v>
      </c>
      <c r="FV30" s="106">
        <v>11902787</v>
      </c>
      <c r="FW30" s="105">
        <v>389820</v>
      </c>
      <c r="FX30" s="104">
        <v>868929</v>
      </c>
      <c r="FY30" s="102">
        <v>1258749</v>
      </c>
      <c r="FZ30" s="101">
        <v>0</v>
      </c>
      <c r="GA30" s="104">
        <v>950702</v>
      </c>
      <c r="GB30" s="104">
        <v>2901186</v>
      </c>
      <c r="GC30" s="104">
        <v>2110924</v>
      </c>
      <c r="GD30" s="104">
        <v>2057101</v>
      </c>
      <c r="GE30" s="104">
        <v>1076969</v>
      </c>
      <c r="GF30" s="103">
        <v>9096882</v>
      </c>
      <c r="GG30" s="296">
        <v>10355631</v>
      </c>
      <c r="GH30" s="105">
        <v>0</v>
      </c>
      <c r="GI30" s="104">
        <v>197820</v>
      </c>
      <c r="GJ30" s="102">
        <v>197820</v>
      </c>
      <c r="GK30" s="101">
        <v>0</v>
      </c>
      <c r="GL30" s="104">
        <v>54829</v>
      </c>
      <c r="GM30" s="104">
        <v>16200</v>
      </c>
      <c r="GN30" s="104">
        <v>70875</v>
      </c>
      <c r="GO30" s="104">
        <v>29205</v>
      </c>
      <c r="GP30" s="104">
        <v>0</v>
      </c>
      <c r="GQ30" s="103">
        <v>171109</v>
      </c>
      <c r="GR30" s="106">
        <v>368929</v>
      </c>
      <c r="GS30" s="100">
        <v>52200</v>
      </c>
      <c r="GT30" s="104">
        <v>426600</v>
      </c>
      <c r="GU30" s="103">
        <v>478800</v>
      </c>
      <c r="GV30" s="100">
        <v>0</v>
      </c>
      <c r="GW30" s="104">
        <v>350958</v>
      </c>
      <c r="GX30" s="104">
        <v>88519</v>
      </c>
      <c r="GY30" s="104">
        <v>219000</v>
      </c>
      <c r="GZ30" s="104">
        <v>40950</v>
      </c>
      <c r="HA30" s="104">
        <v>0</v>
      </c>
      <c r="HB30" s="102">
        <v>699427</v>
      </c>
      <c r="HC30" s="106">
        <v>1178227</v>
      </c>
      <c r="HD30" s="100">
        <v>242704</v>
      </c>
      <c r="HE30" s="104">
        <v>390896</v>
      </c>
      <c r="HF30" s="102">
        <v>633600</v>
      </c>
      <c r="HG30" s="101">
        <v>0</v>
      </c>
      <c r="HH30" s="104">
        <v>2857720</v>
      </c>
      <c r="HI30" s="104">
        <v>1987460</v>
      </c>
      <c r="HJ30" s="104">
        <v>2643016</v>
      </c>
      <c r="HK30" s="104">
        <v>5051239</v>
      </c>
      <c r="HL30" s="104">
        <v>3054966</v>
      </c>
      <c r="HM30" s="103">
        <v>15594401</v>
      </c>
      <c r="HN30" s="99">
        <v>16228001</v>
      </c>
      <c r="HO30" s="105">
        <v>490812</v>
      </c>
      <c r="HP30" s="104">
        <v>792376</v>
      </c>
      <c r="HQ30" s="103">
        <v>1283188</v>
      </c>
      <c r="HR30" s="100">
        <v>0</v>
      </c>
      <c r="HS30" s="104">
        <v>4920363</v>
      </c>
      <c r="HT30" s="104">
        <v>3775099</v>
      </c>
      <c r="HU30" s="104">
        <v>2659414</v>
      </c>
      <c r="HV30" s="104">
        <v>1893708</v>
      </c>
      <c r="HW30" s="104">
        <v>897534</v>
      </c>
      <c r="HX30" s="102">
        <v>14146118</v>
      </c>
      <c r="HY30" s="106">
        <v>15429306</v>
      </c>
      <c r="HZ30" s="137">
        <v>87720</v>
      </c>
      <c r="IA30" s="122">
        <v>0</v>
      </c>
      <c r="IB30" s="137">
        <v>87720</v>
      </c>
      <c r="IC30" s="121">
        <v>0</v>
      </c>
      <c r="ID30" s="122">
        <v>7639191</v>
      </c>
      <c r="IE30" s="123">
        <v>5312807</v>
      </c>
      <c r="IF30" s="124">
        <v>4507057</v>
      </c>
      <c r="IG30" s="122">
        <v>2922813</v>
      </c>
      <c r="IH30" s="124">
        <v>356767</v>
      </c>
      <c r="II30" s="125">
        <v>20738635</v>
      </c>
      <c r="IJ30" s="137">
        <v>20826355</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4915026</v>
      </c>
      <c r="JL30" s="109">
        <v>1986476</v>
      </c>
      <c r="JM30" s="109">
        <v>1567557</v>
      </c>
      <c r="JN30" s="109">
        <v>438929</v>
      </c>
      <c r="JO30" s="109">
        <v>68082</v>
      </c>
      <c r="JP30" s="110">
        <v>8976070</v>
      </c>
      <c r="JQ30" s="298">
        <v>8976070</v>
      </c>
      <c r="JR30" s="129">
        <v>0</v>
      </c>
      <c r="JS30" s="109">
        <v>0</v>
      </c>
      <c r="JT30" s="128">
        <v>0</v>
      </c>
      <c r="JU30" s="108">
        <v>0</v>
      </c>
      <c r="JV30" s="109">
        <v>0</v>
      </c>
      <c r="JW30" s="109">
        <v>0</v>
      </c>
      <c r="JX30" s="109">
        <v>0</v>
      </c>
      <c r="JY30" s="109">
        <v>0</v>
      </c>
      <c r="JZ30" s="109">
        <v>0</v>
      </c>
      <c r="KA30" s="110">
        <v>0</v>
      </c>
      <c r="KB30" s="298">
        <v>0</v>
      </c>
      <c r="KC30" s="221">
        <v>87720</v>
      </c>
      <c r="KD30" s="217">
        <v>0</v>
      </c>
      <c r="KE30" s="110">
        <v>87720</v>
      </c>
      <c r="KF30" s="108">
        <v>0</v>
      </c>
      <c r="KG30" s="109">
        <v>239044</v>
      </c>
      <c r="KH30" s="109">
        <v>1199137</v>
      </c>
      <c r="KI30" s="109">
        <v>495608</v>
      </c>
      <c r="KJ30" s="109">
        <v>820108</v>
      </c>
      <c r="KK30" s="109">
        <v>0</v>
      </c>
      <c r="KL30" s="110">
        <v>2753897</v>
      </c>
      <c r="KM30" s="130">
        <v>2841617</v>
      </c>
      <c r="KN30" s="219">
        <v>0</v>
      </c>
      <c r="KO30" s="223">
        <v>0</v>
      </c>
      <c r="KP30" s="224">
        <v>0</v>
      </c>
      <c r="KQ30" s="127"/>
      <c r="KR30" s="109">
        <v>2485121</v>
      </c>
      <c r="KS30" s="109">
        <v>2127194</v>
      </c>
      <c r="KT30" s="109">
        <v>2443892</v>
      </c>
      <c r="KU30" s="109">
        <v>1663776</v>
      </c>
      <c r="KV30" s="109">
        <v>288685</v>
      </c>
      <c r="KW30" s="110">
        <v>9008668</v>
      </c>
      <c r="KX30" s="298">
        <v>9008668</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2939426</v>
      </c>
      <c r="MK30" s="109">
        <v>5200871</v>
      </c>
      <c r="ML30" s="109">
        <v>21155115</v>
      </c>
      <c r="MM30" s="109">
        <v>37921941</v>
      </c>
      <c r="MN30" s="109">
        <v>21561824</v>
      </c>
      <c r="MO30" s="110">
        <v>88779177</v>
      </c>
      <c r="MP30" s="130">
        <v>88779177</v>
      </c>
      <c r="MQ30" s="129">
        <v>0</v>
      </c>
      <c r="MR30" s="109">
        <v>0</v>
      </c>
      <c r="MS30" s="110">
        <v>0</v>
      </c>
      <c r="MT30" s="132"/>
      <c r="MU30" s="109">
        <v>209599</v>
      </c>
      <c r="MV30" s="109">
        <v>1369292</v>
      </c>
      <c r="MW30" s="109">
        <v>15030426</v>
      </c>
      <c r="MX30" s="109">
        <v>19980353</v>
      </c>
      <c r="MY30" s="109">
        <v>15082573</v>
      </c>
      <c r="MZ30" s="110">
        <v>51672243</v>
      </c>
      <c r="NA30" s="130">
        <v>51672243</v>
      </c>
      <c r="NB30" s="129">
        <v>0</v>
      </c>
      <c r="NC30" s="109">
        <v>0</v>
      </c>
      <c r="ND30" s="110">
        <v>0</v>
      </c>
      <c r="NE30" s="132"/>
      <c r="NF30" s="109">
        <v>2729827</v>
      </c>
      <c r="NG30" s="109">
        <v>3831579</v>
      </c>
      <c r="NH30" s="109">
        <v>5813822</v>
      </c>
      <c r="NI30" s="109">
        <v>17502802</v>
      </c>
      <c r="NJ30" s="109">
        <v>5635501</v>
      </c>
      <c r="NK30" s="110">
        <v>35513531</v>
      </c>
      <c r="NL30" s="298">
        <v>35513531</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310867</v>
      </c>
      <c r="OE30" s="109">
        <v>438786</v>
      </c>
      <c r="OF30" s="109">
        <v>843750</v>
      </c>
      <c r="OG30" s="110">
        <v>1593403</v>
      </c>
      <c r="OH30" s="111">
        <v>1593403</v>
      </c>
      <c r="OI30" s="129">
        <v>2290719</v>
      </c>
      <c r="OJ30" s="109">
        <v>5083071</v>
      </c>
      <c r="OK30" s="128">
        <v>7373790</v>
      </c>
      <c r="OL30" s="108">
        <v>0</v>
      </c>
      <c r="OM30" s="109">
        <v>38647233</v>
      </c>
      <c r="ON30" s="109">
        <v>41791277</v>
      </c>
      <c r="OO30" s="109">
        <v>53144588</v>
      </c>
      <c r="OP30" s="109">
        <v>66293911</v>
      </c>
      <c r="OQ30" s="109">
        <v>40333708</v>
      </c>
      <c r="OR30" s="110">
        <v>240210717</v>
      </c>
      <c r="OS30" s="130">
        <v>247584507</v>
      </c>
    </row>
    <row r="31" spans="2:409" ht="21" customHeight="1" x14ac:dyDescent="0.2">
      <c r="B31" s="472" t="s">
        <v>26</v>
      </c>
      <c r="C31" s="100">
        <v>1826183</v>
      </c>
      <c r="D31" s="104">
        <v>2508382</v>
      </c>
      <c r="E31" s="103">
        <v>4334565</v>
      </c>
      <c r="F31" s="99">
        <v>0</v>
      </c>
      <c r="G31" s="104">
        <v>24001813</v>
      </c>
      <c r="H31" s="104">
        <v>26871776</v>
      </c>
      <c r="I31" s="104">
        <v>25686382</v>
      </c>
      <c r="J31" s="104">
        <v>20807738</v>
      </c>
      <c r="K31" s="104">
        <v>18399258</v>
      </c>
      <c r="L31" s="160">
        <v>115766967</v>
      </c>
      <c r="M31" s="106">
        <v>120101532</v>
      </c>
      <c r="N31" s="100">
        <v>404722</v>
      </c>
      <c r="O31" s="104">
        <v>534420</v>
      </c>
      <c r="P31" s="103">
        <v>939142</v>
      </c>
      <c r="Q31" s="100">
        <v>0</v>
      </c>
      <c r="R31" s="104">
        <v>6174215</v>
      </c>
      <c r="S31" s="104">
        <v>7277929</v>
      </c>
      <c r="T31" s="104">
        <v>8497280</v>
      </c>
      <c r="U31" s="104">
        <v>7903697</v>
      </c>
      <c r="V31" s="104">
        <v>10035485</v>
      </c>
      <c r="W31" s="103">
        <v>39888606</v>
      </c>
      <c r="X31" s="106">
        <v>40827748</v>
      </c>
      <c r="Y31" s="100">
        <v>0</v>
      </c>
      <c r="Z31" s="104">
        <v>0</v>
      </c>
      <c r="AA31" s="103">
        <v>0</v>
      </c>
      <c r="AB31" s="100">
        <v>0</v>
      </c>
      <c r="AC31" s="104">
        <v>2840390</v>
      </c>
      <c r="AD31" s="104">
        <v>3862958</v>
      </c>
      <c r="AE31" s="104">
        <v>4932026</v>
      </c>
      <c r="AF31" s="104">
        <v>4590060</v>
      </c>
      <c r="AG31" s="104">
        <v>6805546</v>
      </c>
      <c r="AH31" s="103">
        <v>23030980</v>
      </c>
      <c r="AI31" s="106">
        <v>23030980</v>
      </c>
      <c r="AJ31" s="100">
        <v>0</v>
      </c>
      <c r="AK31" s="104">
        <v>0</v>
      </c>
      <c r="AL31" s="103">
        <v>0</v>
      </c>
      <c r="AM31" s="100">
        <v>0</v>
      </c>
      <c r="AN31" s="104">
        <v>0</v>
      </c>
      <c r="AO31" s="104">
        <v>0</v>
      </c>
      <c r="AP31" s="104">
        <v>105216</v>
      </c>
      <c r="AQ31" s="104">
        <v>657149</v>
      </c>
      <c r="AR31" s="104">
        <v>817792</v>
      </c>
      <c r="AS31" s="103">
        <v>1580157</v>
      </c>
      <c r="AT31" s="106">
        <v>1580157</v>
      </c>
      <c r="AU31" s="100">
        <v>248160</v>
      </c>
      <c r="AV31" s="104">
        <v>438316</v>
      </c>
      <c r="AW31" s="103">
        <v>686476</v>
      </c>
      <c r="AX31" s="100">
        <v>0</v>
      </c>
      <c r="AY31" s="104">
        <v>2427780</v>
      </c>
      <c r="AZ31" s="104">
        <v>2336989</v>
      </c>
      <c r="BA31" s="104">
        <v>2079119</v>
      </c>
      <c r="BB31" s="104">
        <v>1850456</v>
      </c>
      <c r="BC31" s="104">
        <v>1820841</v>
      </c>
      <c r="BD31" s="103">
        <v>10515185</v>
      </c>
      <c r="BE31" s="106">
        <v>11201661</v>
      </c>
      <c r="BF31" s="100">
        <v>23547</v>
      </c>
      <c r="BG31" s="104">
        <v>0</v>
      </c>
      <c r="BH31" s="102">
        <v>23547</v>
      </c>
      <c r="BI31" s="101">
        <v>0</v>
      </c>
      <c r="BJ31" s="104">
        <v>24419</v>
      </c>
      <c r="BK31" s="104">
        <v>275669</v>
      </c>
      <c r="BL31" s="104">
        <v>316591</v>
      </c>
      <c r="BM31" s="104">
        <v>67656</v>
      </c>
      <c r="BN31" s="104">
        <v>114528</v>
      </c>
      <c r="BO31" s="103">
        <v>798863</v>
      </c>
      <c r="BP31" s="106">
        <v>822410</v>
      </c>
      <c r="BQ31" s="100">
        <v>133015</v>
      </c>
      <c r="BR31" s="104">
        <v>96104</v>
      </c>
      <c r="BS31" s="103">
        <v>229119</v>
      </c>
      <c r="BT31" s="100">
        <v>0</v>
      </c>
      <c r="BU31" s="104">
        <v>881626</v>
      </c>
      <c r="BV31" s="104">
        <v>802313</v>
      </c>
      <c r="BW31" s="104">
        <v>1064328</v>
      </c>
      <c r="BX31" s="104">
        <v>738376</v>
      </c>
      <c r="BY31" s="104">
        <v>476778</v>
      </c>
      <c r="BZ31" s="103">
        <v>3963421</v>
      </c>
      <c r="CA31" s="106">
        <v>4192540</v>
      </c>
      <c r="CB31" s="100">
        <v>179819</v>
      </c>
      <c r="CC31" s="104">
        <v>147929</v>
      </c>
      <c r="CD31" s="103">
        <v>327748</v>
      </c>
      <c r="CE31" s="100">
        <v>0</v>
      </c>
      <c r="CF31" s="104">
        <v>6746002</v>
      </c>
      <c r="CG31" s="104">
        <v>8381278</v>
      </c>
      <c r="CH31" s="104">
        <v>6243140</v>
      </c>
      <c r="CI31" s="104">
        <v>3903509</v>
      </c>
      <c r="CJ31" s="104">
        <v>2700090</v>
      </c>
      <c r="CK31" s="103">
        <v>27974019</v>
      </c>
      <c r="CL31" s="106">
        <v>28301767</v>
      </c>
      <c r="CM31" s="100">
        <v>0</v>
      </c>
      <c r="CN31" s="104">
        <v>0</v>
      </c>
      <c r="CO31" s="103">
        <v>0</v>
      </c>
      <c r="CP31" s="101">
        <v>0</v>
      </c>
      <c r="CQ31" s="104">
        <v>5716260</v>
      </c>
      <c r="CR31" s="104">
        <v>6598043</v>
      </c>
      <c r="CS31" s="104">
        <v>5167072</v>
      </c>
      <c r="CT31" s="104">
        <v>2718586</v>
      </c>
      <c r="CU31" s="104">
        <v>2099622</v>
      </c>
      <c r="CV31" s="103">
        <v>22299583</v>
      </c>
      <c r="CW31" s="106">
        <v>22299583</v>
      </c>
      <c r="CX31" s="100">
        <v>179819</v>
      </c>
      <c r="CY31" s="104">
        <v>147929</v>
      </c>
      <c r="CZ31" s="103">
        <v>327748</v>
      </c>
      <c r="DA31" s="100">
        <v>0</v>
      </c>
      <c r="DB31" s="104">
        <v>1029742</v>
      </c>
      <c r="DC31" s="104">
        <v>1783235</v>
      </c>
      <c r="DD31" s="104">
        <v>1076068</v>
      </c>
      <c r="DE31" s="104">
        <v>1184923</v>
      </c>
      <c r="DF31" s="104">
        <v>600468</v>
      </c>
      <c r="DG31" s="103">
        <v>5674436</v>
      </c>
      <c r="DH31" s="106">
        <v>6002184</v>
      </c>
      <c r="DI31" s="100">
        <v>26651</v>
      </c>
      <c r="DJ31" s="104">
        <v>25455</v>
      </c>
      <c r="DK31" s="102">
        <v>52106</v>
      </c>
      <c r="DL31" s="101">
        <v>0</v>
      </c>
      <c r="DM31" s="104">
        <v>1008859</v>
      </c>
      <c r="DN31" s="104">
        <v>1352355</v>
      </c>
      <c r="DO31" s="104">
        <v>1757072</v>
      </c>
      <c r="DP31" s="104">
        <v>2520897</v>
      </c>
      <c r="DQ31" s="104">
        <v>1158392</v>
      </c>
      <c r="DR31" s="103">
        <v>7797575</v>
      </c>
      <c r="DS31" s="106">
        <v>7849681</v>
      </c>
      <c r="DT31" s="100">
        <v>26651</v>
      </c>
      <c r="DU31" s="104">
        <v>25455</v>
      </c>
      <c r="DV31" s="103">
        <v>52106</v>
      </c>
      <c r="DW31" s="100">
        <v>0</v>
      </c>
      <c r="DX31" s="104">
        <v>935101</v>
      </c>
      <c r="DY31" s="104">
        <v>1148327</v>
      </c>
      <c r="DZ31" s="104">
        <v>1610952</v>
      </c>
      <c r="EA31" s="104">
        <v>2352518</v>
      </c>
      <c r="EB31" s="104">
        <v>1158392</v>
      </c>
      <c r="EC31" s="103">
        <v>7205290</v>
      </c>
      <c r="ED31" s="106">
        <v>7257396</v>
      </c>
      <c r="EE31" s="100">
        <v>0</v>
      </c>
      <c r="EF31" s="102">
        <v>0</v>
      </c>
      <c r="EG31" s="103">
        <v>0</v>
      </c>
      <c r="EH31" s="100">
        <v>0</v>
      </c>
      <c r="EI31" s="104">
        <v>73758</v>
      </c>
      <c r="EJ31" s="104">
        <v>204028</v>
      </c>
      <c r="EK31" s="104">
        <v>146120</v>
      </c>
      <c r="EL31" s="104">
        <v>168379</v>
      </c>
      <c r="EM31" s="104">
        <v>0</v>
      </c>
      <c r="EN31" s="102">
        <v>592285</v>
      </c>
      <c r="EO31" s="106">
        <v>592285</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413409</v>
      </c>
      <c r="FM31" s="104">
        <v>711325</v>
      </c>
      <c r="FN31" s="103">
        <v>1124734</v>
      </c>
      <c r="FO31" s="100">
        <v>0</v>
      </c>
      <c r="FP31" s="104">
        <v>1597207</v>
      </c>
      <c r="FQ31" s="104">
        <v>2594898</v>
      </c>
      <c r="FR31" s="104">
        <v>1780411</v>
      </c>
      <c r="FS31" s="104">
        <v>1789760</v>
      </c>
      <c r="FT31" s="104">
        <v>1537321</v>
      </c>
      <c r="FU31" s="103">
        <v>9299597</v>
      </c>
      <c r="FV31" s="106">
        <v>10424331</v>
      </c>
      <c r="FW31" s="105">
        <v>325290</v>
      </c>
      <c r="FX31" s="104">
        <v>487507</v>
      </c>
      <c r="FY31" s="102">
        <v>812797</v>
      </c>
      <c r="FZ31" s="101">
        <v>0</v>
      </c>
      <c r="GA31" s="104">
        <v>1159583</v>
      </c>
      <c r="GB31" s="104">
        <v>2437092</v>
      </c>
      <c r="GC31" s="104">
        <v>1780411</v>
      </c>
      <c r="GD31" s="104">
        <v>1789760</v>
      </c>
      <c r="GE31" s="104">
        <v>1537321</v>
      </c>
      <c r="GF31" s="103">
        <v>8704167</v>
      </c>
      <c r="GG31" s="296">
        <v>9516964</v>
      </c>
      <c r="GH31" s="105">
        <v>21879</v>
      </c>
      <c r="GI31" s="104">
        <v>38648</v>
      </c>
      <c r="GJ31" s="102">
        <v>60527</v>
      </c>
      <c r="GK31" s="101">
        <v>0</v>
      </c>
      <c r="GL31" s="104">
        <v>61479</v>
      </c>
      <c r="GM31" s="104">
        <v>80784</v>
      </c>
      <c r="GN31" s="104">
        <v>0</v>
      </c>
      <c r="GO31" s="104">
        <v>0</v>
      </c>
      <c r="GP31" s="104">
        <v>0</v>
      </c>
      <c r="GQ31" s="103">
        <v>142263</v>
      </c>
      <c r="GR31" s="106">
        <v>202790</v>
      </c>
      <c r="GS31" s="100">
        <v>66240</v>
      </c>
      <c r="GT31" s="104">
        <v>185170</v>
      </c>
      <c r="GU31" s="103">
        <v>251410</v>
      </c>
      <c r="GV31" s="100">
        <v>0</v>
      </c>
      <c r="GW31" s="104">
        <v>376145</v>
      </c>
      <c r="GX31" s="104">
        <v>77022</v>
      </c>
      <c r="GY31" s="104">
        <v>0</v>
      </c>
      <c r="GZ31" s="104">
        <v>0</v>
      </c>
      <c r="HA31" s="104">
        <v>0</v>
      </c>
      <c r="HB31" s="102">
        <v>453167</v>
      </c>
      <c r="HC31" s="106">
        <v>704577</v>
      </c>
      <c r="HD31" s="100">
        <v>466542</v>
      </c>
      <c r="HE31" s="104">
        <v>580203</v>
      </c>
      <c r="HF31" s="102">
        <v>1046745</v>
      </c>
      <c r="HG31" s="101">
        <v>0</v>
      </c>
      <c r="HH31" s="104">
        <v>4251590</v>
      </c>
      <c r="HI31" s="104">
        <v>3693117</v>
      </c>
      <c r="HJ31" s="104">
        <v>4533661</v>
      </c>
      <c r="HK31" s="104">
        <v>3002499</v>
      </c>
      <c r="HL31" s="104">
        <v>1774627</v>
      </c>
      <c r="HM31" s="103">
        <v>17255494</v>
      </c>
      <c r="HN31" s="99">
        <v>18302239</v>
      </c>
      <c r="HO31" s="105">
        <v>335040</v>
      </c>
      <c r="HP31" s="104">
        <v>509050</v>
      </c>
      <c r="HQ31" s="103">
        <v>844090</v>
      </c>
      <c r="HR31" s="100">
        <v>0</v>
      </c>
      <c r="HS31" s="104">
        <v>4223940</v>
      </c>
      <c r="HT31" s="104">
        <v>3572199</v>
      </c>
      <c r="HU31" s="104">
        <v>2874818</v>
      </c>
      <c r="HV31" s="104">
        <v>1687376</v>
      </c>
      <c r="HW31" s="104">
        <v>1193343</v>
      </c>
      <c r="HX31" s="102">
        <v>13551676</v>
      </c>
      <c r="HY31" s="106">
        <v>14395766</v>
      </c>
      <c r="HZ31" s="118">
        <v>54693</v>
      </c>
      <c r="IA31" s="119">
        <v>11685</v>
      </c>
      <c r="IB31" s="120">
        <v>66378</v>
      </c>
      <c r="IC31" s="133">
        <v>0</v>
      </c>
      <c r="ID31" s="119">
        <v>5468454</v>
      </c>
      <c r="IE31" s="134">
        <v>7370811</v>
      </c>
      <c r="IF31" s="120">
        <v>9974035</v>
      </c>
      <c r="IG31" s="119">
        <v>4175396</v>
      </c>
      <c r="IH31" s="120">
        <v>2816282</v>
      </c>
      <c r="II31" s="135">
        <v>29804978</v>
      </c>
      <c r="IJ31" s="126">
        <v>29871356</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075973</v>
      </c>
      <c r="JL31" s="109">
        <v>2643660</v>
      </c>
      <c r="JM31" s="109">
        <v>2913109</v>
      </c>
      <c r="JN31" s="109">
        <v>758355</v>
      </c>
      <c r="JO31" s="109">
        <v>1363559</v>
      </c>
      <c r="JP31" s="110">
        <v>9754656</v>
      </c>
      <c r="JQ31" s="298">
        <v>9754656</v>
      </c>
      <c r="JR31" s="129">
        <v>0</v>
      </c>
      <c r="JS31" s="109">
        <v>0</v>
      </c>
      <c r="JT31" s="128">
        <v>0</v>
      </c>
      <c r="JU31" s="108">
        <v>0</v>
      </c>
      <c r="JV31" s="109">
        <v>80214</v>
      </c>
      <c r="JW31" s="109">
        <v>290870</v>
      </c>
      <c r="JX31" s="109">
        <v>627161</v>
      </c>
      <c r="JY31" s="109">
        <v>110689</v>
      </c>
      <c r="JZ31" s="109">
        <v>226176</v>
      </c>
      <c r="KA31" s="110">
        <v>1335110</v>
      </c>
      <c r="KB31" s="298">
        <v>1335110</v>
      </c>
      <c r="KC31" s="221">
        <v>54693</v>
      </c>
      <c r="KD31" s="217">
        <v>11685</v>
      </c>
      <c r="KE31" s="110">
        <v>66378</v>
      </c>
      <c r="KF31" s="108">
        <v>0</v>
      </c>
      <c r="KG31" s="109">
        <v>781157</v>
      </c>
      <c r="KH31" s="109">
        <v>971429</v>
      </c>
      <c r="KI31" s="109">
        <v>1016020</v>
      </c>
      <c r="KJ31" s="109">
        <v>306196</v>
      </c>
      <c r="KK31" s="109">
        <v>646624</v>
      </c>
      <c r="KL31" s="110">
        <v>3721426</v>
      </c>
      <c r="KM31" s="130">
        <v>3787804</v>
      </c>
      <c r="KN31" s="219">
        <v>0</v>
      </c>
      <c r="KO31" s="223">
        <v>0</v>
      </c>
      <c r="KP31" s="224">
        <v>0</v>
      </c>
      <c r="KQ31" s="127"/>
      <c r="KR31" s="109">
        <v>2531110</v>
      </c>
      <c r="KS31" s="109">
        <v>3464852</v>
      </c>
      <c r="KT31" s="109">
        <v>5417745</v>
      </c>
      <c r="KU31" s="109">
        <v>3000156</v>
      </c>
      <c r="KV31" s="109">
        <v>579923</v>
      </c>
      <c r="KW31" s="110">
        <v>14993786</v>
      </c>
      <c r="KX31" s="298">
        <v>14993786</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2211954</v>
      </c>
      <c r="MK31" s="109">
        <v>8500098</v>
      </c>
      <c r="ML31" s="109">
        <v>15221729</v>
      </c>
      <c r="MM31" s="109">
        <v>23948958</v>
      </c>
      <c r="MN31" s="109">
        <v>19028670</v>
      </c>
      <c r="MO31" s="110">
        <v>68911409</v>
      </c>
      <c r="MP31" s="130">
        <v>68911409</v>
      </c>
      <c r="MQ31" s="129">
        <v>0</v>
      </c>
      <c r="MR31" s="109">
        <v>0</v>
      </c>
      <c r="MS31" s="110">
        <v>0</v>
      </c>
      <c r="MT31" s="132"/>
      <c r="MU31" s="109">
        <v>238068</v>
      </c>
      <c r="MV31" s="109">
        <v>1649248</v>
      </c>
      <c r="MW31" s="109">
        <v>8743453</v>
      </c>
      <c r="MX31" s="109">
        <v>17735487</v>
      </c>
      <c r="MY31" s="109">
        <v>13720776</v>
      </c>
      <c r="MZ31" s="110">
        <v>42087032</v>
      </c>
      <c r="NA31" s="130">
        <v>42087032</v>
      </c>
      <c r="NB31" s="129">
        <v>0</v>
      </c>
      <c r="NC31" s="109">
        <v>0</v>
      </c>
      <c r="ND31" s="110">
        <v>0</v>
      </c>
      <c r="NE31" s="132"/>
      <c r="NF31" s="109">
        <v>1973886</v>
      </c>
      <c r="NG31" s="109">
        <v>6850850</v>
      </c>
      <c r="NH31" s="109">
        <v>6127392</v>
      </c>
      <c r="NI31" s="109">
        <v>6213471</v>
      </c>
      <c r="NJ31" s="109">
        <v>4462237</v>
      </c>
      <c r="NK31" s="110">
        <v>25627836</v>
      </c>
      <c r="NL31" s="298">
        <v>25627836</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50884</v>
      </c>
      <c r="OE31" s="109">
        <v>0</v>
      </c>
      <c r="OF31" s="109">
        <v>845657</v>
      </c>
      <c r="OG31" s="110">
        <v>1196541</v>
      </c>
      <c r="OH31" s="111">
        <v>1196541</v>
      </c>
      <c r="OI31" s="129">
        <v>1880876</v>
      </c>
      <c r="OJ31" s="109">
        <v>2520067</v>
      </c>
      <c r="OK31" s="128">
        <v>4400943</v>
      </c>
      <c r="OL31" s="108">
        <v>0</v>
      </c>
      <c r="OM31" s="109">
        <v>31682221</v>
      </c>
      <c r="ON31" s="109">
        <v>42742685</v>
      </c>
      <c r="OO31" s="109">
        <v>50882146</v>
      </c>
      <c r="OP31" s="109">
        <v>48932092</v>
      </c>
      <c r="OQ31" s="109">
        <v>40244210</v>
      </c>
      <c r="OR31" s="110">
        <v>214483354</v>
      </c>
      <c r="OS31" s="130">
        <v>218884297</v>
      </c>
    </row>
    <row r="32" spans="2:409" ht="21" customHeight="1" x14ac:dyDescent="0.2">
      <c r="B32" s="472" t="s">
        <v>27</v>
      </c>
      <c r="C32" s="100">
        <v>2476368</v>
      </c>
      <c r="D32" s="104">
        <v>6657125</v>
      </c>
      <c r="E32" s="103">
        <v>9133493</v>
      </c>
      <c r="F32" s="99">
        <v>0</v>
      </c>
      <c r="G32" s="104">
        <v>24130294</v>
      </c>
      <c r="H32" s="104">
        <v>23960281</v>
      </c>
      <c r="I32" s="104">
        <v>24030024</v>
      </c>
      <c r="J32" s="104">
        <v>23658016</v>
      </c>
      <c r="K32" s="104">
        <v>15300624</v>
      </c>
      <c r="L32" s="160">
        <v>111079239</v>
      </c>
      <c r="M32" s="106">
        <v>120212732</v>
      </c>
      <c r="N32" s="100">
        <v>581908</v>
      </c>
      <c r="O32" s="104">
        <v>1402715</v>
      </c>
      <c r="P32" s="103">
        <v>1984623</v>
      </c>
      <c r="Q32" s="100">
        <v>0</v>
      </c>
      <c r="R32" s="104">
        <v>4797839</v>
      </c>
      <c r="S32" s="104">
        <v>5644708</v>
      </c>
      <c r="T32" s="104">
        <v>7012788</v>
      </c>
      <c r="U32" s="104">
        <v>6004659</v>
      </c>
      <c r="V32" s="104">
        <v>7397168</v>
      </c>
      <c r="W32" s="103">
        <v>30857162</v>
      </c>
      <c r="X32" s="106">
        <v>32841785</v>
      </c>
      <c r="Y32" s="100">
        <v>0</v>
      </c>
      <c r="Z32" s="104">
        <v>0</v>
      </c>
      <c r="AA32" s="103">
        <v>0</v>
      </c>
      <c r="AB32" s="100">
        <v>0</v>
      </c>
      <c r="AC32" s="104">
        <v>2519968</v>
      </c>
      <c r="AD32" s="104">
        <v>2953153</v>
      </c>
      <c r="AE32" s="104">
        <v>3609314</v>
      </c>
      <c r="AF32" s="104">
        <v>2644585</v>
      </c>
      <c r="AG32" s="104">
        <v>3868298</v>
      </c>
      <c r="AH32" s="103">
        <v>15595318</v>
      </c>
      <c r="AI32" s="106">
        <v>15595318</v>
      </c>
      <c r="AJ32" s="100">
        <v>0</v>
      </c>
      <c r="AK32" s="104">
        <v>0</v>
      </c>
      <c r="AL32" s="103">
        <v>0</v>
      </c>
      <c r="AM32" s="100">
        <v>0</v>
      </c>
      <c r="AN32" s="104">
        <v>89288</v>
      </c>
      <c r="AO32" s="104">
        <v>353437</v>
      </c>
      <c r="AP32" s="104">
        <v>550572</v>
      </c>
      <c r="AQ32" s="104">
        <v>776294</v>
      </c>
      <c r="AR32" s="104">
        <v>1062374</v>
      </c>
      <c r="AS32" s="103">
        <v>2831965</v>
      </c>
      <c r="AT32" s="106">
        <v>2831965</v>
      </c>
      <c r="AU32" s="100">
        <v>484206</v>
      </c>
      <c r="AV32" s="104">
        <v>1154166</v>
      </c>
      <c r="AW32" s="103">
        <v>1638372</v>
      </c>
      <c r="AX32" s="100">
        <v>0</v>
      </c>
      <c r="AY32" s="104">
        <v>1370847</v>
      </c>
      <c r="AZ32" s="104">
        <v>1418926</v>
      </c>
      <c r="BA32" s="104">
        <v>1799259</v>
      </c>
      <c r="BB32" s="104">
        <v>1527749</v>
      </c>
      <c r="BC32" s="104">
        <v>1790394</v>
      </c>
      <c r="BD32" s="103">
        <v>7907175</v>
      </c>
      <c r="BE32" s="106">
        <v>9545547</v>
      </c>
      <c r="BF32" s="100">
        <v>26189</v>
      </c>
      <c r="BG32" s="104">
        <v>64018</v>
      </c>
      <c r="BH32" s="102">
        <v>90207</v>
      </c>
      <c r="BI32" s="101">
        <v>0</v>
      </c>
      <c r="BJ32" s="104">
        <v>0</v>
      </c>
      <c r="BK32" s="104">
        <v>59250</v>
      </c>
      <c r="BL32" s="104">
        <v>0</v>
      </c>
      <c r="BM32" s="104">
        <v>0</v>
      </c>
      <c r="BN32" s="104">
        <v>35550</v>
      </c>
      <c r="BO32" s="103">
        <v>94800</v>
      </c>
      <c r="BP32" s="106">
        <v>185007</v>
      </c>
      <c r="BQ32" s="100">
        <v>71513</v>
      </c>
      <c r="BR32" s="104">
        <v>184531</v>
      </c>
      <c r="BS32" s="103">
        <v>256044</v>
      </c>
      <c r="BT32" s="100">
        <v>0</v>
      </c>
      <c r="BU32" s="104">
        <v>817736</v>
      </c>
      <c r="BV32" s="104">
        <v>859942</v>
      </c>
      <c r="BW32" s="104">
        <v>1053643</v>
      </c>
      <c r="BX32" s="104">
        <v>1056031</v>
      </c>
      <c r="BY32" s="104">
        <v>640552</v>
      </c>
      <c r="BZ32" s="103">
        <v>4427904</v>
      </c>
      <c r="CA32" s="106">
        <v>4683948</v>
      </c>
      <c r="CB32" s="100">
        <v>209952</v>
      </c>
      <c r="CC32" s="104">
        <v>1337645</v>
      </c>
      <c r="CD32" s="103">
        <v>1547597</v>
      </c>
      <c r="CE32" s="100">
        <v>0</v>
      </c>
      <c r="CF32" s="104">
        <v>8206268</v>
      </c>
      <c r="CG32" s="104">
        <v>7289154</v>
      </c>
      <c r="CH32" s="104">
        <v>4938273</v>
      </c>
      <c r="CI32" s="104">
        <v>3708874</v>
      </c>
      <c r="CJ32" s="104">
        <v>1399196</v>
      </c>
      <c r="CK32" s="103">
        <v>25541765</v>
      </c>
      <c r="CL32" s="106">
        <v>27089362</v>
      </c>
      <c r="CM32" s="100">
        <v>0</v>
      </c>
      <c r="CN32" s="104">
        <v>0</v>
      </c>
      <c r="CO32" s="103">
        <v>0</v>
      </c>
      <c r="CP32" s="101">
        <v>0</v>
      </c>
      <c r="CQ32" s="104">
        <v>7083608</v>
      </c>
      <c r="CR32" s="104">
        <v>5622956</v>
      </c>
      <c r="CS32" s="104">
        <v>3701288</v>
      </c>
      <c r="CT32" s="104">
        <v>3045798</v>
      </c>
      <c r="CU32" s="104">
        <v>1075386</v>
      </c>
      <c r="CV32" s="103">
        <v>20529036</v>
      </c>
      <c r="CW32" s="106">
        <v>20529036</v>
      </c>
      <c r="CX32" s="100">
        <v>209952</v>
      </c>
      <c r="CY32" s="104">
        <v>1337645</v>
      </c>
      <c r="CZ32" s="103">
        <v>1547597</v>
      </c>
      <c r="DA32" s="100">
        <v>0</v>
      </c>
      <c r="DB32" s="104">
        <v>1122660</v>
      </c>
      <c r="DC32" s="104">
        <v>1666198</v>
      </c>
      <c r="DD32" s="104">
        <v>1236985</v>
      </c>
      <c r="DE32" s="104">
        <v>663076</v>
      </c>
      <c r="DF32" s="104">
        <v>323810</v>
      </c>
      <c r="DG32" s="103">
        <v>5012729</v>
      </c>
      <c r="DH32" s="106">
        <v>6560326</v>
      </c>
      <c r="DI32" s="100">
        <v>15685</v>
      </c>
      <c r="DJ32" s="104">
        <v>120672</v>
      </c>
      <c r="DK32" s="102">
        <v>136357</v>
      </c>
      <c r="DL32" s="101">
        <v>0</v>
      </c>
      <c r="DM32" s="104">
        <v>453082</v>
      </c>
      <c r="DN32" s="104">
        <v>1190461</v>
      </c>
      <c r="DO32" s="104">
        <v>1547740</v>
      </c>
      <c r="DP32" s="104">
        <v>1354463</v>
      </c>
      <c r="DQ32" s="104">
        <v>907061</v>
      </c>
      <c r="DR32" s="103">
        <v>5452807</v>
      </c>
      <c r="DS32" s="106">
        <v>5589164</v>
      </c>
      <c r="DT32" s="100">
        <v>15685</v>
      </c>
      <c r="DU32" s="104">
        <v>53010</v>
      </c>
      <c r="DV32" s="103">
        <v>68695</v>
      </c>
      <c r="DW32" s="100">
        <v>0</v>
      </c>
      <c r="DX32" s="104">
        <v>307487</v>
      </c>
      <c r="DY32" s="104">
        <v>1137487</v>
      </c>
      <c r="DZ32" s="104">
        <v>1516068</v>
      </c>
      <c r="EA32" s="104">
        <v>1217439</v>
      </c>
      <c r="EB32" s="104">
        <v>907061</v>
      </c>
      <c r="EC32" s="103">
        <v>5085542</v>
      </c>
      <c r="ED32" s="106">
        <v>5154237</v>
      </c>
      <c r="EE32" s="100">
        <v>0</v>
      </c>
      <c r="EF32" s="102">
        <v>67662</v>
      </c>
      <c r="EG32" s="103">
        <v>67662</v>
      </c>
      <c r="EH32" s="100">
        <v>0</v>
      </c>
      <c r="EI32" s="104">
        <v>145595</v>
      </c>
      <c r="EJ32" s="104">
        <v>52974</v>
      </c>
      <c r="EK32" s="104">
        <v>31672</v>
      </c>
      <c r="EL32" s="104">
        <v>137024</v>
      </c>
      <c r="EM32" s="104">
        <v>0</v>
      </c>
      <c r="EN32" s="102">
        <v>367265</v>
      </c>
      <c r="EO32" s="106">
        <v>434927</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593054</v>
      </c>
      <c r="FM32" s="104">
        <v>1634675</v>
      </c>
      <c r="FN32" s="103">
        <v>2227729</v>
      </c>
      <c r="FO32" s="100">
        <v>0</v>
      </c>
      <c r="FP32" s="104">
        <v>695888</v>
      </c>
      <c r="FQ32" s="104">
        <v>1747168</v>
      </c>
      <c r="FR32" s="104">
        <v>1834396</v>
      </c>
      <c r="FS32" s="104">
        <v>1194016</v>
      </c>
      <c r="FT32" s="104">
        <v>1026508</v>
      </c>
      <c r="FU32" s="103">
        <v>6497976</v>
      </c>
      <c r="FV32" s="106">
        <v>8725705</v>
      </c>
      <c r="FW32" s="105">
        <v>436084</v>
      </c>
      <c r="FX32" s="104">
        <v>1082414</v>
      </c>
      <c r="FY32" s="102">
        <v>1518498</v>
      </c>
      <c r="FZ32" s="101">
        <v>0</v>
      </c>
      <c r="GA32" s="104">
        <v>598058</v>
      </c>
      <c r="GB32" s="104">
        <v>1662028</v>
      </c>
      <c r="GC32" s="104">
        <v>1681126</v>
      </c>
      <c r="GD32" s="104">
        <v>1194016</v>
      </c>
      <c r="GE32" s="104">
        <v>1026508</v>
      </c>
      <c r="GF32" s="103">
        <v>6161736</v>
      </c>
      <c r="GG32" s="296">
        <v>7680234</v>
      </c>
      <c r="GH32" s="105">
        <v>0</v>
      </c>
      <c r="GI32" s="104">
        <v>94845</v>
      </c>
      <c r="GJ32" s="102">
        <v>94845</v>
      </c>
      <c r="GK32" s="101">
        <v>0</v>
      </c>
      <c r="GL32" s="104">
        <v>33930</v>
      </c>
      <c r="GM32" s="104">
        <v>9900</v>
      </c>
      <c r="GN32" s="104">
        <v>0</v>
      </c>
      <c r="GO32" s="104">
        <v>0</v>
      </c>
      <c r="GP32" s="104">
        <v>0</v>
      </c>
      <c r="GQ32" s="103">
        <v>43830</v>
      </c>
      <c r="GR32" s="106">
        <v>138675</v>
      </c>
      <c r="GS32" s="100">
        <v>156970</v>
      </c>
      <c r="GT32" s="104">
        <v>457416</v>
      </c>
      <c r="GU32" s="103">
        <v>614386</v>
      </c>
      <c r="GV32" s="100">
        <v>0</v>
      </c>
      <c r="GW32" s="104">
        <v>63900</v>
      </c>
      <c r="GX32" s="104">
        <v>75240</v>
      </c>
      <c r="GY32" s="104">
        <v>153270</v>
      </c>
      <c r="GZ32" s="104">
        <v>0</v>
      </c>
      <c r="HA32" s="104">
        <v>0</v>
      </c>
      <c r="HB32" s="102">
        <v>292410</v>
      </c>
      <c r="HC32" s="106">
        <v>906796</v>
      </c>
      <c r="HD32" s="100">
        <v>526268</v>
      </c>
      <c r="HE32" s="104">
        <v>1353703</v>
      </c>
      <c r="HF32" s="102">
        <v>1879971</v>
      </c>
      <c r="HG32" s="101">
        <v>0</v>
      </c>
      <c r="HH32" s="104">
        <v>6664468</v>
      </c>
      <c r="HI32" s="104">
        <v>5676085</v>
      </c>
      <c r="HJ32" s="104">
        <v>6763726</v>
      </c>
      <c r="HK32" s="104">
        <v>10168320</v>
      </c>
      <c r="HL32" s="104">
        <v>3743402</v>
      </c>
      <c r="HM32" s="103">
        <v>33016001</v>
      </c>
      <c r="HN32" s="99">
        <v>34895972</v>
      </c>
      <c r="HO32" s="105">
        <v>549501</v>
      </c>
      <c r="HP32" s="104">
        <v>807715</v>
      </c>
      <c r="HQ32" s="103">
        <v>1357216</v>
      </c>
      <c r="HR32" s="100">
        <v>0</v>
      </c>
      <c r="HS32" s="104">
        <v>3312749</v>
      </c>
      <c r="HT32" s="104">
        <v>2412705</v>
      </c>
      <c r="HU32" s="104">
        <v>1933101</v>
      </c>
      <c r="HV32" s="104">
        <v>1227684</v>
      </c>
      <c r="HW32" s="104">
        <v>827289</v>
      </c>
      <c r="HX32" s="102">
        <v>9713528</v>
      </c>
      <c r="HY32" s="106">
        <v>11070744</v>
      </c>
      <c r="HZ32" s="137">
        <v>0</v>
      </c>
      <c r="IA32" s="122">
        <v>183473</v>
      </c>
      <c r="IB32" s="137">
        <v>183473</v>
      </c>
      <c r="IC32" s="121">
        <v>0</v>
      </c>
      <c r="ID32" s="122">
        <v>4827988</v>
      </c>
      <c r="IE32" s="123">
        <v>2901518</v>
      </c>
      <c r="IF32" s="124">
        <v>5717660</v>
      </c>
      <c r="IG32" s="122">
        <v>4985067</v>
      </c>
      <c r="IH32" s="124">
        <v>3354418</v>
      </c>
      <c r="II32" s="125">
        <v>21786651</v>
      </c>
      <c r="IJ32" s="137">
        <v>21970124</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877196</v>
      </c>
      <c r="JL32" s="109">
        <v>1070446</v>
      </c>
      <c r="JM32" s="109">
        <v>605811</v>
      </c>
      <c r="JN32" s="109">
        <v>157259</v>
      </c>
      <c r="JO32" s="109">
        <v>0</v>
      </c>
      <c r="JP32" s="110">
        <v>3710712</v>
      </c>
      <c r="JQ32" s="298">
        <v>3710712</v>
      </c>
      <c r="JR32" s="129">
        <v>0</v>
      </c>
      <c r="JS32" s="109">
        <v>0</v>
      </c>
      <c r="JT32" s="128">
        <v>0</v>
      </c>
      <c r="JU32" s="108">
        <v>0</v>
      </c>
      <c r="JV32" s="109">
        <v>292920</v>
      </c>
      <c r="JW32" s="109">
        <v>37674</v>
      </c>
      <c r="JX32" s="109">
        <v>47056</v>
      </c>
      <c r="JY32" s="109">
        <v>239648</v>
      </c>
      <c r="JZ32" s="109">
        <v>357525</v>
      </c>
      <c r="KA32" s="110">
        <v>974823</v>
      </c>
      <c r="KB32" s="298">
        <v>974823</v>
      </c>
      <c r="KC32" s="221">
        <v>0</v>
      </c>
      <c r="KD32" s="217">
        <v>0</v>
      </c>
      <c r="KE32" s="110">
        <v>0</v>
      </c>
      <c r="KF32" s="108">
        <v>0</v>
      </c>
      <c r="KG32" s="109">
        <v>547729</v>
      </c>
      <c r="KH32" s="109">
        <v>194826</v>
      </c>
      <c r="KI32" s="109">
        <v>1028114</v>
      </c>
      <c r="KJ32" s="109">
        <v>0</v>
      </c>
      <c r="KK32" s="109">
        <v>0</v>
      </c>
      <c r="KL32" s="110">
        <v>1770669</v>
      </c>
      <c r="KM32" s="130">
        <v>1770669</v>
      </c>
      <c r="KN32" s="219">
        <v>0</v>
      </c>
      <c r="KO32" s="223">
        <v>183473</v>
      </c>
      <c r="KP32" s="224">
        <v>183473</v>
      </c>
      <c r="KQ32" s="127"/>
      <c r="KR32" s="109">
        <v>2110143</v>
      </c>
      <c r="KS32" s="109">
        <v>1598572</v>
      </c>
      <c r="KT32" s="109">
        <v>1886018</v>
      </c>
      <c r="KU32" s="109">
        <v>1338483</v>
      </c>
      <c r="KV32" s="109">
        <v>1705680</v>
      </c>
      <c r="KW32" s="110">
        <v>8638896</v>
      </c>
      <c r="KX32" s="298">
        <v>8822369</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975165</v>
      </c>
      <c r="LQ32" s="109">
        <v>2932817</v>
      </c>
      <c r="LR32" s="109">
        <v>1291213</v>
      </c>
      <c r="LS32" s="110">
        <v>6199195</v>
      </c>
      <c r="LT32" s="298">
        <v>6199195</v>
      </c>
      <c r="LU32" s="129">
        <v>0</v>
      </c>
      <c r="LV32" s="109">
        <v>0</v>
      </c>
      <c r="LW32" s="110">
        <v>0</v>
      </c>
      <c r="LX32" s="132"/>
      <c r="LY32" s="109">
        <v>0</v>
      </c>
      <c r="LZ32" s="109">
        <v>0</v>
      </c>
      <c r="MA32" s="109">
        <v>0</v>
      </c>
      <c r="MB32" s="109">
        <v>316860</v>
      </c>
      <c r="MC32" s="109">
        <v>0</v>
      </c>
      <c r="MD32" s="110">
        <v>316860</v>
      </c>
      <c r="ME32" s="111">
        <v>316860</v>
      </c>
      <c r="MF32" s="129">
        <v>0</v>
      </c>
      <c r="MG32" s="109">
        <v>0</v>
      </c>
      <c r="MH32" s="110">
        <v>0</v>
      </c>
      <c r="MI32" s="132"/>
      <c r="MJ32" s="109">
        <v>2946420</v>
      </c>
      <c r="MK32" s="109">
        <v>5169278</v>
      </c>
      <c r="ML32" s="109">
        <v>12513539</v>
      </c>
      <c r="MM32" s="109">
        <v>23577038</v>
      </c>
      <c r="MN32" s="109">
        <v>16516025</v>
      </c>
      <c r="MO32" s="110">
        <v>60722300</v>
      </c>
      <c r="MP32" s="130">
        <v>60722300</v>
      </c>
      <c r="MQ32" s="129">
        <v>0</v>
      </c>
      <c r="MR32" s="109">
        <v>0</v>
      </c>
      <c r="MS32" s="110">
        <v>0</v>
      </c>
      <c r="MT32" s="132"/>
      <c r="MU32" s="109">
        <v>666471</v>
      </c>
      <c r="MV32" s="109">
        <v>451883</v>
      </c>
      <c r="MW32" s="109">
        <v>7669188</v>
      </c>
      <c r="MX32" s="109">
        <v>17385673</v>
      </c>
      <c r="MY32" s="109">
        <v>10762818</v>
      </c>
      <c r="MZ32" s="110">
        <v>36936033</v>
      </c>
      <c r="NA32" s="130">
        <v>36936033</v>
      </c>
      <c r="NB32" s="129">
        <v>0</v>
      </c>
      <c r="NC32" s="109">
        <v>0</v>
      </c>
      <c r="ND32" s="110">
        <v>0</v>
      </c>
      <c r="NE32" s="132"/>
      <c r="NF32" s="109">
        <v>2279949</v>
      </c>
      <c r="NG32" s="109">
        <v>4717395</v>
      </c>
      <c r="NH32" s="109">
        <v>4844351</v>
      </c>
      <c r="NI32" s="109">
        <v>5099271</v>
      </c>
      <c r="NJ32" s="109">
        <v>4898942</v>
      </c>
      <c r="NK32" s="110">
        <v>21839908</v>
      </c>
      <c r="NL32" s="298">
        <v>21839908</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1092094</v>
      </c>
      <c r="OF32" s="109">
        <v>854265</v>
      </c>
      <c r="OG32" s="110">
        <v>1946359</v>
      </c>
      <c r="OH32" s="111">
        <v>1946359</v>
      </c>
      <c r="OI32" s="129">
        <v>2476368</v>
      </c>
      <c r="OJ32" s="109">
        <v>6840598</v>
      </c>
      <c r="OK32" s="128">
        <v>9316966</v>
      </c>
      <c r="OL32" s="108">
        <v>0</v>
      </c>
      <c r="OM32" s="109">
        <v>31904702</v>
      </c>
      <c r="ON32" s="109">
        <v>32031077</v>
      </c>
      <c r="OO32" s="109">
        <v>42261223</v>
      </c>
      <c r="OP32" s="109">
        <v>52220121</v>
      </c>
      <c r="OQ32" s="109">
        <v>35171067</v>
      </c>
      <c r="OR32" s="110">
        <v>193588190</v>
      </c>
      <c r="OS32" s="130">
        <v>202905156</v>
      </c>
    </row>
    <row r="33" spans="2:409" ht="21" customHeight="1" x14ac:dyDescent="0.2">
      <c r="B33" s="472" t="s">
        <v>28</v>
      </c>
      <c r="C33" s="100">
        <v>172730</v>
      </c>
      <c r="D33" s="104">
        <v>344811</v>
      </c>
      <c r="E33" s="103">
        <v>517541</v>
      </c>
      <c r="F33" s="99">
        <v>0</v>
      </c>
      <c r="G33" s="104">
        <v>5003762</v>
      </c>
      <c r="H33" s="104">
        <v>7990694</v>
      </c>
      <c r="I33" s="104">
        <v>6594870</v>
      </c>
      <c r="J33" s="104">
        <v>7451897</v>
      </c>
      <c r="K33" s="104">
        <v>4379181</v>
      </c>
      <c r="L33" s="160">
        <v>31420404</v>
      </c>
      <c r="M33" s="106">
        <v>31937945</v>
      </c>
      <c r="N33" s="100">
        <v>45702</v>
      </c>
      <c r="O33" s="104">
        <v>95364</v>
      </c>
      <c r="P33" s="103">
        <v>141066</v>
      </c>
      <c r="Q33" s="100">
        <v>0</v>
      </c>
      <c r="R33" s="104">
        <v>871128</v>
      </c>
      <c r="S33" s="104">
        <v>1791168</v>
      </c>
      <c r="T33" s="104">
        <v>1430171</v>
      </c>
      <c r="U33" s="104">
        <v>2240258</v>
      </c>
      <c r="V33" s="104">
        <v>2237673</v>
      </c>
      <c r="W33" s="103">
        <v>8570398</v>
      </c>
      <c r="X33" s="106">
        <v>8711464</v>
      </c>
      <c r="Y33" s="100">
        <v>0</v>
      </c>
      <c r="Z33" s="104">
        <v>0</v>
      </c>
      <c r="AA33" s="103">
        <v>0</v>
      </c>
      <c r="AB33" s="100">
        <v>0</v>
      </c>
      <c r="AC33" s="104">
        <v>487161</v>
      </c>
      <c r="AD33" s="104">
        <v>806435</v>
      </c>
      <c r="AE33" s="104">
        <v>667904</v>
      </c>
      <c r="AF33" s="104">
        <v>998309</v>
      </c>
      <c r="AG33" s="104">
        <v>1427237</v>
      </c>
      <c r="AH33" s="103">
        <v>4387046</v>
      </c>
      <c r="AI33" s="106">
        <v>4387046</v>
      </c>
      <c r="AJ33" s="100">
        <v>0</v>
      </c>
      <c r="AK33" s="104">
        <v>0</v>
      </c>
      <c r="AL33" s="103">
        <v>0</v>
      </c>
      <c r="AM33" s="100">
        <v>0</v>
      </c>
      <c r="AN33" s="104">
        <v>0</v>
      </c>
      <c r="AO33" s="104">
        <v>51231</v>
      </c>
      <c r="AP33" s="104">
        <v>37656</v>
      </c>
      <c r="AQ33" s="104">
        <v>190575</v>
      </c>
      <c r="AR33" s="104">
        <v>201647</v>
      </c>
      <c r="AS33" s="103">
        <v>481109</v>
      </c>
      <c r="AT33" s="106">
        <v>481109</v>
      </c>
      <c r="AU33" s="100">
        <v>45702</v>
      </c>
      <c r="AV33" s="104">
        <v>66096</v>
      </c>
      <c r="AW33" s="103">
        <v>111798</v>
      </c>
      <c r="AX33" s="100">
        <v>0</v>
      </c>
      <c r="AY33" s="104">
        <v>211059</v>
      </c>
      <c r="AZ33" s="104">
        <v>582490</v>
      </c>
      <c r="BA33" s="104">
        <v>505155</v>
      </c>
      <c r="BB33" s="104">
        <v>777411</v>
      </c>
      <c r="BC33" s="104">
        <v>397915</v>
      </c>
      <c r="BD33" s="103">
        <v>2474030</v>
      </c>
      <c r="BE33" s="106">
        <v>2585828</v>
      </c>
      <c r="BF33" s="100">
        <v>0</v>
      </c>
      <c r="BG33" s="104">
        <v>0</v>
      </c>
      <c r="BH33" s="102">
        <v>0</v>
      </c>
      <c r="BI33" s="101">
        <v>0</v>
      </c>
      <c r="BJ33" s="104">
        <v>47349</v>
      </c>
      <c r="BK33" s="104">
        <v>62215</v>
      </c>
      <c r="BL33" s="104">
        <v>0</v>
      </c>
      <c r="BM33" s="104">
        <v>17775</v>
      </c>
      <c r="BN33" s="104">
        <v>49199</v>
      </c>
      <c r="BO33" s="103">
        <v>176538</v>
      </c>
      <c r="BP33" s="106">
        <v>176538</v>
      </c>
      <c r="BQ33" s="100">
        <v>0</v>
      </c>
      <c r="BR33" s="104">
        <v>29268</v>
      </c>
      <c r="BS33" s="103">
        <v>29268</v>
      </c>
      <c r="BT33" s="100">
        <v>0</v>
      </c>
      <c r="BU33" s="104">
        <v>125559</v>
      </c>
      <c r="BV33" s="104">
        <v>288797</v>
      </c>
      <c r="BW33" s="104">
        <v>219456</v>
      </c>
      <c r="BX33" s="104">
        <v>256188</v>
      </c>
      <c r="BY33" s="104">
        <v>161675</v>
      </c>
      <c r="BZ33" s="103">
        <v>1051675</v>
      </c>
      <c r="CA33" s="106">
        <v>1080943</v>
      </c>
      <c r="CB33" s="100">
        <v>24896</v>
      </c>
      <c r="CC33" s="104">
        <v>84747</v>
      </c>
      <c r="CD33" s="103">
        <v>109643</v>
      </c>
      <c r="CE33" s="100">
        <v>0</v>
      </c>
      <c r="CF33" s="104">
        <v>1825913</v>
      </c>
      <c r="CG33" s="104">
        <v>2825305</v>
      </c>
      <c r="CH33" s="104">
        <v>2310730</v>
      </c>
      <c r="CI33" s="104">
        <v>1898433</v>
      </c>
      <c r="CJ33" s="104">
        <v>1057410</v>
      </c>
      <c r="CK33" s="103">
        <v>9917791</v>
      </c>
      <c r="CL33" s="106">
        <v>10027434</v>
      </c>
      <c r="CM33" s="100">
        <v>0</v>
      </c>
      <c r="CN33" s="104">
        <v>0</v>
      </c>
      <c r="CO33" s="103">
        <v>0</v>
      </c>
      <c r="CP33" s="101">
        <v>0</v>
      </c>
      <c r="CQ33" s="104">
        <v>1355445</v>
      </c>
      <c r="CR33" s="104">
        <v>1986032</v>
      </c>
      <c r="CS33" s="104">
        <v>1734748</v>
      </c>
      <c r="CT33" s="104">
        <v>1361817</v>
      </c>
      <c r="CU33" s="104">
        <v>732076</v>
      </c>
      <c r="CV33" s="103">
        <v>7170118</v>
      </c>
      <c r="CW33" s="106">
        <v>7170118</v>
      </c>
      <c r="CX33" s="100">
        <v>24896</v>
      </c>
      <c r="CY33" s="104">
        <v>84747</v>
      </c>
      <c r="CZ33" s="103">
        <v>109643</v>
      </c>
      <c r="DA33" s="100">
        <v>0</v>
      </c>
      <c r="DB33" s="104">
        <v>470468</v>
      </c>
      <c r="DC33" s="104">
        <v>839273</v>
      </c>
      <c r="DD33" s="104">
        <v>575982</v>
      </c>
      <c r="DE33" s="104">
        <v>536616</v>
      </c>
      <c r="DF33" s="104">
        <v>325334</v>
      </c>
      <c r="DG33" s="103">
        <v>2747673</v>
      </c>
      <c r="DH33" s="106">
        <v>2857316</v>
      </c>
      <c r="DI33" s="100">
        <v>26532</v>
      </c>
      <c r="DJ33" s="104">
        <v>0</v>
      </c>
      <c r="DK33" s="102">
        <v>26532</v>
      </c>
      <c r="DL33" s="101">
        <v>0</v>
      </c>
      <c r="DM33" s="104">
        <v>122445</v>
      </c>
      <c r="DN33" s="104">
        <v>177978</v>
      </c>
      <c r="DO33" s="104">
        <v>770037</v>
      </c>
      <c r="DP33" s="104">
        <v>697822</v>
      </c>
      <c r="DQ33" s="104">
        <v>254458</v>
      </c>
      <c r="DR33" s="103">
        <v>2022740</v>
      </c>
      <c r="DS33" s="106">
        <v>2049272</v>
      </c>
      <c r="DT33" s="100">
        <v>0</v>
      </c>
      <c r="DU33" s="104">
        <v>0</v>
      </c>
      <c r="DV33" s="103">
        <v>0</v>
      </c>
      <c r="DW33" s="100">
        <v>0</v>
      </c>
      <c r="DX33" s="104">
        <v>74178</v>
      </c>
      <c r="DY33" s="104">
        <v>147856</v>
      </c>
      <c r="DZ33" s="104">
        <v>592538</v>
      </c>
      <c r="EA33" s="104">
        <v>553471</v>
      </c>
      <c r="EB33" s="104">
        <v>254458</v>
      </c>
      <c r="EC33" s="103">
        <v>1622501</v>
      </c>
      <c r="ED33" s="106">
        <v>1622501</v>
      </c>
      <c r="EE33" s="100">
        <v>26532</v>
      </c>
      <c r="EF33" s="102">
        <v>0</v>
      </c>
      <c r="EG33" s="103">
        <v>26532</v>
      </c>
      <c r="EH33" s="100">
        <v>0</v>
      </c>
      <c r="EI33" s="104">
        <v>48267</v>
      </c>
      <c r="EJ33" s="104">
        <v>30122</v>
      </c>
      <c r="EK33" s="104">
        <v>177499</v>
      </c>
      <c r="EL33" s="104">
        <v>144351</v>
      </c>
      <c r="EM33" s="104">
        <v>0</v>
      </c>
      <c r="EN33" s="102">
        <v>400239</v>
      </c>
      <c r="EO33" s="106">
        <v>426771</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28800</v>
      </c>
      <c r="FM33" s="104">
        <v>90240</v>
      </c>
      <c r="FN33" s="103">
        <v>119040</v>
      </c>
      <c r="FO33" s="100">
        <v>0</v>
      </c>
      <c r="FP33" s="104">
        <v>437126</v>
      </c>
      <c r="FQ33" s="104">
        <v>818123</v>
      </c>
      <c r="FR33" s="104">
        <v>574723</v>
      </c>
      <c r="FS33" s="104">
        <v>482726</v>
      </c>
      <c r="FT33" s="104">
        <v>345996</v>
      </c>
      <c r="FU33" s="103">
        <v>2658694</v>
      </c>
      <c r="FV33" s="106">
        <v>2777734</v>
      </c>
      <c r="FW33" s="105">
        <v>28800</v>
      </c>
      <c r="FX33" s="104">
        <v>90240</v>
      </c>
      <c r="FY33" s="102">
        <v>119040</v>
      </c>
      <c r="FZ33" s="101">
        <v>0</v>
      </c>
      <c r="GA33" s="104">
        <v>318326</v>
      </c>
      <c r="GB33" s="104">
        <v>788918</v>
      </c>
      <c r="GC33" s="104">
        <v>512803</v>
      </c>
      <c r="GD33" s="104">
        <v>482726</v>
      </c>
      <c r="GE33" s="104">
        <v>345996</v>
      </c>
      <c r="GF33" s="103">
        <v>2448769</v>
      </c>
      <c r="GG33" s="296">
        <v>2567809</v>
      </c>
      <c r="GH33" s="105">
        <v>0</v>
      </c>
      <c r="GI33" s="104">
        <v>0</v>
      </c>
      <c r="GJ33" s="102">
        <v>0</v>
      </c>
      <c r="GK33" s="101">
        <v>0</v>
      </c>
      <c r="GL33" s="104">
        <v>39600</v>
      </c>
      <c r="GM33" s="104">
        <v>0</v>
      </c>
      <c r="GN33" s="104">
        <v>17820</v>
      </c>
      <c r="GO33" s="104">
        <v>0</v>
      </c>
      <c r="GP33" s="104">
        <v>0</v>
      </c>
      <c r="GQ33" s="103">
        <v>57420</v>
      </c>
      <c r="GR33" s="106">
        <v>57420</v>
      </c>
      <c r="GS33" s="100">
        <v>0</v>
      </c>
      <c r="GT33" s="104">
        <v>0</v>
      </c>
      <c r="GU33" s="103">
        <v>0</v>
      </c>
      <c r="GV33" s="100">
        <v>0</v>
      </c>
      <c r="GW33" s="104">
        <v>79200</v>
      </c>
      <c r="GX33" s="104">
        <v>29205</v>
      </c>
      <c r="GY33" s="104">
        <v>44100</v>
      </c>
      <c r="GZ33" s="104">
        <v>0</v>
      </c>
      <c r="HA33" s="104">
        <v>0</v>
      </c>
      <c r="HB33" s="102">
        <v>152505</v>
      </c>
      <c r="HC33" s="106">
        <v>152505</v>
      </c>
      <c r="HD33" s="100">
        <v>0</v>
      </c>
      <c r="HE33" s="104">
        <v>0</v>
      </c>
      <c r="HF33" s="102">
        <v>0</v>
      </c>
      <c r="HG33" s="101">
        <v>0</v>
      </c>
      <c r="HH33" s="104">
        <v>800966</v>
      </c>
      <c r="HI33" s="104">
        <v>1358774</v>
      </c>
      <c r="HJ33" s="104">
        <v>808088</v>
      </c>
      <c r="HK33" s="104">
        <v>1597617</v>
      </c>
      <c r="HL33" s="104">
        <v>247932</v>
      </c>
      <c r="HM33" s="103">
        <v>4813377</v>
      </c>
      <c r="HN33" s="99">
        <v>4813377</v>
      </c>
      <c r="HO33" s="105">
        <v>46800</v>
      </c>
      <c r="HP33" s="104">
        <v>74460</v>
      </c>
      <c r="HQ33" s="103">
        <v>121260</v>
      </c>
      <c r="HR33" s="100">
        <v>0</v>
      </c>
      <c r="HS33" s="104">
        <v>946184</v>
      </c>
      <c r="HT33" s="104">
        <v>1019346</v>
      </c>
      <c r="HU33" s="104">
        <v>701121</v>
      </c>
      <c r="HV33" s="104">
        <v>535041</v>
      </c>
      <c r="HW33" s="104">
        <v>235712</v>
      </c>
      <c r="HX33" s="102">
        <v>3437404</v>
      </c>
      <c r="HY33" s="106">
        <v>3558664</v>
      </c>
      <c r="HZ33" s="118">
        <v>0</v>
      </c>
      <c r="IA33" s="119">
        <v>0</v>
      </c>
      <c r="IB33" s="120">
        <v>0</v>
      </c>
      <c r="IC33" s="133">
        <v>0</v>
      </c>
      <c r="ID33" s="119">
        <v>688595</v>
      </c>
      <c r="IE33" s="134">
        <v>2142471</v>
      </c>
      <c r="IF33" s="120">
        <v>1162989</v>
      </c>
      <c r="IG33" s="119">
        <v>1275300</v>
      </c>
      <c r="IH33" s="120">
        <v>1211798</v>
      </c>
      <c r="II33" s="135">
        <v>6481153</v>
      </c>
      <c r="IJ33" s="126">
        <v>6481153</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589730</v>
      </c>
      <c r="JL33" s="109">
        <v>611175</v>
      </c>
      <c r="JM33" s="109">
        <v>69561</v>
      </c>
      <c r="JN33" s="109">
        <v>158004</v>
      </c>
      <c r="JO33" s="109">
        <v>38934</v>
      </c>
      <c r="JP33" s="110">
        <v>1467404</v>
      </c>
      <c r="JQ33" s="298">
        <v>1467404</v>
      </c>
      <c r="JR33" s="129">
        <v>0</v>
      </c>
      <c r="JS33" s="109">
        <v>0</v>
      </c>
      <c r="JT33" s="128">
        <v>0</v>
      </c>
      <c r="JU33" s="108">
        <v>0</v>
      </c>
      <c r="JV33" s="109">
        <v>98865</v>
      </c>
      <c r="JW33" s="109">
        <v>205875</v>
      </c>
      <c r="JX33" s="109">
        <v>283509</v>
      </c>
      <c r="JY33" s="109">
        <v>0</v>
      </c>
      <c r="JZ33" s="109">
        <v>0</v>
      </c>
      <c r="KA33" s="110">
        <v>588249</v>
      </c>
      <c r="KB33" s="298">
        <v>588249</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1325421</v>
      </c>
      <c r="KT33" s="109">
        <v>548586</v>
      </c>
      <c r="KU33" s="109">
        <v>1117296</v>
      </c>
      <c r="KV33" s="109">
        <v>1172864</v>
      </c>
      <c r="KW33" s="110">
        <v>4164167</v>
      </c>
      <c r="KX33" s="298">
        <v>4164167</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261333</v>
      </c>
      <c r="LQ33" s="109">
        <v>0</v>
      </c>
      <c r="LR33" s="109">
        <v>0</v>
      </c>
      <c r="LS33" s="110">
        <v>261333</v>
      </c>
      <c r="LT33" s="298">
        <v>261333</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781457</v>
      </c>
      <c r="MK33" s="109">
        <v>2560866</v>
      </c>
      <c r="ML33" s="109">
        <v>5453839</v>
      </c>
      <c r="MM33" s="109">
        <v>5724347</v>
      </c>
      <c r="MN33" s="109">
        <v>5369069</v>
      </c>
      <c r="MO33" s="110">
        <v>19889578</v>
      </c>
      <c r="MP33" s="130">
        <v>19889578</v>
      </c>
      <c r="MQ33" s="129">
        <v>0</v>
      </c>
      <c r="MR33" s="109">
        <v>0</v>
      </c>
      <c r="MS33" s="110">
        <v>0</v>
      </c>
      <c r="MT33" s="132"/>
      <c r="MU33" s="109">
        <v>0</v>
      </c>
      <c r="MV33" s="109">
        <v>462552</v>
      </c>
      <c r="MW33" s="109">
        <v>3645196</v>
      </c>
      <c r="MX33" s="109">
        <v>3570719</v>
      </c>
      <c r="MY33" s="109">
        <v>4203116</v>
      </c>
      <c r="MZ33" s="110">
        <v>11881583</v>
      </c>
      <c r="NA33" s="130">
        <v>11881583</v>
      </c>
      <c r="NB33" s="129">
        <v>0</v>
      </c>
      <c r="NC33" s="109">
        <v>0</v>
      </c>
      <c r="ND33" s="110">
        <v>0</v>
      </c>
      <c r="NE33" s="132"/>
      <c r="NF33" s="109">
        <v>781457</v>
      </c>
      <c r="NG33" s="109">
        <v>2098314</v>
      </c>
      <c r="NH33" s="109">
        <v>1808643</v>
      </c>
      <c r="NI33" s="109">
        <v>2153628</v>
      </c>
      <c r="NJ33" s="109">
        <v>1165953</v>
      </c>
      <c r="NK33" s="110">
        <v>8007995</v>
      </c>
      <c r="NL33" s="298">
        <v>8007995</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172730</v>
      </c>
      <c r="OJ33" s="109">
        <v>344811</v>
      </c>
      <c r="OK33" s="128">
        <v>517541</v>
      </c>
      <c r="OL33" s="108">
        <v>0</v>
      </c>
      <c r="OM33" s="109">
        <v>6473814</v>
      </c>
      <c r="ON33" s="109">
        <v>12694031</v>
      </c>
      <c r="OO33" s="109">
        <v>13211698</v>
      </c>
      <c r="OP33" s="109">
        <v>14451544</v>
      </c>
      <c r="OQ33" s="109">
        <v>10960048</v>
      </c>
      <c r="OR33" s="110">
        <v>57791135</v>
      </c>
      <c r="OS33" s="130">
        <v>58308676</v>
      </c>
    </row>
    <row r="34" spans="2:409" ht="21" customHeight="1" x14ac:dyDescent="0.2">
      <c r="B34" s="472" t="s">
        <v>29</v>
      </c>
      <c r="C34" s="100">
        <v>522301</v>
      </c>
      <c r="D34" s="104">
        <v>853401</v>
      </c>
      <c r="E34" s="103">
        <v>1375702</v>
      </c>
      <c r="F34" s="99">
        <v>0</v>
      </c>
      <c r="G34" s="104">
        <v>8114365</v>
      </c>
      <c r="H34" s="104">
        <v>10762998</v>
      </c>
      <c r="I34" s="104">
        <v>10300864</v>
      </c>
      <c r="J34" s="104">
        <v>7928479</v>
      </c>
      <c r="K34" s="104">
        <v>5056732</v>
      </c>
      <c r="L34" s="160">
        <v>42163438</v>
      </c>
      <c r="M34" s="106">
        <v>43539140</v>
      </c>
      <c r="N34" s="100">
        <v>40248</v>
      </c>
      <c r="O34" s="104">
        <v>262320</v>
      </c>
      <c r="P34" s="103">
        <v>302568</v>
      </c>
      <c r="Q34" s="100">
        <v>0</v>
      </c>
      <c r="R34" s="104">
        <v>2585093</v>
      </c>
      <c r="S34" s="104">
        <v>2745121</v>
      </c>
      <c r="T34" s="104">
        <v>2479311</v>
      </c>
      <c r="U34" s="104">
        <v>3027204</v>
      </c>
      <c r="V34" s="104">
        <v>2220166</v>
      </c>
      <c r="W34" s="103">
        <v>13056895</v>
      </c>
      <c r="X34" s="106">
        <v>13359463</v>
      </c>
      <c r="Y34" s="100">
        <v>0</v>
      </c>
      <c r="Z34" s="104">
        <v>0</v>
      </c>
      <c r="AA34" s="103">
        <v>0</v>
      </c>
      <c r="AB34" s="100">
        <v>0</v>
      </c>
      <c r="AC34" s="104">
        <v>1208749</v>
      </c>
      <c r="AD34" s="104">
        <v>1471801</v>
      </c>
      <c r="AE34" s="104">
        <v>1221345</v>
      </c>
      <c r="AF34" s="104">
        <v>1860416</v>
      </c>
      <c r="AG34" s="104">
        <v>1349208</v>
      </c>
      <c r="AH34" s="103">
        <v>7111519</v>
      </c>
      <c r="AI34" s="106">
        <v>7111519</v>
      </c>
      <c r="AJ34" s="100">
        <v>0</v>
      </c>
      <c r="AK34" s="104">
        <v>0</v>
      </c>
      <c r="AL34" s="103">
        <v>0</v>
      </c>
      <c r="AM34" s="100">
        <v>0</v>
      </c>
      <c r="AN34" s="104">
        <v>0</v>
      </c>
      <c r="AO34" s="104">
        <v>0</v>
      </c>
      <c r="AP34" s="104">
        <v>64042</v>
      </c>
      <c r="AQ34" s="104">
        <v>211035</v>
      </c>
      <c r="AR34" s="104">
        <v>458994</v>
      </c>
      <c r="AS34" s="103">
        <v>734071</v>
      </c>
      <c r="AT34" s="106">
        <v>734071</v>
      </c>
      <c r="AU34" s="100">
        <v>40248</v>
      </c>
      <c r="AV34" s="104">
        <v>192120</v>
      </c>
      <c r="AW34" s="103">
        <v>232368</v>
      </c>
      <c r="AX34" s="100">
        <v>0</v>
      </c>
      <c r="AY34" s="104">
        <v>985165</v>
      </c>
      <c r="AZ34" s="104">
        <v>777692</v>
      </c>
      <c r="BA34" s="104">
        <v>901908</v>
      </c>
      <c r="BB34" s="104">
        <v>405079</v>
      </c>
      <c r="BC34" s="104">
        <v>325665</v>
      </c>
      <c r="BD34" s="103">
        <v>3395509</v>
      </c>
      <c r="BE34" s="106">
        <v>3627877</v>
      </c>
      <c r="BF34" s="100">
        <v>0</v>
      </c>
      <c r="BG34" s="104">
        <v>58212</v>
      </c>
      <c r="BH34" s="102">
        <v>58212</v>
      </c>
      <c r="BI34" s="101">
        <v>0</v>
      </c>
      <c r="BJ34" s="104">
        <v>163476</v>
      </c>
      <c r="BK34" s="104">
        <v>77653</v>
      </c>
      <c r="BL34" s="104">
        <v>34416</v>
      </c>
      <c r="BM34" s="104">
        <v>268720</v>
      </c>
      <c r="BN34" s="104">
        <v>0</v>
      </c>
      <c r="BO34" s="103">
        <v>544265</v>
      </c>
      <c r="BP34" s="106">
        <v>602477</v>
      </c>
      <c r="BQ34" s="100">
        <v>0</v>
      </c>
      <c r="BR34" s="104">
        <v>11988</v>
      </c>
      <c r="BS34" s="103">
        <v>11988</v>
      </c>
      <c r="BT34" s="100">
        <v>0</v>
      </c>
      <c r="BU34" s="104">
        <v>227703</v>
      </c>
      <c r="BV34" s="104">
        <v>417975</v>
      </c>
      <c r="BW34" s="104">
        <v>257600</v>
      </c>
      <c r="BX34" s="104">
        <v>281954</v>
      </c>
      <c r="BY34" s="104">
        <v>86299</v>
      </c>
      <c r="BZ34" s="103">
        <v>1271531</v>
      </c>
      <c r="CA34" s="106">
        <v>1283519</v>
      </c>
      <c r="CB34" s="100">
        <v>40756</v>
      </c>
      <c r="CC34" s="104">
        <v>122157</v>
      </c>
      <c r="CD34" s="103">
        <v>162913</v>
      </c>
      <c r="CE34" s="100">
        <v>0</v>
      </c>
      <c r="CF34" s="104">
        <v>2530753</v>
      </c>
      <c r="CG34" s="104">
        <v>3888589</v>
      </c>
      <c r="CH34" s="104">
        <v>3453244</v>
      </c>
      <c r="CI34" s="104">
        <v>1720360</v>
      </c>
      <c r="CJ34" s="104">
        <v>658800</v>
      </c>
      <c r="CK34" s="103">
        <v>12251746</v>
      </c>
      <c r="CL34" s="106">
        <v>12414659</v>
      </c>
      <c r="CM34" s="100">
        <v>0</v>
      </c>
      <c r="CN34" s="104">
        <v>0</v>
      </c>
      <c r="CO34" s="103">
        <v>0</v>
      </c>
      <c r="CP34" s="101">
        <v>0</v>
      </c>
      <c r="CQ34" s="104">
        <v>1782069</v>
      </c>
      <c r="CR34" s="104">
        <v>3116314</v>
      </c>
      <c r="CS34" s="104">
        <v>2494202</v>
      </c>
      <c r="CT34" s="104">
        <v>1657822</v>
      </c>
      <c r="CU34" s="104">
        <v>658800</v>
      </c>
      <c r="CV34" s="103">
        <v>9709207</v>
      </c>
      <c r="CW34" s="106">
        <v>9709207</v>
      </c>
      <c r="CX34" s="100">
        <v>40756</v>
      </c>
      <c r="CY34" s="104">
        <v>122157</v>
      </c>
      <c r="CZ34" s="103">
        <v>162913</v>
      </c>
      <c r="DA34" s="100">
        <v>0</v>
      </c>
      <c r="DB34" s="104">
        <v>748684</v>
      </c>
      <c r="DC34" s="104">
        <v>772275</v>
      </c>
      <c r="DD34" s="104">
        <v>959042</v>
      </c>
      <c r="DE34" s="104">
        <v>62538</v>
      </c>
      <c r="DF34" s="104">
        <v>0</v>
      </c>
      <c r="DG34" s="103">
        <v>2542539</v>
      </c>
      <c r="DH34" s="106">
        <v>2705452</v>
      </c>
      <c r="DI34" s="100">
        <v>0</v>
      </c>
      <c r="DJ34" s="104">
        <v>0</v>
      </c>
      <c r="DK34" s="102">
        <v>0</v>
      </c>
      <c r="DL34" s="101">
        <v>0</v>
      </c>
      <c r="DM34" s="104">
        <v>133273</v>
      </c>
      <c r="DN34" s="104">
        <v>649560</v>
      </c>
      <c r="DO34" s="104">
        <v>1550624</v>
      </c>
      <c r="DP34" s="104">
        <v>293059</v>
      </c>
      <c r="DQ34" s="104">
        <v>595766</v>
      </c>
      <c r="DR34" s="103">
        <v>3222282</v>
      </c>
      <c r="DS34" s="106">
        <v>3222282</v>
      </c>
      <c r="DT34" s="100">
        <v>0</v>
      </c>
      <c r="DU34" s="104">
        <v>0</v>
      </c>
      <c r="DV34" s="103">
        <v>0</v>
      </c>
      <c r="DW34" s="100">
        <v>0</v>
      </c>
      <c r="DX34" s="104">
        <v>116592</v>
      </c>
      <c r="DY34" s="104">
        <v>514247</v>
      </c>
      <c r="DZ34" s="104">
        <v>1455395</v>
      </c>
      <c r="EA34" s="104">
        <v>293059</v>
      </c>
      <c r="EB34" s="104">
        <v>553052</v>
      </c>
      <c r="EC34" s="103">
        <v>2932345</v>
      </c>
      <c r="ED34" s="106">
        <v>2932345</v>
      </c>
      <c r="EE34" s="100">
        <v>0</v>
      </c>
      <c r="EF34" s="102">
        <v>0</v>
      </c>
      <c r="EG34" s="103">
        <v>0</v>
      </c>
      <c r="EH34" s="100">
        <v>0</v>
      </c>
      <c r="EI34" s="104">
        <v>16681</v>
      </c>
      <c r="EJ34" s="104">
        <v>135313</v>
      </c>
      <c r="EK34" s="104">
        <v>95229</v>
      </c>
      <c r="EL34" s="104">
        <v>0</v>
      </c>
      <c r="EM34" s="104">
        <v>42714</v>
      </c>
      <c r="EN34" s="102">
        <v>289937</v>
      </c>
      <c r="EO34" s="106">
        <v>289937</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81658</v>
      </c>
      <c r="FM34" s="104">
        <v>290484</v>
      </c>
      <c r="FN34" s="103">
        <v>572142</v>
      </c>
      <c r="FO34" s="100">
        <v>0</v>
      </c>
      <c r="FP34" s="104">
        <v>496500</v>
      </c>
      <c r="FQ34" s="104">
        <v>844655</v>
      </c>
      <c r="FR34" s="104">
        <v>890092</v>
      </c>
      <c r="FS34" s="104">
        <v>610926</v>
      </c>
      <c r="FT34" s="104">
        <v>540242</v>
      </c>
      <c r="FU34" s="103">
        <v>3382415</v>
      </c>
      <c r="FV34" s="106">
        <v>3954557</v>
      </c>
      <c r="FW34" s="105">
        <v>130890</v>
      </c>
      <c r="FX34" s="104">
        <v>225936</v>
      </c>
      <c r="FY34" s="102">
        <v>356826</v>
      </c>
      <c r="FZ34" s="101">
        <v>0</v>
      </c>
      <c r="GA34" s="104">
        <v>429180</v>
      </c>
      <c r="GB34" s="104">
        <v>808223</v>
      </c>
      <c r="GC34" s="104">
        <v>827092</v>
      </c>
      <c r="GD34" s="104">
        <v>610926</v>
      </c>
      <c r="GE34" s="104">
        <v>540242</v>
      </c>
      <c r="GF34" s="103">
        <v>3215663</v>
      </c>
      <c r="GG34" s="296">
        <v>3572489</v>
      </c>
      <c r="GH34" s="105">
        <v>24948</v>
      </c>
      <c r="GI34" s="104">
        <v>64548</v>
      </c>
      <c r="GJ34" s="102">
        <v>89496</v>
      </c>
      <c r="GK34" s="101">
        <v>0</v>
      </c>
      <c r="GL34" s="104">
        <v>0</v>
      </c>
      <c r="GM34" s="104">
        <v>36432</v>
      </c>
      <c r="GN34" s="104">
        <v>63000</v>
      </c>
      <c r="GO34" s="104">
        <v>0</v>
      </c>
      <c r="GP34" s="104">
        <v>0</v>
      </c>
      <c r="GQ34" s="103">
        <v>99432</v>
      </c>
      <c r="GR34" s="106">
        <v>188928</v>
      </c>
      <c r="GS34" s="100">
        <v>125820</v>
      </c>
      <c r="GT34" s="104">
        <v>0</v>
      </c>
      <c r="GU34" s="103">
        <v>125820</v>
      </c>
      <c r="GV34" s="100">
        <v>0</v>
      </c>
      <c r="GW34" s="104">
        <v>67320</v>
      </c>
      <c r="GX34" s="104">
        <v>0</v>
      </c>
      <c r="GY34" s="104">
        <v>0</v>
      </c>
      <c r="GZ34" s="104">
        <v>0</v>
      </c>
      <c r="HA34" s="104">
        <v>0</v>
      </c>
      <c r="HB34" s="102">
        <v>67320</v>
      </c>
      <c r="HC34" s="106">
        <v>193140</v>
      </c>
      <c r="HD34" s="100">
        <v>45392</v>
      </c>
      <c r="HE34" s="104">
        <v>0</v>
      </c>
      <c r="HF34" s="102">
        <v>45392</v>
      </c>
      <c r="HG34" s="101">
        <v>0</v>
      </c>
      <c r="HH34" s="104">
        <v>1154914</v>
      </c>
      <c r="HI34" s="104">
        <v>1495192</v>
      </c>
      <c r="HJ34" s="104">
        <v>884259</v>
      </c>
      <c r="HK34" s="104">
        <v>1734283</v>
      </c>
      <c r="HL34" s="104">
        <v>742086</v>
      </c>
      <c r="HM34" s="103">
        <v>6010734</v>
      </c>
      <c r="HN34" s="99">
        <v>6056126</v>
      </c>
      <c r="HO34" s="105">
        <v>114247</v>
      </c>
      <c r="HP34" s="104">
        <v>178440</v>
      </c>
      <c r="HQ34" s="103">
        <v>292687</v>
      </c>
      <c r="HR34" s="100">
        <v>0</v>
      </c>
      <c r="HS34" s="104">
        <v>1213832</v>
      </c>
      <c r="HT34" s="104">
        <v>1139881</v>
      </c>
      <c r="HU34" s="104">
        <v>1043334</v>
      </c>
      <c r="HV34" s="104">
        <v>542647</v>
      </c>
      <c r="HW34" s="104">
        <v>299672</v>
      </c>
      <c r="HX34" s="102">
        <v>4239366</v>
      </c>
      <c r="HY34" s="106">
        <v>4532053</v>
      </c>
      <c r="HZ34" s="137">
        <v>0</v>
      </c>
      <c r="IA34" s="122">
        <v>352224</v>
      </c>
      <c r="IB34" s="137">
        <v>352224</v>
      </c>
      <c r="IC34" s="121">
        <v>0</v>
      </c>
      <c r="ID34" s="122">
        <v>3544685</v>
      </c>
      <c r="IE34" s="123">
        <v>3549054</v>
      </c>
      <c r="IF34" s="124">
        <v>6371230</v>
      </c>
      <c r="IG34" s="122">
        <v>3480906</v>
      </c>
      <c r="IH34" s="124">
        <v>2758947</v>
      </c>
      <c r="II34" s="125">
        <v>19704822</v>
      </c>
      <c r="IJ34" s="137">
        <v>20057046</v>
      </c>
      <c r="IK34" s="219">
        <v>0</v>
      </c>
      <c r="IL34" s="223">
        <v>0</v>
      </c>
      <c r="IM34" s="224">
        <v>0</v>
      </c>
      <c r="IN34" s="127"/>
      <c r="IO34" s="109">
        <v>110766</v>
      </c>
      <c r="IP34" s="109">
        <v>0</v>
      </c>
      <c r="IQ34" s="109">
        <v>0</v>
      </c>
      <c r="IR34" s="109">
        <v>0</v>
      </c>
      <c r="IS34" s="109">
        <v>0</v>
      </c>
      <c r="IT34" s="128">
        <v>110766</v>
      </c>
      <c r="IU34" s="298">
        <v>110766</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1268706</v>
      </c>
      <c r="JL34" s="109">
        <v>1381925</v>
      </c>
      <c r="JM34" s="109">
        <v>326052</v>
      </c>
      <c r="JN34" s="109">
        <v>340191</v>
      </c>
      <c r="JO34" s="109">
        <v>0</v>
      </c>
      <c r="JP34" s="110">
        <v>3316874</v>
      </c>
      <c r="JQ34" s="298">
        <v>3316874</v>
      </c>
      <c r="JR34" s="129">
        <v>0</v>
      </c>
      <c r="JS34" s="109">
        <v>0</v>
      </c>
      <c r="JT34" s="128">
        <v>0</v>
      </c>
      <c r="JU34" s="108">
        <v>0</v>
      </c>
      <c r="JV34" s="109">
        <v>81864</v>
      </c>
      <c r="JW34" s="109">
        <v>18640</v>
      </c>
      <c r="JX34" s="109">
        <v>77751</v>
      </c>
      <c r="JY34" s="109">
        <v>57447</v>
      </c>
      <c r="JZ34" s="109">
        <v>0</v>
      </c>
      <c r="KA34" s="110">
        <v>235702</v>
      </c>
      <c r="KB34" s="298">
        <v>235702</v>
      </c>
      <c r="KC34" s="221">
        <v>0</v>
      </c>
      <c r="KD34" s="217">
        <v>352224</v>
      </c>
      <c r="KE34" s="110">
        <v>352224</v>
      </c>
      <c r="KF34" s="108">
        <v>0</v>
      </c>
      <c r="KG34" s="109">
        <v>1114301</v>
      </c>
      <c r="KH34" s="109">
        <v>594936</v>
      </c>
      <c r="KI34" s="109">
        <v>1539994</v>
      </c>
      <c r="KJ34" s="109">
        <v>853434</v>
      </c>
      <c r="KK34" s="109">
        <v>318615</v>
      </c>
      <c r="KL34" s="110">
        <v>4421280</v>
      </c>
      <c r="KM34" s="130">
        <v>4773504</v>
      </c>
      <c r="KN34" s="219">
        <v>0</v>
      </c>
      <c r="KO34" s="223">
        <v>0</v>
      </c>
      <c r="KP34" s="224">
        <v>0</v>
      </c>
      <c r="KQ34" s="127"/>
      <c r="KR34" s="109">
        <v>969048</v>
      </c>
      <c r="KS34" s="109">
        <v>1553553</v>
      </c>
      <c r="KT34" s="109">
        <v>1814103</v>
      </c>
      <c r="KU34" s="109">
        <v>517536</v>
      </c>
      <c r="KV34" s="109">
        <v>569034</v>
      </c>
      <c r="KW34" s="110">
        <v>5423274</v>
      </c>
      <c r="KX34" s="298">
        <v>5423274</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2613330</v>
      </c>
      <c r="LQ34" s="109">
        <v>1712298</v>
      </c>
      <c r="LR34" s="109">
        <v>1871298</v>
      </c>
      <c r="LS34" s="110">
        <v>6196926</v>
      </c>
      <c r="LT34" s="298">
        <v>6196926</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771994</v>
      </c>
      <c r="MK34" s="109">
        <v>2134655</v>
      </c>
      <c r="ML34" s="109">
        <v>5832592</v>
      </c>
      <c r="MM34" s="109">
        <v>11533542</v>
      </c>
      <c r="MN34" s="109">
        <v>7416988</v>
      </c>
      <c r="MO34" s="110">
        <v>27689771</v>
      </c>
      <c r="MP34" s="130">
        <v>27689771</v>
      </c>
      <c r="MQ34" s="129">
        <v>0</v>
      </c>
      <c r="MR34" s="109">
        <v>0</v>
      </c>
      <c r="MS34" s="110">
        <v>0</v>
      </c>
      <c r="MT34" s="132"/>
      <c r="MU34" s="109">
        <v>0</v>
      </c>
      <c r="MV34" s="109">
        <v>418072</v>
      </c>
      <c r="MW34" s="109">
        <v>2923828</v>
      </c>
      <c r="MX34" s="109">
        <v>7552521</v>
      </c>
      <c r="MY34" s="109">
        <v>5482125</v>
      </c>
      <c r="MZ34" s="110">
        <v>16376546</v>
      </c>
      <c r="NA34" s="130">
        <v>16376546</v>
      </c>
      <c r="NB34" s="129">
        <v>0</v>
      </c>
      <c r="NC34" s="109">
        <v>0</v>
      </c>
      <c r="ND34" s="110">
        <v>0</v>
      </c>
      <c r="NE34" s="132"/>
      <c r="NF34" s="109">
        <v>771994</v>
      </c>
      <c r="NG34" s="109">
        <v>1716583</v>
      </c>
      <c r="NH34" s="109">
        <v>2908764</v>
      </c>
      <c r="NI34" s="109">
        <v>3981021</v>
      </c>
      <c r="NJ34" s="109">
        <v>1934863</v>
      </c>
      <c r="NK34" s="110">
        <v>11313225</v>
      </c>
      <c r="NL34" s="298">
        <v>11313225</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522301</v>
      </c>
      <c r="OJ34" s="109">
        <v>1205625</v>
      </c>
      <c r="OK34" s="128">
        <v>1727926</v>
      </c>
      <c r="OL34" s="108">
        <v>0</v>
      </c>
      <c r="OM34" s="109">
        <v>12431044</v>
      </c>
      <c r="ON34" s="109">
        <v>16446707</v>
      </c>
      <c r="OO34" s="109">
        <v>22504686</v>
      </c>
      <c r="OP34" s="109">
        <v>22942927</v>
      </c>
      <c r="OQ34" s="109">
        <v>15232667</v>
      </c>
      <c r="OR34" s="110">
        <v>89558031</v>
      </c>
      <c r="OS34" s="130">
        <v>91285957</v>
      </c>
    </row>
    <row r="35" spans="2:409" ht="21" customHeight="1" x14ac:dyDescent="0.2">
      <c r="B35" s="472" t="s">
        <v>30</v>
      </c>
      <c r="C35" s="100">
        <v>711833</v>
      </c>
      <c r="D35" s="104">
        <v>1033498</v>
      </c>
      <c r="E35" s="161">
        <v>1745331</v>
      </c>
      <c r="F35" s="162">
        <v>0</v>
      </c>
      <c r="G35" s="163">
        <v>6722922</v>
      </c>
      <c r="H35" s="163">
        <v>6896534</v>
      </c>
      <c r="I35" s="163">
        <v>8938483</v>
      </c>
      <c r="J35" s="163">
        <v>10062553</v>
      </c>
      <c r="K35" s="163">
        <v>2792308</v>
      </c>
      <c r="L35" s="164">
        <v>35412800</v>
      </c>
      <c r="M35" s="106">
        <v>37158131</v>
      </c>
      <c r="N35" s="100">
        <v>113853</v>
      </c>
      <c r="O35" s="104">
        <v>252113</v>
      </c>
      <c r="P35" s="103">
        <v>365966</v>
      </c>
      <c r="Q35" s="100">
        <v>0</v>
      </c>
      <c r="R35" s="104">
        <v>2195491</v>
      </c>
      <c r="S35" s="104">
        <v>1826870</v>
      </c>
      <c r="T35" s="104">
        <v>3287530</v>
      </c>
      <c r="U35" s="104">
        <v>4798229</v>
      </c>
      <c r="V35" s="104">
        <v>1812715</v>
      </c>
      <c r="W35" s="103">
        <v>13920835</v>
      </c>
      <c r="X35" s="106">
        <v>14286801</v>
      </c>
      <c r="Y35" s="100">
        <v>0</v>
      </c>
      <c r="Z35" s="104">
        <v>0</v>
      </c>
      <c r="AA35" s="103">
        <v>0</v>
      </c>
      <c r="AB35" s="100">
        <v>0</v>
      </c>
      <c r="AC35" s="104">
        <v>955158</v>
      </c>
      <c r="AD35" s="104">
        <v>1007848</v>
      </c>
      <c r="AE35" s="104">
        <v>1958584</v>
      </c>
      <c r="AF35" s="104">
        <v>2775898</v>
      </c>
      <c r="AG35" s="104">
        <v>1340018</v>
      </c>
      <c r="AH35" s="103">
        <v>8037506</v>
      </c>
      <c r="AI35" s="106">
        <v>8037506</v>
      </c>
      <c r="AJ35" s="100">
        <v>0</v>
      </c>
      <c r="AK35" s="104">
        <v>0</v>
      </c>
      <c r="AL35" s="103">
        <v>0</v>
      </c>
      <c r="AM35" s="100">
        <v>0</v>
      </c>
      <c r="AN35" s="104">
        <v>66772</v>
      </c>
      <c r="AO35" s="104">
        <v>0</v>
      </c>
      <c r="AP35" s="104">
        <v>49167</v>
      </c>
      <c r="AQ35" s="104">
        <v>568884</v>
      </c>
      <c r="AR35" s="104">
        <v>172098</v>
      </c>
      <c r="AS35" s="103">
        <v>856921</v>
      </c>
      <c r="AT35" s="106">
        <v>856921</v>
      </c>
      <c r="AU35" s="100">
        <v>77700</v>
      </c>
      <c r="AV35" s="104">
        <v>238901</v>
      </c>
      <c r="AW35" s="103">
        <v>316601</v>
      </c>
      <c r="AX35" s="100">
        <v>0</v>
      </c>
      <c r="AY35" s="104">
        <v>837431</v>
      </c>
      <c r="AZ35" s="104">
        <v>605724</v>
      </c>
      <c r="BA35" s="104">
        <v>790372</v>
      </c>
      <c r="BB35" s="104">
        <v>1052065</v>
      </c>
      <c r="BC35" s="104">
        <v>193625</v>
      </c>
      <c r="BD35" s="103">
        <v>3479217</v>
      </c>
      <c r="BE35" s="106">
        <v>3795818</v>
      </c>
      <c r="BF35" s="100">
        <v>25353</v>
      </c>
      <c r="BG35" s="104">
        <v>0</v>
      </c>
      <c r="BH35" s="102">
        <v>25353</v>
      </c>
      <c r="BI35" s="101">
        <v>0</v>
      </c>
      <c r="BJ35" s="104">
        <v>43020</v>
      </c>
      <c r="BK35" s="104">
        <v>0</v>
      </c>
      <c r="BL35" s="104">
        <v>171324</v>
      </c>
      <c r="BM35" s="104">
        <v>60228</v>
      </c>
      <c r="BN35" s="104">
        <v>0</v>
      </c>
      <c r="BO35" s="103">
        <v>274572</v>
      </c>
      <c r="BP35" s="106">
        <v>299925</v>
      </c>
      <c r="BQ35" s="100">
        <v>10800</v>
      </c>
      <c r="BR35" s="104">
        <v>13212</v>
      </c>
      <c r="BS35" s="103">
        <v>24012</v>
      </c>
      <c r="BT35" s="100">
        <v>0</v>
      </c>
      <c r="BU35" s="104">
        <v>293110</v>
      </c>
      <c r="BV35" s="104">
        <v>213298</v>
      </c>
      <c r="BW35" s="104">
        <v>318083</v>
      </c>
      <c r="BX35" s="104">
        <v>341154</v>
      </c>
      <c r="BY35" s="104">
        <v>106974</v>
      </c>
      <c r="BZ35" s="103">
        <v>1272619</v>
      </c>
      <c r="CA35" s="106">
        <v>1296631</v>
      </c>
      <c r="CB35" s="100">
        <v>82674</v>
      </c>
      <c r="CC35" s="104">
        <v>261097</v>
      </c>
      <c r="CD35" s="103">
        <v>343771</v>
      </c>
      <c r="CE35" s="100">
        <v>0</v>
      </c>
      <c r="CF35" s="104">
        <v>1848476</v>
      </c>
      <c r="CG35" s="104">
        <v>2249687</v>
      </c>
      <c r="CH35" s="104">
        <v>1921591</v>
      </c>
      <c r="CI35" s="104">
        <v>1645459</v>
      </c>
      <c r="CJ35" s="104">
        <v>153373</v>
      </c>
      <c r="CK35" s="103">
        <v>7818586</v>
      </c>
      <c r="CL35" s="106">
        <v>8162357</v>
      </c>
      <c r="CM35" s="100">
        <v>0</v>
      </c>
      <c r="CN35" s="104">
        <v>0</v>
      </c>
      <c r="CO35" s="103">
        <v>0</v>
      </c>
      <c r="CP35" s="101">
        <v>0</v>
      </c>
      <c r="CQ35" s="104">
        <v>1519559</v>
      </c>
      <c r="CR35" s="104">
        <v>1791128</v>
      </c>
      <c r="CS35" s="104">
        <v>1438120</v>
      </c>
      <c r="CT35" s="104">
        <v>1341873</v>
      </c>
      <c r="CU35" s="104">
        <v>153373</v>
      </c>
      <c r="CV35" s="103">
        <v>6244053</v>
      </c>
      <c r="CW35" s="106">
        <v>6244053</v>
      </c>
      <c r="CX35" s="100">
        <v>82674</v>
      </c>
      <c r="CY35" s="104">
        <v>261097</v>
      </c>
      <c r="CZ35" s="103">
        <v>343771</v>
      </c>
      <c r="DA35" s="100">
        <v>0</v>
      </c>
      <c r="DB35" s="104">
        <v>328917</v>
      </c>
      <c r="DC35" s="104">
        <v>458559</v>
      </c>
      <c r="DD35" s="104">
        <v>483471</v>
      </c>
      <c r="DE35" s="104">
        <v>303586</v>
      </c>
      <c r="DF35" s="104">
        <v>0</v>
      </c>
      <c r="DG35" s="103">
        <v>1574533</v>
      </c>
      <c r="DH35" s="106">
        <v>1918304</v>
      </c>
      <c r="DI35" s="100">
        <v>0</v>
      </c>
      <c r="DJ35" s="104">
        <v>17181</v>
      </c>
      <c r="DK35" s="102">
        <v>17181</v>
      </c>
      <c r="DL35" s="101">
        <v>0</v>
      </c>
      <c r="DM35" s="104">
        <v>360403</v>
      </c>
      <c r="DN35" s="104">
        <v>406777</v>
      </c>
      <c r="DO35" s="104">
        <v>880854</v>
      </c>
      <c r="DP35" s="104">
        <v>1449236</v>
      </c>
      <c r="DQ35" s="104">
        <v>81715</v>
      </c>
      <c r="DR35" s="103">
        <v>3178985</v>
      </c>
      <c r="DS35" s="106">
        <v>3196166</v>
      </c>
      <c r="DT35" s="100">
        <v>0</v>
      </c>
      <c r="DU35" s="104">
        <v>17181</v>
      </c>
      <c r="DV35" s="103">
        <v>17181</v>
      </c>
      <c r="DW35" s="100">
        <v>0</v>
      </c>
      <c r="DX35" s="104">
        <v>360403</v>
      </c>
      <c r="DY35" s="104">
        <v>319522</v>
      </c>
      <c r="DZ35" s="104">
        <v>753216</v>
      </c>
      <c r="EA35" s="104">
        <v>1145387</v>
      </c>
      <c r="EB35" s="104">
        <v>40419</v>
      </c>
      <c r="EC35" s="103">
        <v>2618947</v>
      </c>
      <c r="ED35" s="106">
        <v>2636128</v>
      </c>
      <c r="EE35" s="100">
        <v>0</v>
      </c>
      <c r="EF35" s="102">
        <v>0</v>
      </c>
      <c r="EG35" s="103">
        <v>0</v>
      </c>
      <c r="EH35" s="100">
        <v>0</v>
      </c>
      <c r="EI35" s="104">
        <v>0</v>
      </c>
      <c r="EJ35" s="104">
        <v>87255</v>
      </c>
      <c r="EK35" s="104">
        <v>127638</v>
      </c>
      <c r="EL35" s="104">
        <v>303849</v>
      </c>
      <c r="EM35" s="104">
        <v>41296</v>
      </c>
      <c r="EN35" s="102">
        <v>560038</v>
      </c>
      <c r="EO35" s="106">
        <v>560038</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280010</v>
      </c>
      <c r="FM35" s="104">
        <v>252067</v>
      </c>
      <c r="FN35" s="103">
        <v>532077</v>
      </c>
      <c r="FO35" s="100">
        <v>0</v>
      </c>
      <c r="FP35" s="104">
        <v>426875</v>
      </c>
      <c r="FQ35" s="104">
        <v>570006</v>
      </c>
      <c r="FR35" s="104">
        <v>941204</v>
      </c>
      <c r="FS35" s="104">
        <v>825391</v>
      </c>
      <c r="FT35" s="104">
        <v>274091</v>
      </c>
      <c r="FU35" s="103">
        <v>3037567</v>
      </c>
      <c r="FV35" s="106">
        <v>3569644</v>
      </c>
      <c r="FW35" s="105">
        <v>189470</v>
      </c>
      <c r="FX35" s="104">
        <v>214375</v>
      </c>
      <c r="FY35" s="102">
        <v>403845</v>
      </c>
      <c r="FZ35" s="101">
        <v>0</v>
      </c>
      <c r="GA35" s="104">
        <v>426875</v>
      </c>
      <c r="GB35" s="104">
        <v>570006</v>
      </c>
      <c r="GC35" s="104">
        <v>941204</v>
      </c>
      <c r="GD35" s="104">
        <v>740251</v>
      </c>
      <c r="GE35" s="104">
        <v>274091</v>
      </c>
      <c r="GF35" s="103">
        <v>2952427</v>
      </c>
      <c r="GG35" s="296">
        <v>3356272</v>
      </c>
      <c r="GH35" s="105">
        <v>49950</v>
      </c>
      <c r="GI35" s="104">
        <v>37692</v>
      </c>
      <c r="GJ35" s="102">
        <v>87642</v>
      </c>
      <c r="GK35" s="101">
        <v>0</v>
      </c>
      <c r="GL35" s="104">
        <v>0</v>
      </c>
      <c r="GM35" s="104">
        <v>0</v>
      </c>
      <c r="GN35" s="104">
        <v>0</v>
      </c>
      <c r="GO35" s="104">
        <v>0</v>
      </c>
      <c r="GP35" s="104">
        <v>0</v>
      </c>
      <c r="GQ35" s="103">
        <v>0</v>
      </c>
      <c r="GR35" s="106">
        <v>87642</v>
      </c>
      <c r="GS35" s="100">
        <v>40590</v>
      </c>
      <c r="GT35" s="104">
        <v>0</v>
      </c>
      <c r="GU35" s="103">
        <v>40590</v>
      </c>
      <c r="GV35" s="100">
        <v>0</v>
      </c>
      <c r="GW35" s="104">
        <v>0</v>
      </c>
      <c r="GX35" s="104">
        <v>0</v>
      </c>
      <c r="GY35" s="104">
        <v>0</v>
      </c>
      <c r="GZ35" s="104">
        <v>85140</v>
      </c>
      <c r="HA35" s="104">
        <v>0</v>
      </c>
      <c r="HB35" s="102">
        <v>85140</v>
      </c>
      <c r="HC35" s="106">
        <v>125730</v>
      </c>
      <c r="HD35" s="100">
        <v>57096</v>
      </c>
      <c r="HE35" s="104">
        <v>96120</v>
      </c>
      <c r="HF35" s="102">
        <v>153216</v>
      </c>
      <c r="HG35" s="101">
        <v>0</v>
      </c>
      <c r="HH35" s="104">
        <v>929656</v>
      </c>
      <c r="HI35" s="104">
        <v>1059396</v>
      </c>
      <c r="HJ35" s="104">
        <v>982515</v>
      </c>
      <c r="HK35" s="104">
        <v>680814</v>
      </c>
      <c r="HL35" s="104">
        <v>260532</v>
      </c>
      <c r="HM35" s="103">
        <v>3912913</v>
      </c>
      <c r="HN35" s="99">
        <v>4066129</v>
      </c>
      <c r="HO35" s="105">
        <v>178200</v>
      </c>
      <c r="HP35" s="104">
        <v>154920</v>
      </c>
      <c r="HQ35" s="103">
        <v>333120</v>
      </c>
      <c r="HR35" s="100">
        <v>0</v>
      </c>
      <c r="HS35" s="104">
        <v>962021</v>
      </c>
      <c r="HT35" s="104">
        <v>783798</v>
      </c>
      <c r="HU35" s="104">
        <v>924789</v>
      </c>
      <c r="HV35" s="104">
        <v>663424</v>
      </c>
      <c r="HW35" s="104">
        <v>209882</v>
      </c>
      <c r="HX35" s="102">
        <v>3543914</v>
      </c>
      <c r="HY35" s="106">
        <v>3877034</v>
      </c>
      <c r="HZ35" s="118">
        <v>0</v>
      </c>
      <c r="IA35" s="119">
        <v>0</v>
      </c>
      <c r="IB35" s="120">
        <v>0</v>
      </c>
      <c r="IC35" s="133">
        <v>0</v>
      </c>
      <c r="ID35" s="119">
        <v>2752099</v>
      </c>
      <c r="IE35" s="134">
        <v>1723535</v>
      </c>
      <c r="IF35" s="120">
        <v>1966926</v>
      </c>
      <c r="IG35" s="119">
        <v>2135616</v>
      </c>
      <c r="IH35" s="120">
        <v>304866</v>
      </c>
      <c r="II35" s="135">
        <v>8883042</v>
      </c>
      <c r="IJ35" s="126">
        <v>8883042</v>
      </c>
      <c r="IK35" s="219">
        <v>0</v>
      </c>
      <c r="IL35" s="223">
        <v>0</v>
      </c>
      <c r="IM35" s="224">
        <v>0</v>
      </c>
      <c r="IN35" s="127"/>
      <c r="IO35" s="109">
        <v>0</v>
      </c>
      <c r="IP35" s="109">
        <v>111519</v>
      </c>
      <c r="IQ35" s="109">
        <v>193383</v>
      </c>
      <c r="IR35" s="109">
        <v>0</v>
      </c>
      <c r="IS35" s="109">
        <v>0</v>
      </c>
      <c r="IT35" s="128">
        <v>304902</v>
      </c>
      <c r="IU35" s="298">
        <v>304902</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162789</v>
      </c>
      <c r="JL35" s="109">
        <v>664875</v>
      </c>
      <c r="JM35" s="109">
        <v>847380</v>
      </c>
      <c r="JN35" s="109">
        <v>780984</v>
      </c>
      <c r="JO35" s="109">
        <v>28611</v>
      </c>
      <c r="JP35" s="110">
        <v>3484639</v>
      </c>
      <c r="JQ35" s="298">
        <v>3484639</v>
      </c>
      <c r="JR35" s="129">
        <v>0</v>
      </c>
      <c r="JS35" s="109">
        <v>0</v>
      </c>
      <c r="JT35" s="128">
        <v>0</v>
      </c>
      <c r="JU35" s="108">
        <v>0</v>
      </c>
      <c r="JV35" s="109">
        <v>186741</v>
      </c>
      <c r="JW35" s="109">
        <v>118934</v>
      </c>
      <c r="JX35" s="109">
        <v>172071</v>
      </c>
      <c r="JY35" s="109">
        <v>0</v>
      </c>
      <c r="JZ35" s="109">
        <v>0</v>
      </c>
      <c r="KA35" s="110">
        <v>477746</v>
      </c>
      <c r="KB35" s="298">
        <v>477746</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1402569</v>
      </c>
      <c r="KS35" s="109">
        <v>828207</v>
      </c>
      <c r="KT35" s="109">
        <v>754092</v>
      </c>
      <c r="KU35" s="109">
        <v>1058928</v>
      </c>
      <c r="KV35" s="109">
        <v>276255</v>
      </c>
      <c r="KW35" s="110">
        <v>4320051</v>
      </c>
      <c r="KX35" s="298">
        <v>4320051</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2409952</v>
      </c>
      <c r="MK35" s="109">
        <v>572229</v>
      </c>
      <c r="ML35" s="109">
        <v>10020115</v>
      </c>
      <c r="MM35" s="109">
        <v>12545085</v>
      </c>
      <c r="MN35" s="109">
        <v>6003935</v>
      </c>
      <c r="MO35" s="110">
        <v>31551316</v>
      </c>
      <c r="MP35" s="130">
        <v>31551316</v>
      </c>
      <c r="MQ35" s="129">
        <v>0</v>
      </c>
      <c r="MR35" s="109">
        <v>0</v>
      </c>
      <c r="MS35" s="110">
        <v>0</v>
      </c>
      <c r="MT35" s="132"/>
      <c r="MU35" s="109">
        <v>0</v>
      </c>
      <c r="MV35" s="109">
        <v>187101</v>
      </c>
      <c r="MW35" s="109">
        <v>6676068</v>
      </c>
      <c r="MX35" s="109">
        <v>7364315</v>
      </c>
      <c r="MY35" s="109">
        <v>4074727</v>
      </c>
      <c r="MZ35" s="110">
        <v>18302211</v>
      </c>
      <c r="NA35" s="130">
        <v>18302211</v>
      </c>
      <c r="NB35" s="129">
        <v>0</v>
      </c>
      <c r="NC35" s="109">
        <v>0</v>
      </c>
      <c r="ND35" s="110">
        <v>0</v>
      </c>
      <c r="NE35" s="132"/>
      <c r="NF35" s="109">
        <v>2409952</v>
      </c>
      <c r="NG35" s="109">
        <v>385128</v>
      </c>
      <c r="NH35" s="109">
        <v>2728888</v>
      </c>
      <c r="NI35" s="109">
        <v>4799786</v>
      </c>
      <c r="NJ35" s="109">
        <v>1552086</v>
      </c>
      <c r="NK35" s="110">
        <v>11875840</v>
      </c>
      <c r="NL35" s="298">
        <v>11875840</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615159</v>
      </c>
      <c r="OE35" s="109">
        <v>380984</v>
      </c>
      <c r="OF35" s="109">
        <v>377122</v>
      </c>
      <c r="OG35" s="110">
        <v>1373265</v>
      </c>
      <c r="OH35" s="111">
        <v>1373265</v>
      </c>
      <c r="OI35" s="129">
        <v>711833</v>
      </c>
      <c r="OJ35" s="109">
        <v>1033498</v>
      </c>
      <c r="OK35" s="128">
        <v>1745331</v>
      </c>
      <c r="OL35" s="108">
        <v>0</v>
      </c>
      <c r="OM35" s="109">
        <v>11884973</v>
      </c>
      <c r="ON35" s="109">
        <v>9192298</v>
      </c>
      <c r="OO35" s="109">
        <v>20925524</v>
      </c>
      <c r="OP35" s="109">
        <v>24743254</v>
      </c>
      <c r="OQ35" s="109">
        <v>9101109</v>
      </c>
      <c r="OR35" s="110">
        <v>75847158</v>
      </c>
      <c r="OS35" s="130">
        <v>77592489</v>
      </c>
    </row>
    <row r="36" spans="2:409" ht="21" customHeight="1" x14ac:dyDescent="0.2">
      <c r="B36" s="472" t="s">
        <v>31</v>
      </c>
      <c r="C36" s="100">
        <v>508693</v>
      </c>
      <c r="D36" s="104">
        <v>1312655</v>
      </c>
      <c r="E36" s="103">
        <v>1821348</v>
      </c>
      <c r="F36" s="99">
        <v>0</v>
      </c>
      <c r="G36" s="104">
        <v>6802405</v>
      </c>
      <c r="H36" s="104">
        <v>8584106</v>
      </c>
      <c r="I36" s="104">
        <v>7239301</v>
      </c>
      <c r="J36" s="104">
        <v>7326236</v>
      </c>
      <c r="K36" s="104">
        <v>3701455</v>
      </c>
      <c r="L36" s="160">
        <v>33653503</v>
      </c>
      <c r="M36" s="106">
        <v>35474851</v>
      </c>
      <c r="N36" s="100">
        <v>197851</v>
      </c>
      <c r="O36" s="104">
        <v>338751</v>
      </c>
      <c r="P36" s="103">
        <v>536602</v>
      </c>
      <c r="Q36" s="100">
        <v>0</v>
      </c>
      <c r="R36" s="104">
        <v>1405400</v>
      </c>
      <c r="S36" s="104">
        <v>1803407</v>
      </c>
      <c r="T36" s="104">
        <v>1990223</v>
      </c>
      <c r="U36" s="104">
        <v>2442104</v>
      </c>
      <c r="V36" s="104">
        <v>2273943</v>
      </c>
      <c r="W36" s="103">
        <v>9915077</v>
      </c>
      <c r="X36" s="106">
        <v>10451679</v>
      </c>
      <c r="Y36" s="100">
        <v>0</v>
      </c>
      <c r="Z36" s="104">
        <v>0</v>
      </c>
      <c r="AA36" s="103">
        <v>0</v>
      </c>
      <c r="AB36" s="100">
        <v>0</v>
      </c>
      <c r="AC36" s="104">
        <v>327550</v>
      </c>
      <c r="AD36" s="104">
        <v>503324</v>
      </c>
      <c r="AE36" s="104">
        <v>1044267</v>
      </c>
      <c r="AF36" s="104">
        <v>551331</v>
      </c>
      <c r="AG36" s="104">
        <v>1250130</v>
      </c>
      <c r="AH36" s="103">
        <v>3676602</v>
      </c>
      <c r="AI36" s="106">
        <v>3676602</v>
      </c>
      <c r="AJ36" s="100">
        <v>0</v>
      </c>
      <c r="AK36" s="104">
        <v>0</v>
      </c>
      <c r="AL36" s="103">
        <v>0</v>
      </c>
      <c r="AM36" s="100">
        <v>0</v>
      </c>
      <c r="AN36" s="104">
        <v>61461</v>
      </c>
      <c r="AO36" s="104">
        <v>54632</v>
      </c>
      <c r="AP36" s="104">
        <v>245854</v>
      </c>
      <c r="AQ36" s="104">
        <v>563398</v>
      </c>
      <c r="AR36" s="104">
        <v>285469</v>
      </c>
      <c r="AS36" s="103">
        <v>1210814</v>
      </c>
      <c r="AT36" s="106">
        <v>1210814</v>
      </c>
      <c r="AU36" s="100">
        <v>122908</v>
      </c>
      <c r="AV36" s="104">
        <v>245790</v>
      </c>
      <c r="AW36" s="103">
        <v>368698</v>
      </c>
      <c r="AX36" s="100">
        <v>0</v>
      </c>
      <c r="AY36" s="104">
        <v>536130</v>
      </c>
      <c r="AZ36" s="104">
        <v>650885</v>
      </c>
      <c r="BA36" s="104">
        <v>452733</v>
      </c>
      <c r="BB36" s="104">
        <v>1006057</v>
      </c>
      <c r="BC36" s="104">
        <v>534266</v>
      </c>
      <c r="BD36" s="103">
        <v>3180071</v>
      </c>
      <c r="BE36" s="106">
        <v>3548769</v>
      </c>
      <c r="BF36" s="100">
        <v>50706</v>
      </c>
      <c r="BG36" s="104">
        <v>92961</v>
      </c>
      <c r="BH36" s="102">
        <v>143667</v>
      </c>
      <c r="BI36" s="101">
        <v>0</v>
      </c>
      <c r="BJ36" s="104">
        <v>34416</v>
      </c>
      <c r="BK36" s="104">
        <v>77436</v>
      </c>
      <c r="BL36" s="104">
        <v>69510</v>
      </c>
      <c r="BM36" s="104">
        <v>137664</v>
      </c>
      <c r="BN36" s="104">
        <v>52083</v>
      </c>
      <c r="BO36" s="103">
        <v>371109</v>
      </c>
      <c r="BP36" s="106">
        <v>514776</v>
      </c>
      <c r="BQ36" s="100">
        <v>24237</v>
      </c>
      <c r="BR36" s="104">
        <v>0</v>
      </c>
      <c r="BS36" s="103">
        <v>24237</v>
      </c>
      <c r="BT36" s="100">
        <v>0</v>
      </c>
      <c r="BU36" s="104">
        <v>445843</v>
      </c>
      <c r="BV36" s="104">
        <v>517130</v>
      </c>
      <c r="BW36" s="104">
        <v>177859</v>
      </c>
      <c r="BX36" s="104">
        <v>183654</v>
      </c>
      <c r="BY36" s="104">
        <v>151995</v>
      </c>
      <c r="BZ36" s="103">
        <v>1476481</v>
      </c>
      <c r="CA36" s="106">
        <v>1500718</v>
      </c>
      <c r="CB36" s="100">
        <v>0</v>
      </c>
      <c r="CC36" s="104">
        <v>0</v>
      </c>
      <c r="CD36" s="103">
        <v>0</v>
      </c>
      <c r="CE36" s="100">
        <v>0</v>
      </c>
      <c r="CF36" s="104">
        <v>2006694</v>
      </c>
      <c r="CG36" s="104">
        <v>3110337</v>
      </c>
      <c r="CH36" s="104">
        <v>1763542</v>
      </c>
      <c r="CI36" s="104">
        <v>1343099</v>
      </c>
      <c r="CJ36" s="104">
        <v>461851</v>
      </c>
      <c r="CK36" s="103">
        <v>8685523</v>
      </c>
      <c r="CL36" s="106">
        <v>8685523</v>
      </c>
      <c r="CM36" s="100">
        <v>0</v>
      </c>
      <c r="CN36" s="104">
        <v>0</v>
      </c>
      <c r="CO36" s="103">
        <v>0</v>
      </c>
      <c r="CP36" s="101">
        <v>0</v>
      </c>
      <c r="CQ36" s="104">
        <v>1759724</v>
      </c>
      <c r="CR36" s="104">
        <v>2620562</v>
      </c>
      <c r="CS36" s="104">
        <v>1351191</v>
      </c>
      <c r="CT36" s="104">
        <v>1172131</v>
      </c>
      <c r="CU36" s="104">
        <v>381287</v>
      </c>
      <c r="CV36" s="103">
        <v>7284895</v>
      </c>
      <c r="CW36" s="106">
        <v>7284895</v>
      </c>
      <c r="CX36" s="100">
        <v>0</v>
      </c>
      <c r="CY36" s="104">
        <v>0</v>
      </c>
      <c r="CZ36" s="103">
        <v>0</v>
      </c>
      <c r="DA36" s="100">
        <v>0</v>
      </c>
      <c r="DB36" s="104">
        <v>246970</v>
      </c>
      <c r="DC36" s="104">
        <v>489775</v>
      </c>
      <c r="DD36" s="104">
        <v>412351</v>
      </c>
      <c r="DE36" s="104">
        <v>170968</v>
      </c>
      <c r="DF36" s="104">
        <v>80564</v>
      </c>
      <c r="DG36" s="103">
        <v>1400628</v>
      </c>
      <c r="DH36" s="106">
        <v>1400628</v>
      </c>
      <c r="DI36" s="100">
        <v>0</v>
      </c>
      <c r="DJ36" s="104">
        <v>0</v>
      </c>
      <c r="DK36" s="102">
        <v>0</v>
      </c>
      <c r="DL36" s="101">
        <v>0</v>
      </c>
      <c r="DM36" s="104">
        <v>246114</v>
      </c>
      <c r="DN36" s="104">
        <v>366902</v>
      </c>
      <c r="DO36" s="104">
        <v>1071257</v>
      </c>
      <c r="DP36" s="104">
        <v>820806</v>
      </c>
      <c r="DQ36" s="104">
        <v>126434</v>
      </c>
      <c r="DR36" s="103">
        <v>2631513</v>
      </c>
      <c r="DS36" s="106">
        <v>2631513</v>
      </c>
      <c r="DT36" s="100">
        <v>0</v>
      </c>
      <c r="DU36" s="104">
        <v>0</v>
      </c>
      <c r="DV36" s="103">
        <v>0</v>
      </c>
      <c r="DW36" s="100">
        <v>0</v>
      </c>
      <c r="DX36" s="104">
        <v>246114</v>
      </c>
      <c r="DY36" s="104">
        <v>289998</v>
      </c>
      <c r="DZ36" s="104">
        <v>1071257</v>
      </c>
      <c r="EA36" s="104">
        <v>820806</v>
      </c>
      <c r="EB36" s="104">
        <v>54587</v>
      </c>
      <c r="EC36" s="103">
        <v>2482762</v>
      </c>
      <c r="ED36" s="106">
        <v>2482762</v>
      </c>
      <c r="EE36" s="100">
        <v>0</v>
      </c>
      <c r="EF36" s="102">
        <v>0</v>
      </c>
      <c r="EG36" s="103">
        <v>0</v>
      </c>
      <c r="EH36" s="100">
        <v>0</v>
      </c>
      <c r="EI36" s="104">
        <v>0</v>
      </c>
      <c r="EJ36" s="104">
        <v>76904</v>
      </c>
      <c r="EK36" s="104">
        <v>0</v>
      </c>
      <c r="EL36" s="104">
        <v>0</v>
      </c>
      <c r="EM36" s="104">
        <v>71847</v>
      </c>
      <c r="EN36" s="102">
        <v>148751</v>
      </c>
      <c r="EO36" s="106">
        <v>148751</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43105</v>
      </c>
      <c r="FM36" s="104">
        <v>586922</v>
      </c>
      <c r="FN36" s="103">
        <v>730027</v>
      </c>
      <c r="FO36" s="100">
        <v>0</v>
      </c>
      <c r="FP36" s="104">
        <v>673922</v>
      </c>
      <c r="FQ36" s="104">
        <v>889485</v>
      </c>
      <c r="FR36" s="104">
        <v>652869</v>
      </c>
      <c r="FS36" s="104">
        <v>1133661</v>
      </c>
      <c r="FT36" s="104">
        <v>374237</v>
      </c>
      <c r="FU36" s="103">
        <v>3724174</v>
      </c>
      <c r="FV36" s="106">
        <v>4454201</v>
      </c>
      <c r="FW36" s="105">
        <v>115205</v>
      </c>
      <c r="FX36" s="104">
        <v>406085</v>
      </c>
      <c r="FY36" s="102">
        <v>521290</v>
      </c>
      <c r="FZ36" s="101">
        <v>0</v>
      </c>
      <c r="GA36" s="104">
        <v>474122</v>
      </c>
      <c r="GB36" s="104">
        <v>848985</v>
      </c>
      <c r="GC36" s="104">
        <v>652869</v>
      </c>
      <c r="GD36" s="104">
        <v>1058061</v>
      </c>
      <c r="GE36" s="104">
        <v>374237</v>
      </c>
      <c r="GF36" s="103">
        <v>3408274</v>
      </c>
      <c r="GG36" s="296">
        <v>3929564</v>
      </c>
      <c r="GH36" s="105">
        <v>27900</v>
      </c>
      <c r="GI36" s="104">
        <v>16200</v>
      </c>
      <c r="GJ36" s="102">
        <v>44100</v>
      </c>
      <c r="GK36" s="101">
        <v>0</v>
      </c>
      <c r="GL36" s="104">
        <v>19800</v>
      </c>
      <c r="GM36" s="104">
        <v>40500</v>
      </c>
      <c r="GN36" s="104">
        <v>0</v>
      </c>
      <c r="GO36" s="104">
        <v>75600</v>
      </c>
      <c r="GP36" s="104">
        <v>0</v>
      </c>
      <c r="GQ36" s="103">
        <v>135900</v>
      </c>
      <c r="GR36" s="106">
        <v>180000</v>
      </c>
      <c r="GS36" s="100">
        <v>0</v>
      </c>
      <c r="GT36" s="104">
        <v>164637</v>
      </c>
      <c r="GU36" s="103">
        <v>164637</v>
      </c>
      <c r="GV36" s="100">
        <v>0</v>
      </c>
      <c r="GW36" s="104">
        <v>180000</v>
      </c>
      <c r="GX36" s="104">
        <v>0</v>
      </c>
      <c r="GY36" s="104">
        <v>0</v>
      </c>
      <c r="GZ36" s="104">
        <v>0</v>
      </c>
      <c r="HA36" s="104">
        <v>0</v>
      </c>
      <c r="HB36" s="102">
        <v>180000</v>
      </c>
      <c r="HC36" s="106">
        <v>344637</v>
      </c>
      <c r="HD36" s="100">
        <v>57370</v>
      </c>
      <c r="HE36" s="104">
        <v>96120</v>
      </c>
      <c r="HF36" s="102">
        <v>153490</v>
      </c>
      <c r="HG36" s="101">
        <v>0</v>
      </c>
      <c r="HH36" s="104">
        <v>1253368</v>
      </c>
      <c r="HI36" s="104">
        <v>1330824</v>
      </c>
      <c r="HJ36" s="104">
        <v>1028869</v>
      </c>
      <c r="HK36" s="104">
        <v>906449</v>
      </c>
      <c r="HL36" s="104">
        <v>268283</v>
      </c>
      <c r="HM36" s="103">
        <v>4787793</v>
      </c>
      <c r="HN36" s="99">
        <v>4941283</v>
      </c>
      <c r="HO36" s="105">
        <v>110367</v>
      </c>
      <c r="HP36" s="104">
        <v>290862</v>
      </c>
      <c r="HQ36" s="103">
        <v>401229</v>
      </c>
      <c r="HR36" s="100">
        <v>0</v>
      </c>
      <c r="HS36" s="104">
        <v>1216907</v>
      </c>
      <c r="HT36" s="104">
        <v>1083151</v>
      </c>
      <c r="HU36" s="104">
        <v>732541</v>
      </c>
      <c r="HV36" s="104">
        <v>680117</v>
      </c>
      <c r="HW36" s="104">
        <v>196707</v>
      </c>
      <c r="HX36" s="102">
        <v>3909423</v>
      </c>
      <c r="HY36" s="106">
        <v>4310652</v>
      </c>
      <c r="HZ36" s="137">
        <v>0</v>
      </c>
      <c r="IA36" s="122">
        <v>179104</v>
      </c>
      <c r="IB36" s="137">
        <v>179104</v>
      </c>
      <c r="IC36" s="121">
        <v>0</v>
      </c>
      <c r="ID36" s="122">
        <v>4194143</v>
      </c>
      <c r="IE36" s="123">
        <v>2928073</v>
      </c>
      <c r="IF36" s="124">
        <v>5297839</v>
      </c>
      <c r="IG36" s="122">
        <v>4425322</v>
      </c>
      <c r="IH36" s="124">
        <v>1608663</v>
      </c>
      <c r="II36" s="125">
        <v>18454040</v>
      </c>
      <c r="IJ36" s="137">
        <v>18633144</v>
      </c>
      <c r="IK36" s="219">
        <v>0</v>
      </c>
      <c r="IL36" s="223">
        <v>0</v>
      </c>
      <c r="IM36" s="224">
        <v>0</v>
      </c>
      <c r="IN36" s="127"/>
      <c r="IO36" s="109">
        <v>0</v>
      </c>
      <c r="IP36" s="109">
        <v>195040</v>
      </c>
      <c r="IQ36" s="109">
        <v>0</v>
      </c>
      <c r="IR36" s="109">
        <v>0</v>
      </c>
      <c r="IS36" s="109">
        <v>0</v>
      </c>
      <c r="IT36" s="128">
        <v>195040</v>
      </c>
      <c r="IU36" s="298">
        <v>19504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1056814</v>
      </c>
      <c r="JL36" s="109">
        <v>540863</v>
      </c>
      <c r="JM36" s="109">
        <v>573970</v>
      </c>
      <c r="JN36" s="109">
        <v>331453</v>
      </c>
      <c r="JO36" s="109">
        <v>0</v>
      </c>
      <c r="JP36" s="110">
        <v>2503100</v>
      </c>
      <c r="JQ36" s="298">
        <v>2503100</v>
      </c>
      <c r="JR36" s="129">
        <v>0</v>
      </c>
      <c r="JS36" s="109">
        <v>0</v>
      </c>
      <c r="JT36" s="128">
        <v>0</v>
      </c>
      <c r="JU36" s="108">
        <v>0</v>
      </c>
      <c r="JV36" s="109">
        <v>0</v>
      </c>
      <c r="JW36" s="109">
        <v>0</v>
      </c>
      <c r="JX36" s="109">
        <v>0</v>
      </c>
      <c r="JY36" s="109">
        <v>185671</v>
      </c>
      <c r="JZ36" s="109">
        <v>263277</v>
      </c>
      <c r="KA36" s="110">
        <v>448948</v>
      </c>
      <c r="KB36" s="298">
        <v>448948</v>
      </c>
      <c r="KC36" s="221">
        <v>0</v>
      </c>
      <c r="KD36" s="217">
        <v>179104</v>
      </c>
      <c r="KE36" s="110">
        <v>179104</v>
      </c>
      <c r="KF36" s="108">
        <v>0</v>
      </c>
      <c r="KG36" s="109">
        <v>1299113</v>
      </c>
      <c r="KH36" s="109">
        <v>756601</v>
      </c>
      <c r="KI36" s="109">
        <v>1540564</v>
      </c>
      <c r="KJ36" s="109">
        <v>1170107</v>
      </c>
      <c r="KK36" s="109">
        <v>259368</v>
      </c>
      <c r="KL36" s="110">
        <v>5025753</v>
      </c>
      <c r="KM36" s="130">
        <v>5204857</v>
      </c>
      <c r="KN36" s="219">
        <v>0</v>
      </c>
      <c r="KO36" s="223">
        <v>0</v>
      </c>
      <c r="KP36" s="224">
        <v>0</v>
      </c>
      <c r="KQ36" s="127"/>
      <c r="KR36" s="109">
        <v>1838216</v>
      </c>
      <c r="KS36" s="109">
        <v>1435569</v>
      </c>
      <c r="KT36" s="109">
        <v>3183305</v>
      </c>
      <c r="KU36" s="109">
        <v>2738091</v>
      </c>
      <c r="KV36" s="109">
        <v>1086018</v>
      </c>
      <c r="KW36" s="110">
        <v>10281199</v>
      </c>
      <c r="KX36" s="298">
        <v>10281199</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731459</v>
      </c>
      <c r="MK36" s="109">
        <v>3614268</v>
      </c>
      <c r="ML36" s="109">
        <v>9040466</v>
      </c>
      <c r="MM36" s="109">
        <v>14486951</v>
      </c>
      <c r="MN36" s="109">
        <v>7450062</v>
      </c>
      <c r="MO36" s="110">
        <v>35323206</v>
      </c>
      <c r="MP36" s="130">
        <v>35323206</v>
      </c>
      <c r="MQ36" s="129">
        <v>0</v>
      </c>
      <c r="MR36" s="109">
        <v>0</v>
      </c>
      <c r="MS36" s="110">
        <v>0</v>
      </c>
      <c r="MT36" s="132"/>
      <c r="MU36" s="109">
        <v>0</v>
      </c>
      <c r="MV36" s="109">
        <v>437791</v>
      </c>
      <c r="MW36" s="109">
        <v>6917626</v>
      </c>
      <c r="MX36" s="109">
        <v>8067861</v>
      </c>
      <c r="MY36" s="109">
        <v>5926147</v>
      </c>
      <c r="MZ36" s="110">
        <v>21349425</v>
      </c>
      <c r="NA36" s="130">
        <v>21349425</v>
      </c>
      <c r="NB36" s="129">
        <v>0</v>
      </c>
      <c r="NC36" s="109">
        <v>0</v>
      </c>
      <c r="ND36" s="110">
        <v>0</v>
      </c>
      <c r="NE36" s="132"/>
      <c r="NF36" s="109">
        <v>461332</v>
      </c>
      <c r="NG36" s="109">
        <v>2875657</v>
      </c>
      <c r="NH36" s="109">
        <v>2122840</v>
      </c>
      <c r="NI36" s="109">
        <v>4634403</v>
      </c>
      <c r="NJ36" s="109">
        <v>1523915</v>
      </c>
      <c r="NK36" s="110">
        <v>11618147</v>
      </c>
      <c r="NL36" s="298">
        <v>11618147</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270127</v>
      </c>
      <c r="OC36" s="109">
        <v>300820</v>
      </c>
      <c r="OD36" s="109">
        <v>0</v>
      </c>
      <c r="OE36" s="109">
        <v>1784687</v>
      </c>
      <c r="OF36" s="109">
        <v>0</v>
      </c>
      <c r="OG36" s="110">
        <v>2355634</v>
      </c>
      <c r="OH36" s="111">
        <v>2355634</v>
      </c>
      <c r="OI36" s="129">
        <v>508693</v>
      </c>
      <c r="OJ36" s="109">
        <v>1491759</v>
      </c>
      <c r="OK36" s="128">
        <v>2000452</v>
      </c>
      <c r="OL36" s="108">
        <v>0</v>
      </c>
      <c r="OM36" s="109">
        <v>11728007</v>
      </c>
      <c r="ON36" s="109">
        <v>15126447</v>
      </c>
      <c r="OO36" s="109">
        <v>21577606</v>
      </c>
      <c r="OP36" s="109">
        <v>26238509</v>
      </c>
      <c r="OQ36" s="109">
        <v>12760180</v>
      </c>
      <c r="OR36" s="110">
        <v>87430749</v>
      </c>
      <c r="OS36" s="130">
        <v>89431201</v>
      </c>
    </row>
    <row r="37" spans="2:409" ht="21" customHeight="1" x14ac:dyDescent="0.2">
      <c r="B37" s="472" t="s">
        <v>32</v>
      </c>
      <c r="C37" s="100">
        <v>665457</v>
      </c>
      <c r="D37" s="104">
        <v>1171977</v>
      </c>
      <c r="E37" s="161">
        <v>1837434</v>
      </c>
      <c r="F37" s="162">
        <v>0</v>
      </c>
      <c r="G37" s="163">
        <v>9717206</v>
      </c>
      <c r="H37" s="163">
        <v>11368838</v>
      </c>
      <c r="I37" s="163">
        <v>8529832</v>
      </c>
      <c r="J37" s="163">
        <v>9008078</v>
      </c>
      <c r="K37" s="163">
        <v>7070586</v>
      </c>
      <c r="L37" s="164">
        <v>45694540</v>
      </c>
      <c r="M37" s="106">
        <v>47531974</v>
      </c>
      <c r="N37" s="100">
        <v>167071</v>
      </c>
      <c r="O37" s="104">
        <v>192059</v>
      </c>
      <c r="P37" s="103">
        <v>359130</v>
      </c>
      <c r="Q37" s="100">
        <v>0</v>
      </c>
      <c r="R37" s="104">
        <v>2453914</v>
      </c>
      <c r="S37" s="104">
        <v>2039900</v>
      </c>
      <c r="T37" s="104">
        <v>2368867</v>
      </c>
      <c r="U37" s="104">
        <v>2728787</v>
      </c>
      <c r="V37" s="104">
        <v>3835378</v>
      </c>
      <c r="W37" s="103">
        <v>13426846</v>
      </c>
      <c r="X37" s="106">
        <v>13785976</v>
      </c>
      <c r="Y37" s="100">
        <v>0</v>
      </c>
      <c r="Z37" s="104">
        <v>0</v>
      </c>
      <c r="AA37" s="103">
        <v>0</v>
      </c>
      <c r="AB37" s="100">
        <v>0</v>
      </c>
      <c r="AC37" s="104">
        <v>1116558</v>
      </c>
      <c r="AD37" s="104">
        <v>874382</v>
      </c>
      <c r="AE37" s="104">
        <v>1387487</v>
      </c>
      <c r="AF37" s="104">
        <v>1394577</v>
      </c>
      <c r="AG37" s="104">
        <v>2386491</v>
      </c>
      <c r="AH37" s="103">
        <v>7159495</v>
      </c>
      <c r="AI37" s="106">
        <v>7159495</v>
      </c>
      <c r="AJ37" s="100">
        <v>0</v>
      </c>
      <c r="AK37" s="104">
        <v>0</v>
      </c>
      <c r="AL37" s="103">
        <v>0</v>
      </c>
      <c r="AM37" s="100">
        <v>0</v>
      </c>
      <c r="AN37" s="104">
        <v>0</v>
      </c>
      <c r="AO37" s="104">
        <v>0</v>
      </c>
      <c r="AP37" s="104">
        <v>62824</v>
      </c>
      <c r="AQ37" s="104">
        <v>172098</v>
      </c>
      <c r="AR37" s="104">
        <v>505677</v>
      </c>
      <c r="AS37" s="103">
        <v>740599</v>
      </c>
      <c r="AT37" s="106">
        <v>740599</v>
      </c>
      <c r="AU37" s="100">
        <v>77508</v>
      </c>
      <c r="AV37" s="104">
        <v>185453</v>
      </c>
      <c r="AW37" s="103">
        <v>262961</v>
      </c>
      <c r="AX37" s="100">
        <v>0</v>
      </c>
      <c r="AY37" s="104">
        <v>1010178</v>
      </c>
      <c r="AZ37" s="104">
        <v>858580</v>
      </c>
      <c r="BA37" s="104">
        <v>582476</v>
      </c>
      <c r="BB37" s="104">
        <v>588987</v>
      </c>
      <c r="BC37" s="104">
        <v>501907</v>
      </c>
      <c r="BD37" s="103">
        <v>3542128</v>
      </c>
      <c r="BE37" s="106">
        <v>3805089</v>
      </c>
      <c r="BF37" s="100">
        <v>59188</v>
      </c>
      <c r="BG37" s="104">
        <v>0</v>
      </c>
      <c r="BH37" s="102">
        <v>59188</v>
      </c>
      <c r="BI37" s="101">
        <v>0</v>
      </c>
      <c r="BJ37" s="104">
        <v>158913</v>
      </c>
      <c r="BK37" s="104">
        <v>26768</v>
      </c>
      <c r="BL37" s="104">
        <v>68373</v>
      </c>
      <c r="BM37" s="104">
        <v>108028</v>
      </c>
      <c r="BN37" s="104">
        <v>81018</v>
      </c>
      <c r="BO37" s="103">
        <v>443100</v>
      </c>
      <c r="BP37" s="106">
        <v>502288</v>
      </c>
      <c r="BQ37" s="100">
        <v>30375</v>
      </c>
      <c r="BR37" s="104">
        <v>6606</v>
      </c>
      <c r="BS37" s="103">
        <v>36981</v>
      </c>
      <c r="BT37" s="100">
        <v>0</v>
      </c>
      <c r="BU37" s="104">
        <v>168265</v>
      </c>
      <c r="BV37" s="104">
        <v>280170</v>
      </c>
      <c r="BW37" s="104">
        <v>267707</v>
      </c>
      <c r="BX37" s="104">
        <v>465097</v>
      </c>
      <c r="BY37" s="104">
        <v>360285</v>
      </c>
      <c r="BZ37" s="103">
        <v>1541524</v>
      </c>
      <c r="CA37" s="106">
        <v>1578505</v>
      </c>
      <c r="CB37" s="100">
        <v>0</v>
      </c>
      <c r="CC37" s="104">
        <v>161010</v>
      </c>
      <c r="CD37" s="103">
        <v>161010</v>
      </c>
      <c r="CE37" s="100">
        <v>0</v>
      </c>
      <c r="CF37" s="104">
        <v>3923551</v>
      </c>
      <c r="CG37" s="104">
        <v>4576134</v>
      </c>
      <c r="CH37" s="104">
        <v>2460245</v>
      </c>
      <c r="CI37" s="104">
        <v>2207012</v>
      </c>
      <c r="CJ37" s="104">
        <v>804387</v>
      </c>
      <c r="CK37" s="103">
        <v>13971329</v>
      </c>
      <c r="CL37" s="106">
        <v>14132339</v>
      </c>
      <c r="CM37" s="100">
        <v>0</v>
      </c>
      <c r="CN37" s="104">
        <v>0</v>
      </c>
      <c r="CO37" s="103">
        <v>0</v>
      </c>
      <c r="CP37" s="101">
        <v>0</v>
      </c>
      <c r="CQ37" s="104">
        <v>3315596</v>
      </c>
      <c r="CR37" s="104">
        <v>3536514</v>
      </c>
      <c r="CS37" s="104">
        <v>2063141</v>
      </c>
      <c r="CT37" s="104">
        <v>1782576</v>
      </c>
      <c r="CU37" s="104">
        <v>460180</v>
      </c>
      <c r="CV37" s="103">
        <v>11158007</v>
      </c>
      <c r="CW37" s="106">
        <v>11158007</v>
      </c>
      <c r="CX37" s="100">
        <v>0</v>
      </c>
      <c r="CY37" s="104">
        <v>161010</v>
      </c>
      <c r="CZ37" s="103">
        <v>161010</v>
      </c>
      <c r="DA37" s="100">
        <v>0</v>
      </c>
      <c r="DB37" s="104">
        <v>607955</v>
      </c>
      <c r="DC37" s="104">
        <v>1039620</v>
      </c>
      <c r="DD37" s="104">
        <v>397104</v>
      </c>
      <c r="DE37" s="104">
        <v>424436</v>
      </c>
      <c r="DF37" s="104">
        <v>344207</v>
      </c>
      <c r="DG37" s="103">
        <v>2813322</v>
      </c>
      <c r="DH37" s="106">
        <v>2974332</v>
      </c>
      <c r="DI37" s="100">
        <v>0</v>
      </c>
      <c r="DJ37" s="104">
        <v>22302</v>
      </c>
      <c r="DK37" s="102">
        <v>22302</v>
      </c>
      <c r="DL37" s="101">
        <v>0</v>
      </c>
      <c r="DM37" s="104">
        <v>63376</v>
      </c>
      <c r="DN37" s="104">
        <v>603690</v>
      </c>
      <c r="DO37" s="104">
        <v>741700</v>
      </c>
      <c r="DP37" s="104">
        <v>381555</v>
      </c>
      <c r="DQ37" s="104">
        <v>405382</v>
      </c>
      <c r="DR37" s="103">
        <v>2195703</v>
      </c>
      <c r="DS37" s="106">
        <v>2218005</v>
      </c>
      <c r="DT37" s="100">
        <v>0</v>
      </c>
      <c r="DU37" s="104">
        <v>22302</v>
      </c>
      <c r="DV37" s="103">
        <v>22302</v>
      </c>
      <c r="DW37" s="100">
        <v>0</v>
      </c>
      <c r="DX37" s="104">
        <v>63376</v>
      </c>
      <c r="DY37" s="104">
        <v>540159</v>
      </c>
      <c r="DZ37" s="104">
        <v>616884</v>
      </c>
      <c r="EA37" s="104">
        <v>225599</v>
      </c>
      <c r="EB37" s="104">
        <v>405382</v>
      </c>
      <c r="EC37" s="103">
        <v>1851400</v>
      </c>
      <c r="ED37" s="106">
        <v>1873702</v>
      </c>
      <c r="EE37" s="100">
        <v>0</v>
      </c>
      <c r="EF37" s="102">
        <v>0</v>
      </c>
      <c r="EG37" s="103">
        <v>0</v>
      </c>
      <c r="EH37" s="100">
        <v>0</v>
      </c>
      <c r="EI37" s="104">
        <v>0</v>
      </c>
      <c r="EJ37" s="104">
        <v>63531</v>
      </c>
      <c r="EK37" s="104">
        <v>124816</v>
      </c>
      <c r="EL37" s="104">
        <v>155956</v>
      </c>
      <c r="EM37" s="104">
        <v>0</v>
      </c>
      <c r="EN37" s="102">
        <v>344303</v>
      </c>
      <c r="EO37" s="106">
        <v>344303</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235915</v>
      </c>
      <c r="FM37" s="104">
        <v>302160</v>
      </c>
      <c r="FN37" s="103">
        <v>538075</v>
      </c>
      <c r="FO37" s="100">
        <v>0</v>
      </c>
      <c r="FP37" s="104">
        <v>582145</v>
      </c>
      <c r="FQ37" s="104">
        <v>1097879</v>
      </c>
      <c r="FR37" s="104">
        <v>836041</v>
      </c>
      <c r="FS37" s="104">
        <v>795937</v>
      </c>
      <c r="FT37" s="104">
        <v>479038</v>
      </c>
      <c r="FU37" s="103">
        <v>3791040</v>
      </c>
      <c r="FV37" s="106">
        <v>4329115</v>
      </c>
      <c r="FW37" s="105">
        <v>130615</v>
      </c>
      <c r="FX37" s="104">
        <v>302160</v>
      </c>
      <c r="FY37" s="102">
        <v>432775</v>
      </c>
      <c r="FZ37" s="101">
        <v>0</v>
      </c>
      <c r="GA37" s="104">
        <v>582145</v>
      </c>
      <c r="GB37" s="104">
        <v>1097879</v>
      </c>
      <c r="GC37" s="104">
        <v>836041</v>
      </c>
      <c r="GD37" s="104">
        <v>660417</v>
      </c>
      <c r="GE37" s="104">
        <v>479038</v>
      </c>
      <c r="GF37" s="103">
        <v>3655520</v>
      </c>
      <c r="GG37" s="296">
        <v>4088295</v>
      </c>
      <c r="GH37" s="105">
        <v>45900</v>
      </c>
      <c r="GI37" s="104">
        <v>0</v>
      </c>
      <c r="GJ37" s="102">
        <v>45900</v>
      </c>
      <c r="GK37" s="101">
        <v>0</v>
      </c>
      <c r="GL37" s="104">
        <v>0</v>
      </c>
      <c r="GM37" s="104">
        <v>0</v>
      </c>
      <c r="GN37" s="104">
        <v>0</v>
      </c>
      <c r="GO37" s="104">
        <v>0</v>
      </c>
      <c r="GP37" s="104">
        <v>0</v>
      </c>
      <c r="GQ37" s="103">
        <v>0</v>
      </c>
      <c r="GR37" s="106">
        <v>45900</v>
      </c>
      <c r="GS37" s="100">
        <v>59400</v>
      </c>
      <c r="GT37" s="104">
        <v>0</v>
      </c>
      <c r="GU37" s="103">
        <v>59400</v>
      </c>
      <c r="GV37" s="100">
        <v>0</v>
      </c>
      <c r="GW37" s="104">
        <v>0</v>
      </c>
      <c r="GX37" s="104">
        <v>0</v>
      </c>
      <c r="GY37" s="104">
        <v>0</v>
      </c>
      <c r="GZ37" s="104">
        <v>135520</v>
      </c>
      <c r="HA37" s="104">
        <v>0</v>
      </c>
      <c r="HB37" s="102">
        <v>135520</v>
      </c>
      <c r="HC37" s="106">
        <v>194920</v>
      </c>
      <c r="HD37" s="100">
        <v>179251</v>
      </c>
      <c r="HE37" s="104">
        <v>289966</v>
      </c>
      <c r="HF37" s="102">
        <v>469217</v>
      </c>
      <c r="HG37" s="101">
        <v>0</v>
      </c>
      <c r="HH37" s="104">
        <v>987476</v>
      </c>
      <c r="HI37" s="104">
        <v>1547765</v>
      </c>
      <c r="HJ37" s="104">
        <v>1187859</v>
      </c>
      <c r="HK37" s="104">
        <v>2328584</v>
      </c>
      <c r="HL37" s="104">
        <v>1203268</v>
      </c>
      <c r="HM37" s="103">
        <v>7254952</v>
      </c>
      <c r="HN37" s="99">
        <v>7724169</v>
      </c>
      <c r="HO37" s="105">
        <v>83220</v>
      </c>
      <c r="HP37" s="104">
        <v>204480</v>
      </c>
      <c r="HQ37" s="103">
        <v>287700</v>
      </c>
      <c r="HR37" s="100">
        <v>0</v>
      </c>
      <c r="HS37" s="104">
        <v>1706744</v>
      </c>
      <c r="HT37" s="104">
        <v>1503470</v>
      </c>
      <c r="HU37" s="104">
        <v>935120</v>
      </c>
      <c r="HV37" s="104">
        <v>566203</v>
      </c>
      <c r="HW37" s="104">
        <v>343133</v>
      </c>
      <c r="HX37" s="102">
        <v>5054670</v>
      </c>
      <c r="HY37" s="106">
        <v>5342370</v>
      </c>
      <c r="HZ37" s="118">
        <v>0</v>
      </c>
      <c r="IA37" s="119">
        <v>344592</v>
      </c>
      <c r="IB37" s="120">
        <v>344592</v>
      </c>
      <c r="IC37" s="133">
        <v>0</v>
      </c>
      <c r="ID37" s="119">
        <v>3786057</v>
      </c>
      <c r="IE37" s="134">
        <v>3719507</v>
      </c>
      <c r="IF37" s="120">
        <v>6956086</v>
      </c>
      <c r="IG37" s="119">
        <v>4630772</v>
      </c>
      <c r="IH37" s="120">
        <v>2210004</v>
      </c>
      <c r="II37" s="135">
        <v>21302426</v>
      </c>
      <c r="IJ37" s="126">
        <v>21647018</v>
      </c>
      <c r="IK37" s="219">
        <v>0</v>
      </c>
      <c r="IL37" s="223">
        <v>0</v>
      </c>
      <c r="IM37" s="224">
        <v>0</v>
      </c>
      <c r="IN37" s="127"/>
      <c r="IO37" s="109">
        <v>138879</v>
      </c>
      <c r="IP37" s="109">
        <v>84616</v>
      </c>
      <c r="IQ37" s="109">
        <v>0</v>
      </c>
      <c r="IR37" s="109">
        <v>0</v>
      </c>
      <c r="IS37" s="109">
        <v>0</v>
      </c>
      <c r="IT37" s="128">
        <v>223495</v>
      </c>
      <c r="IU37" s="298">
        <v>223495</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897351</v>
      </c>
      <c r="JL37" s="109">
        <v>2096478</v>
      </c>
      <c r="JM37" s="109">
        <v>1379909</v>
      </c>
      <c r="JN37" s="109">
        <v>369866</v>
      </c>
      <c r="JO37" s="109">
        <v>175698</v>
      </c>
      <c r="JP37" s="110">
        <v>5919302</v>
      </c>
      <c r="JQ37" s="298">
        <v>5919302</v>
      </c>
      <c r="JR37" s="129">
        <v>0</v>
      </c>
      <c r="JS37" s="109">
        <v>0</v>
      </c>
      <c r="JT37" s="128">
        <v>0</v>
      </c>
      <c r="JU37" s="108">
        <v>0</v>
      </c>
      <c r="JV37" s="109">
        <v>330590</v>
      </c>
      <c r="JW37" s="109">
        <v>96885</v>
      </c>
      <c r="JX37" s="109">
        <v>211770</v>
      </c>
      <c r="JY37" s="109">
        <v>0</v>
      </c>
      <c r="JZ37" s="109">
        <v>178154</v>
      </c>
      <c r="KA37" s="110">
        <v>817399</v>
      </c>
      <c r="KB37" s="298">
        <v>817399</v>
      </c>
      <c r="KC37" s="221">
        <v>0</v>
      </c>
      <c r="KD37" s="217">
        <v>344592</v>
      </c>
      <c r="KE37" s="110">
        <v>344592</v>
      </c>
      <c r="KF37" s="108">
        <v>0</v>
      </c>
      <c r="KG37" s="109">
        <v>734400</v>
      </c>
      <c r="KH37" s="109">
        <v>130928</v>
      </c>
      <c r="KI37" s="109">
        <v>720396</v>
      </c>
      <c r="KJ37" s="109">
        <v>547956</v>
      </c>
      <c r="KK37" s="109">
        <v>0</v>
      </c>
      <c r="KL37" s="110">
        <v>2133680</v>
      </c>
      <c r="KM37" s="130">
        <v>2478272</v>
      </c>
      <c r="KN37" s="219">
        <v>0</v>
      </c>
      <c r="KO37" s="223">
        <v>0</v>
      </c>
      <c r="KP37" s="224">
        <v>0</v>
      </c>
      <c r="KQ37" s="127"/>
      <c r="KR37" s="109">
        <v>506709</v>
      </c>
      <c r="KS37" s="109">
        <v>1310600</v>
      </c>
      <c r="KT37" s="109">
        <v>2018774</v>
      </c>
      <c r="KU37" s="109">
        <v>2031498</v>
      </c>
      <c r="KV37" s="109">
        <v>1331452</v>
      </c>
      <c r="KW37" s="110">
        <v>7199033</v>
      </c>
      <c r="KX37" s="298">
        <v>7199033</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78128</v>
      </c>
      <c r="LO37" s="109">
        <v>0</v>
      </c>
      <c r="LP37" s="109">
        <v>2625237</v>
      </c>
      <c r="LQ37" s="109">
        <v>1681452</v>
      </c>
      <c r="LR37" s="109">
        <v>524700</v>
      </c>
      <c r="LS37" s="110">
        <v>5009517</v>
      </c>
      <c r="LT37" s="298">
        <v>5009517</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936764</v>
      </c>
      <c r="MK37" s="109">
        <v>1879923</v>
      </c>
      <c r="ML37" s="109">
        <v>7936455</v>
      </c>
      <c r="MM37" s="109">
        <v>12181671</v>
      </c>
      <c r="MN37" s="109">
        <v>6795148</v>
      </c>
      <c r="MO37" s="110">
        <v>29729961</v>
      </c>
      <c r="MP37" s="130">
        <v>29729961</v>
      </c>
      <c r="MQ37" s="129">
        <v>0</v>
      </c>
      <c r="MR37" s="109">
        <v>0</v>
      </c>
      <c r="MS37" s="110">
        <v>0</v>
      </c>
      <c r="MT37" s="132"/>
      <c r="MU37" s="109">
        <v>419741</v>
      </c>
      <c r="MV37" s="109">
        <v>0</v>
      </c>
      <c r="MW37" s="109">
        <v>3022233</v>
      </c>
      <c r="MX37" s="109">
        <v>6502051</v>
      </c>
      <c r="MY37" s="109">
        <v>5039026</v>
      </c>
      <c r="MZ37" s="110">
        <v>14983051</v>
      </c>
      <c r="NA37" s="130">
        <v>14983051</v>
      </c>
      <c r="NB37" s="129">
        <v>0</v>
      </c>
      <c r="NC37" s="109">
        <v>0</v>
      </c>
      <c r="ND37" s="110">
        <v>0</v>
      </c>
      <c r="NE37" s="132"/>
      <c r="NF37" s="109">
        <v>517023</v>
      </c>
      <c r="NG37" s="109">
        <v>1879923</v>
      </c>
      <c r="NH37" s="109">
        <v>4252761</v>
      </c>
      <c r="NI37" s="109">
        <v>5679620</v>
      </c>
      <c r="NJ37" s="109">
        <v>1341096</v>
      </c>
      <c r="NK37" s="110">
        <v>13670423</v>
      </c>
      <c r="NL37" s="298">
        <v>13670423</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661461</v>
      </c>
      <c r="OE37" s="109">
        <v>0</v>
      </c>
      <c r="OF37" s="109">
        <v>415026</v>
      </c>
      <c r="OG37" s="110">
        <v>1076487</v>
      </c>
      <c r="OH37" s="111">
        <v>1076487</v>
      </c>
      <c r="OI37" s="129">
        <v>665457</v>
      </c>
      <c r="OJ37" s="109">
        <v>1516569</v>
      </c>
      <c r="OK37" s="128">
        <v>2182026</v>
      </c>
      <c r="OL37" s="108">
        <v>0</v>
      </c>
      <c r="OM37" s="109">
        <v>14440027</v>
      </c>
      <c r="ON37" s="109">
        <v>16968268</v>
      </c>
      <c r="OO37" s="109">
        <v>23422373</v>
      </c>
      <c r="OP37" s="109">
        <v>25820521</v>
      </c>
      <c r="OQ37" s="109">
        <v>16075738</v>
      </c>
      <c r="OR37" s="110">
        <v>96726927</v>
      </c>
      <c r="OS37" s="130">
        <v>98908953</v>
      </c>
    </row>
    <row r="38" spans="2:409" ht="21" customHeight="1" x14ac:dyDescent="0.2">
      <c r="B38" s="472" t="s">
        <v>33</v>
      </c>
      <c r="C38" s="100">
        <v>1040294</v>
      </c>
      <c r="D38" s="104">
        <v>2459678</v>
      </c>
      <c r="E38" s="103">
        <v>3499972</v>
      </c>
      <c r="F38" s="99">
        <v>0</v>
      </c>
      <c r="G38" s="104">
        <v>9690710</v>
      </c>
      <c r="H38" s="104">
        <v>9090900</v>
      </c>
      <c r="I38" s="104">
        <v>8543364</v>
      </c>
      <c r="J38" s="104">
        <v>4780911</v>
      </c>
      <c r="K38" s="104">
        <v>5349414</v>
      </c>
      <c r="L38" s="160">
        <v>37455299</v>
      </c>
      <c r="M38" s="106">
        <v>40955271</v>
      </c>
      <c r="N38" s="100">
        <v>489784</v>
      </c>
      <c r="O38" s="104">
        <v>906472</v>
      </c>
      <c r="P38" s="103">
        <v>1396256</v>
      </c>
      <c r="Q38" s="100">
        <v>0</v>
      </c>
      <c r="R38" s="104">
        <v>2928771</v>
      </c>
      <c r="S38" s="104">
        <v>2676131</v>
      </c>
      <c r="T38" s="104">
        <v>2002115</v>
      </c>
      <c r="U38" s="104">
        <v>1555962</v>
      </c>
      <c r="V38" s="104">
        <v>2611130</v>
      </c>
      <c r="W38" s="103">
        <v>11774109</v>
      </c>
      <c r="X38" s="106">
        <v>13170365</v>
      </c>
      <c r="Y38" s="100">
        <v>0</v>
      </c>
      <c r="Z38" s="104">
        <v>0</v>
      </c>
      <c r="AA38" s="103">
        <v>0</v>
      </c>
      <c r="AB38" s="100">
        <v>0</v>
      </c>
      <c r="AC38" s="104">
        <v>508047</v>
      </c>
      <c r="AD38" s="104">
        <v>853054</v>
      </c>
      <c r="AE38" s="104">
        <v>1096514</v>
      </c>
      <c r="AF38" s="104">
        <v>779978</v>
      </c>
      <c r="AG38" s="104">
        <v>1789004</v>
      </c>
      <c r="AH38" s="103">
        <v>5026597</v>
      </c>
      <c r="AI38" s="106">
        <v>5026597</v>
      </c>
      <c r="AJ38" s="100">
        <v>0</v>
      </c>
      <c r="AK38" s="104">
        <v>0</v>
      </c>
      <c r="AL38" s="103">
        <v>0</v>
      </c>
      <c r="AM38" s="100">
        <v>0</v>
      </c>
      <c r="AN38" s="104">
        <v>0</v>
      </c>
      <c r="AO38" s="104">
        <v>0</v>
      </c>
      <c r="AP38" s="104">
        <v>38376</v>
      </c>
      <c r="AQ38" s="104">
        <v>111210</v>
      </c>
      <c r="AR38" s="104">
        <v>277965</v>
      </c>
      <c r="AS38" s="103">
        <v>427551</v>
      </c>
      <c r="AT38" s="106">
        <v>427551</v>
      </c>
      <c r="AU38" s="100">
        <v>0</v>
      </c>
      <c r="AV38" s="104">
        <v>90059</v>
      </c>
      <c r="AW38" s="103">
        <v>90059</v>
      </c>
      <c r="AX38" s="100">
        <v>0</v>
      </c>
      <c r="AY38" s="104">
        <v>547098</v>
      </c>
      <c r="AZ38" s="104">
        <v>478860</v>
      </c>
      <c r="BA38" s="104">
        <v>78682</v>
      </c>
      <c r="BB38" s="104">
        <v>253827</v>
      </c>
      <c r="BC38" s="104">
        <v>200835</v>
      </c>
      <c r="BD38" s="103">
        <v>1559302</v>
      </c>
      <c r="BE38" s="106">
        <v>1649361</v>
      </c>
      <c r="BF38" s="100">
        <v>414181</v>
      </c>
      <c r="BG38" s="104">
        <v>688373</v>
      </c>
      <c r="BH38" s="102">
        <v>1102554</v>
      </c>
      <c r="BI38" s="101">
        <v>0</v>
      </c>
      <c r="BJ38" s="104">
        <v>1488671</v>
      </c>
      <c r="BK38" s="104">
        <v>827508</v>
      </c>
      <c r="BL38" s="104">
        <v>377841</v>
      </c>
      <c r="BM38" s="104">
        <v>223459</v>
      </c>
      <c r="BN38" s="104">
        <v>157567</v>
      </c>
      <c r="BO38" s="103">
        <v>3075046</v>
      </c>
      <c r="BP38" s="106">
        <v>4177600</v>
      </c>
      <c r="BQ38" s="100">
        <v>75603</v>
      </c>
      <c r="BR38" s="104">
        <v>128040</v>
      </c>
      <c r="BS38" s="103">
        <v>203643</v>
      </c>
      <c r="BT38" s="100">
        <v>0</v>
      </c>
      <c r="BU38" s="104">
        <v>384955</v>
      </c>
      <c r="BV38" s="104">
        <v>516709</v>
      </c>
      <c r="BW38" s="104">
        <v>410702</v>
      </c>
      <c r="BX38" s="104">
        <v>187488</v>
      </c>
      <c r="BY38" s="104">
        <v>185759</v>
      </c>
      <c r="BZ38" s="103">
        <v>1685613</v>
      </c>
      <c r="CA38" s="106">
        <v>1889256</v>
      </c>
      <c r="CB38" s="100">
        <v>117189</v>
      </c>
      <c r="CC38" s="104">
        <v>644613</v>
      </c>
      <c r="CD38" s="103">
        <v>761802</v>
      </c>
      <c r="CE38" s="100">
        <v>0</v>
      </c>
      <c r="CF38" s="104">
        <v>1646825</v>
      </c>
      <c r="CG38" s="104">
        <v>1485148</v>
      </c>
      <c r="CH38" s="104">
        <v>1378870</v>
      </c>
      <c r="CI38" s="104">
        <v>381239</v>
      </c>
      <c r="CJ38" s="104">
        <v>420056</v>
      </c>
      <c r="CK38" s="103">
        <v>5312138</v>
      </c>
      <c r="CL38" s="106">
        <v>6073940</v>
      </c>
      <c r="CM38" s="100">
        <v>0</v>
      </c>
      <c r="CN38" s="104">
        <v>0</v>
      </c>
      <c r="CO38" s="103">
        <v>0</v>
      </c>
      <c r="CP38" s="101">
        <v>0</v>
      </c>
      <c r="CQ38" s="104">
        <v>439986</v>
      </c>
      <c r="CR38" s="104">
        <v>705390</v>
      </c>
      <c r="CS38" s="104">
        <v>850643</v>
      </c>
      <c r="CT38" s="104">
        <v>325796</v>
      </c>
      <c r="CU38" s="104">
        <v>310935</v>
      </c>
      <c r="CV38" s="103">
        <v>2632750</v>
      </c>
      <c r="CW38" s="106">
        <v>2632750</v>
      </c>
      <c r="CX38" s="100">
        <v>117189</v>
      </c>
      <c r="CY38" s="104">
        <v>644613</v>
      </c>
      <c r="CZ38" s="103">
        <v>761802</v>
      </c>
      <c r="DA38" s="100">
        <v>0</v>
      </c>
      <c r="DB38" s="104">
        <v>1206839</v>
      </c>
      <c r="DC38" s="104">
        <v>779758</v>
      </c>
      <c r="DD38" s="104">
        <v>528227</v>
      </c>
      <c r="DE38" s="104">
        <v>55443</v>
      </c>
      <c r="DF38" s="104">
        <v>109121</v>
      </c>
      <c r="DG38" s="103">
        <v>2679388</v>
      </c>
      <c r="DH38" s="106">
        <v>3441190</v>
      </c>
      <c r="DI38" s="100">
        <v>0</v>
      </c>
      <c r="DJ38" s="104">
        <v>5903</v>
      </c>
      <c r="DK38" s="102">
        <v>5903</v>
      </c>
      <c r="DL38" s="101">
        <v>0</v>
      </c>
      <c r="DM38" s="104">
        <v>361586</v>
      </c>
      <c r="DN38" s="104">
        <v>383841</v>
      </c>
      <c r="DO38" s="104">
        <v>700015</v>
      </c>
      <c r="DP38" s="104">
        <v>608021</v>
      </c>
      <c r="DQ38" s="104">
        <v>528035</v>
      </c>
      <c r="DR38" s="103">
        <v>2581498</v>
      </c>
      <c r="DS38" s="106">
        <v>2587401</v>
      </c>
      <c r="DT38" s="100">
        <v>0</v>
      </c>
      <c r="DU38" s="104">
        <v>5903</v>
      </c>
      <c r="DV38" s="103">
        <v>5903</v>
      </c>
      <c r="DW38" s="100">
        <v>0</v>
      </c>
      <c r="DX38" s="104">
        <v>285069</v>
      </c>
      <c r="DY38" s="104">
        <v>252738</v>
      </c>
      <c r="DZ38" s="104">
        <v>621185</v>
      </c>
      <c r="EA38" s="104">
        <v>476936</v>
      </c>
      <c r="EB38" s="104">
        <v>424111</v>
      </c>
      <c r="EC38" s="103">
        <v>2060039</v>
      </c>
      <c r="ED38" s="106">
        <v>2065942</v>
      </c>
      <c r="EE38" s="100">
        <v>0</v>
      </c>
      <c r="EF38" s="102">
        <v>0</v>
      </c>
      <c r="EG38" s="103">
        <v>0</v>
      </c>
      <c r="EH38" s="100">
        <v>0</v>
      </c>
      <c r="EI38" s="104">
        <v>76517</v>
      </c>
      <c r="EJ38" s="104">
        <v>131103</v>
      </c>
      <c r="EK38" s="104">
        <v>78830</v>
      </c>
      <c r="EL38" s="104">
        <v>131085</v>
      </c>
      <c r="EM38" s="104">
        <v>103924</v>
      </c>
      <c r="EN38" s="102">
        <v>521459</v>
      </c>
      <c r="EO38" s="106">
        <v>521459</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112632</v>
      </c>
      <c r="FM38" s="104">
        <v>256099</v>
      </c>
      <c r="FN38" s="103">
        <v>368731</v>
      </c>
      <c r="FO38" s="100">
        <v>0</v>
      </c>
      <c r="FP38" s="104">
        <v>528139</v>
      </c>
      <c r="FQ38" s="104">
        <v>529657</v>
      </c>
      <c r="FR38" s="104">
        <v>332513</v>
      </c>
      <c r="FS38" s="104">
        <v>189030</v>
      </c>
      <c r="FT38" s="104">
        <v>517558</v>
      </c>
      <c r="FU38" s="103">
        <v>2096897</v>
      </c>
      <c r="FV38" s="106">
        <v>2465628</v>
      </c>
      <c r="FW38" s="105">
        <v>112632</v>
      </c>
      <c r="FX38" s="104">
        <v>256099</v>
      </c>
      <c r="FY38" s="102">
        <v>368731</v>
      </c>
      <c r="FZ38" s="101">
        <v>0</v>
      </c>
      <c r="GA38" s="104">
        <v>528139</v>
      </c>
      <c r="GB38" s="104">
        <v>529657</v>
      </c>
      <c r="GC38" s="104">
        <v>332513</v>
      </c>
      <c r="GD38" s="104">
        <v>189030</v>
      </c>
      <c r="GE38" s="104">
        <v>517558</v>
      </c>
      <c r="GF38" s="103">
        <v>2096897</v>
      </c>
      <c r="GG38" s="296">
        <v>2465628</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168675</v>
      </c>
      <c r="HE38" s="104">
        <v>385186</v>
      </c>
      <c r="HF38" s="102">
        <v>553861</v>
      </c>
      <c r="HG38" s="101">
        <v>0</v>
      </c>
      <c r="HH38" s="104">
        <v>2809962</v>
      </c>
      <c r="HI38" s="104">
        <v>3283281</v>
      </c>
      <c r="HJ38" s="104">
        <v>3539901</v>
      </c>
      <c r="HK38" s="104">
        <v>1798573</v>
      </c>
      <c r="HL38" s="104">
        <v>967747</v>
      </c>
      <c r="HM38" s="103">
        <v>12399464</v>
      </c>
      <c r="HN38" s="99">
        <v>12953325</v>
      </c>
      <c r="HO38" s="105">
        <v>152014</v>
      </c>
      <c r="HP38" s="104">
        <v>261405</v>
      </c>
      <c r="HQ38" s="103">
        <v>413419</v>
      </c>
      <c r="HR38" s="100">
        <v>0</v>
      </c>
      <c r="HS38" s="104">
        <v>1415427</v>
      </c>
      <c r="HT38" s="104">
        <v>732842</v>
      </c>
      <c r="HU38" s="104">
        <v>589950</v>
      </c>
      <c r="HV38" s="104">
        <v>248086</v>
      </c>
      <c r="HW38" s="104">
        <v>304888</v>
      </c>
      <c r="HX38" s="102">
        <v>3291193</v>
      </c>
      <c r="HY38" s="106">
        <v>3704612</v>
      </c>
      <c r="HZ38" s="137">
        <v>0</v>
      </c>
      <c r="IA38" s="122">
        <v>237987</v>
      </c>
      <c r="IB38" s="137">
        <v>237987</v>
      </c>
      <c r="IC38" s="133">
        <v>0</v>
      </c>
      <c r="ID38" s="119">
        <v>3137272</v>
      </c>
      <c r="IE38" s="134">
        <v>2135439</v>
      </c>
      <c r="IF38" s="120">
        <v>4199365</v>
      </c>
      <c r="IG38" s="119">
        <v>699045</v>
      </c>
      <c r="IH38" s="120">
        <v>2253667</v>
      </c>
      <c r="II38" s="135">
        <v>12424788</v>
      </c>
      <c r="IJ38" s="137">
        <v>12662775</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1495112</v>
      </c>
      <c r="JL38" s="109">
        <v>921870</v>
      </c>
      <c r="JM38" s="109">
        <v>555030</v>
      </c>
      <c r="JN38" s="109">
        <v>70731</v>
      </c>
      <c r="JO38" s="109">
        <v>103076</v>
      </c>
      <c r="JP38" s="110">
        <v>3145819</v>
      </c>
      <c r="JQ38" s="298">
        <v>3145819</v>
      </c>
      <c r="JR38" s="129">
        <v>0</v>
      </c>
      <c r="JS38" s="109">
        <v>0</v>
      </c>
      <c r="JT38" s="128">
        <v>0</v>
      </c>
      <c r="JU38" s="108">
        <v>0</v>
      </c>
      <c r="JV38" s="109">
        <v>0</v>
      </c>
      <c r="JW38" s="109">
        <v>0</v>
      </c>
      <c r="JX38" s="109">
        <v>171540</v>
      </c>
      <c r="JY38" s="109">
        <v>0</v>
      </c>
      <c r="JZ38" s="109">
        <v>0</v>
      </c>
      <c r="KA38" s="110">
        <v>171540</v>
      </c>
      <c r="KB38" s="298">
        <v>171540</v>
      </c>
      <c r="KC38" s="221">
        <v>0</v>
      </c>
      <c r="KD38" s="217">
        <v>0</v>
      </c>
      <c r="KE38" s="110">
        <v>0</v>
      </c>
      <c r="KF38" s="108">
        <v>0</v>
      </c>
      <c r="KG38" s="109">
        <v>0</v>
      </c>
      <c r="KH38" s="109">
        <v>0</v>
      </c>
      <c r="KI38" s="109">
        <v>0</v>
      </c>
      <c r="KJ38" s="109">
        <v>0</v>
      </c>
      <c r="KK38" s="109">
        <v>0</v>
      </c>
      <c r="KL38" s="110">
        <v>0</v>
      </c>
      <c r="KM38" s="130">
        <v>0</v>
      </c>
      <c r="KN38" s="219">
        <v>0</v>
      </c>
      <c r="KO38" s="223">
        <v>237987</v>
      </c>
      <c r="KP38" s="224">
        <v>237987</v>
      </c>
      <c r="KQ38" s="127"/>
      <c r="KR38" s="109">
        <v>868591</v>
      </c>
      <c r="KS38" s="109">
        <v>788103</v>
      </c>
      <c r="KT38" s="109">
        <v>1892177</v>
      </c>
      <c r="KU38" s="109">
        <v>0</v>
      </c>
      <c r="KV38" s="109">
        <v>280761</v>
      </c>
      <c r="KW38" s="110">
        <v>3829632</v>
      </c>
      <c r="KX38" s="298">
        <v>4067619</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773569</v>
      </c>
      <c r="LZ38" s="109">
        <v>425466</v>
      </c>
      <c r="MA38" s="109">
        <v>1580618</v>
      </c>
      <c r="MB38" s="109">
        <v>628314</v>
      </c>
      <c r="MC38" s="109">
        <v>1869830</v>
      </c>
      <c r="MD38" s="110">
        <v>5277797</v>
      </c>
      <c r="ME38" s="111">
        <v>5277797</v>
      </c>
      <c r="MF38" s="129">
        <v>0</v>
      </c>
      <c r="MG38" s="109">
        <v>0</v>
      </c>
      <c r="MH38" s="110">
        <v>0</v>
      </c>
      <c r="MI38" s="132"/>
      <c r="MJ38" s="109">
        <v>2117060</v>
      </c>
      <c r="MK38" s="109">
        <v>5887465</v>
      </c>
      <c r="ML38" s="109">
        <v>9873541</v>
      </c>
      <c r="MM38" s="109">
        <v>16904959</v>
      </c>
      <c r="MN38" s="109">
        <v>12120958</v>
      </c>
      <c r="MO38" s="110">
        <v>46903983</v>
      </c>
      <c r="MP38" s="130">
        <v>46903983</v>
      </c>
      <c r="MQ38" s="129">
        <v>0</v>
      </c>
      <c r="MR38" s="109">
        <v>0</v>
      </c>
      <c r="MS38" s="110">
        <v>0</v>
      </c>
      <c r="MT38" s="132"/>
      <c r="MU38" s="109">
        <v>0</v>
      </c>
      <c r="MV38" s="109">
        <v>1317777</v>
      </c>
      <c r="MW38" s="109">
        <v>5448276</v>
      </c>
      <c r="MX38" s="109">
        <v>8531966</v>
      </c>
      <c r="MY38" s="109">
        <v>5780106</v>
      </c>
      <c r="MZ38" s="110">
        <v>21078125</v>
      </c>
      <c r="NA38" s="130">
        <v>21078125</v>
      </c>
      <c r="NB38" s="129">
        <v>0</v>
      </c>
      <c r="NC38" s="109">
        <v>0</v>
      </c>
      <c r="ND38" s="110">
        <v>0</v>
      </c>
      <c r="NE38" s="132"/>
      <c r="NF38" s="109">
        <v>1304465</v>
      </c>
      <c r="NG38" s="109">
        <v>2573679</v>
      </c>
      <c r="NH38" s="109">
        <v>3168606</v>
      </c>
      <c r="NI38" s="109">
        <v>5689194</v>
      </c>
      <c r="NJ38" s="109">
        <v>1326854</v>
      </c>
      <c r="NK38" s="110">
        <v>14062798</v>
      </c>
      <c r="NL38" s="298">
        <v>14062798</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812595</v>
      </c>
      <c r="OC38" s="109">
        <v>1996009</v>
      </c>
      <c r="OD38" s="109">
        <v>1256659</v>
      </c>
      <c r="OE38" s="109">
        <v>2683799</v>
      </c>
      <c r="OF38" s="109">
        <v>5013998</v>
      </c>
      <c r="OG38" s="110">
        <v>11763060</v>
      </c>
      <c r="OH38" s="111">
        <v>11763060</v>
      </c>
      <c r="OI38" s="129">
        <v>1040294</v>
      </c>
      <c r="OJ38" s="109">
        <v>2697665</v>
      </c>
      <c r="OK38" s="128">
        <v>3737959</v>
      </c>
      <c r="OL38" s="108">
        <v>0</v>
      </c>
      <c r="OM38" s="109">
        <v>14945042</v>
      </c>
      <c r="ON38" s="109">
        <v>17113804</v>
      </c>
      <c r="OO38" s="109">
        <v>22616270</v>
      </c>
      <c r="OP38" s="109">
        <v>22384915</v>
      </c>
      <c r="OQ38" s="109">
        <v>19724039</v>
      </c>
      <c r="OR38" s="110">
        <v>96784070</v>
      </c>
      <c r="OS38" s="130">
        <v>100522029</v>
      </c>
    </row>
    <row r="39" spans="2:409" ht="21" customHeight="1" x14ac:dyDescent="0.2">
      <c r="B39" s="472" t="s">
        <v>34</v>
      </c>
      <c r="C39" s="100">
        <v>528029</v>
      </c>
      <c r="D39" s="104">
        <v>738032</v>
      </c>
      <c r="E39" s="161">
        <v>1266061</v>
      </c>
      <c r="F39" s="162">
        <v>0</v>
      </c>
      <c r="G39" s="163">
        <v>7679017</v>
      </c>
      <c r="H39" s="163">
        <v>6317968</v>
      </c>
      <c r="I39" s="163">
        <v>4270280</v>
      </c>
      <c r="J39" s="163">
        <v>7086159</v>
      </c>
      <c r="K39" s="163">
        <v>3220543</v>
      </c>
      <c r="L39" s="164">
        <v>28573967</v>
      </c>
      <c r="M39" s="106">
        <v>29840028</v>
      </c>
      <c r="N39" s="100">
        <v>89640</v>
      </c>
      <c r="O39" s="104">
        <v>284004</v>
      </c>
      <c r="P39" s="103">
        <v>373644</v>
      </c>
      <c r="Q39" s="100">
        <v>0</v>
      </c>
      <c r="R39" s="104">
        <v>1783465</v>
      </c>
      <c r="S39" s="104">
        <v>1716572</v>
      </c>
      <c r="T39" s="104">
        <v>1466314</v>
      </c>
      <c r="U39" s="104">
        <v>1552884</v>
      </c>
      <c r="V39" s="104">
        <v>1131645</v>
      </c>
      <c r="W39" s="103">
        <v>7650880</v>
      </c>
      <c r="X39" s="106">
        <v>8024524</v>
      </c>
      <c r="Y39" s="100">
        <v>0</v>
      </c>
      <c r="Z39" s="104">
        <v>0</v>
      </c>
      <c r="AA39" s="103">
        <v>0</v>
      </c>
      <c r="AB39" s="100">
        <v>0</v>
      </c>
      <c r="AC39" s="104">
        <v>695811</v>
      </c>
      <c r="AD39" s="104">
        <v>575190</v>
      </c>
      <c r="AE39" s="104">
        <v>1029481</v>
      </c>
      <c r="AF39" s="104">
        <v>796185</v>
      </c>
      <c r="AG39" s="104">
        <v>125200</v>
      </c>
      <c r="AH39" s="103">
        <v>3221867</v>
      </c>
      <c r="AI39" s="106">
        <v>3221867</v>
      </c>
      <c r="AJ39" s="100">
        <v>0</v>
      </c>
      <c r="AK39" s="104">
        <v>0</v>
      </c>
      <c r="AL39" s="103">
        <v>0</v>
      </c>
      <c r="AM39" s="100">
        <v>0</v>
      </c>
      <c r="AN39" s="104">
        <v>0</v>
      </c>
      <c r="AO39" s="104">
        <v>61461</v>
      </c>
      <c r="AP39" s="104">
        <v>0</v>
      </c>
      <c r="AQ39" s="104">
        <v>73854</v>
      </c>
      <c r="AR39" s="104">
        <v>396549</v>
      </c>
      <c r="AS39" s="103">
        <v>531864</v>
      </c>
      <c r="AT39" s="106">
        <v>531864</v>
      </c>
      <c r="AU39" s="100">
        <v>20034</v>
      </c>
      <c r="AV39" s="104">
        <v>272574</v>
      </c>
      <c r="AW39" s="103">
        <v>292608</v>
      </c>
      <c r="AX39" s="100">
        <v>0</v>
      </c>
      <c r="AY39" s="104">
        <v>426083</v>
      </c>
      <c r="AZ39" s="104">
        <v>528997</v>
      </c>
      <c r="BA39" s="104">
        <v>228175</v>
      </c>
      <c r="BB39" s="104">
        <v>339783</v>
      </c>
      <c r="BC39" s="104">
        <v>314676</v>
      </c>
      <c r="BD39" s="103">
        <v>1837714</v>
      </c>
      <c r="BE39" s="106">
        <v>2130322</v>
      </c>
      <c r="BF39" s="100">
        <v>0</v>
      </c>
      <c r="BG39" s="104">
        <v>0</v>
      </c>
      <c r="BH39" s="102">
        <v>0</v>
      </c>
      <c r="BI39" s="101">
        <v>0</v>
      </c>
      <c r="BJ39" s="104">
        <v>165006</v>
      </c>
      <c r="BK39" s="104">
        <v>271288</v>
      </c>
      <c r="BL39" s="104">
        <v>64386</v>
      </c>
      <c r="BM39" s="104">
        <v>33480</v>
      </c>
      <c r="BN39" s="104">
        <v>45072</v>
      </c>
      <c r="BO39" s="103">
        <v>579232</v>
      </c>
      <c r="BP39" s="106">
        <v>579232</v>
      </c>
      <c r="BQ39" s="100">
        <v>69606</v>
      </c>
      <c r="BR39" s="104">
        <v>11430</v>
      </c>
      <c r="BS39" s="103">
        <v>81036</v>
      </c>
      <c r="BT39" s="100">
        <v>0</v>
      </c>
      <c r="BU39" s="104">
        <v>496565</v>
      </c>
      <c r="BV39" s="104">
        <v>279636</v>
      </c>
      <c r="BW39" s="104">
        <v>144272</v>
      </c>
      <c r="BX39" s="104">
        <v>309582</v>
      </c>
      <c r="BY39" s="104">
        <v>250148</v>
      </c>
      <c r="BZ39" s="103">
        <v>1480203</v>
      </c>
      <c r="CA39" s="106">
        <v>1561239</v>
      </c>
      <c r="CB39" s="100">
        <v>23319</v>
      </c>
      <c r="CC39" s="104">
        <v>127953</v>
      </c>
      <c r="CD39" s="103">
        <v>151272</v>
      </c>
      <c r="CE39" s="100">
        <v>0</v>
      </c>
      <c r="CF39" s="104">
        <v>2090016</v>
      </c>
      <c r="CG39" s="104">
        <v>2111343</v>
      </c>
      <c r="CH39" s="104">
        <v>1440925</v>
      </c>
      <c r="CI39" s="104">
        <v>2335132</v>
      </c>
      <c r="CJ39" s="104">
        <v>292878</v>
      </c>
      <c r="CK39" s="103">
        <v>8270294</v>
      </c>
      <c r="CL39" s="106">
        <v>8421566</v>
      </c>
      <c r="CM39" s="100">
        <v>0</v>
      </c>
      <c r="CN39" s="104">
        <v>0</v>
      </c>
      <c r="CO39" s="103">
        <v>0</v>
      </c>
      <c r="CP39" s="101">
        <v>0</v>
      </c>
      <c r="CQ39" s="104">
        <v>1643742</v>
      </c>
      <c r="CR39" s="104">
        <v>1977180</v>
      </c>
      <c r="CS39" s="104">
        <v>1283123</v>
      </c>
      <c r="CT39" s="104">
        <v>1762498</v>
      </c>
      <c r="CU39" s="104">
        <v>292878</v>
      </c>
      <c r="CV39" s="103">
        <v>6959421</v>
      </c>
      <c r="CW39" s="106">
        <v>6959421</v>
      </c>
      <c r="CX39" s="100">
        <v>23319</v>
      </c>
      <c r="CY39" s="104">
        <v>127953</v>
      </c>
      <c r="CZ39" s="103">
        <v>151272</v>
      </c>
      <c r="DA39" s="100">
        <v>0</v>
      </c>
      <c r="DB39" s="104">
        <v>446274</v>
      </c>
      <c r="DC39" s="104">
        <v>134163</v>
      </c>
      <c r="DD39" s="104">
        <v>157802</v>
      </c>
      <c r="DE39" s="104">
        <v>572634</v>
      </c>
      <c r="DF39" s="104">
        <v>0</v>
      </c>
      <c r="DG39" s="103">
        <v>1310873</v>
      </c>
      <c r="DH39" s="106">
        <v>1462145</v>
      </c>
      <c r="DI39" s="100">
        <v>0</v>
      </c>
      <c r="DJ39" s="104">
        <v>0</v>
      </c>
      <c r="DK39" s="102">
        <v>0</v>
      </c>
      <c r="DL39" s="101">
        <v>0</v>
      </c>
      <c r="DM39" s="104">
        <v>395586</v>
      </c>
      <c r="DN39" s="104">
        <v>179298</v>
      </c>
      <c r="DO39" s="104">
        <v>129069</v>
      </c>
      <c r="DP39" s="104">
        <v>481455</v>
      </c>
      <c r="DQ39" s="104">
        <v>734925</v>
      </c>
      <c r="DR39" s="103">
        <v>1920333</v>
      </c>
      <c r="DS39" s="106">
        <v>1920333</v>
      </c>
      <c r="DT39" s="100">
        <v>0</v>
      </c>
      <c r="DU39" s="104">
        <v>0</v>
      </c>
      <c r="DV39" s="103">
        <v>0</v>
      </c>
      <c r="DW39" s="100">
        <v>0</v>
      </c>
      <c r="DX39" s="104">
        <v>358569</v>
      </c>
      <c r="DY39" s="104">
        <v>179298</v>
      </c>
      <c r="DZ39" s="104">
        <v>129069</v>
      </c>
      <c r="EA39" s="104">
        <v>344250</v>
      </c>
      <c r="EB39" s="104">
        <v>734925</v>
      </c>
      <c r="EC39" s="103">
        <v>1746111</v>
      </c>
      <c r="ED39" s="106">
        <v>1746111</v>
      </c>
      <c r="EE39" s="100">
        <v>0</v>
      </c>
      <c r="EF39" s="102">
        <v>0</v>
      </c>
      <c r="EG39" s="103">
        <v>0</v>
      </c>
      <c r="EH39" s="100">
        <v>0</v>
      </c>
      <c r="EI39" s="104">
        <v>37017</v>
      </c>
      <c r="EJ39" s="104">
        <v>0</v>
      </c>
      <c r="EK39" s="104">
        <v>0</v>
      </c>
      <c r="EL39" s="104">
        <v>137205</v>
      </c>
      <c r="EM39" s="104">
        <v>0</v>
      </c>
      <c r="EN39" s="102">
        <v>174222</v>
      </c>
      <c r="EO39" s="106">
        <v>174222</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112320</v>
      </c>
      <c r="FM39" s="104">
        <v>117674</v>
      </c>
      <c r="FN39" s="103">
        <v>229994</v>
      </c>
      <c r="FO39" s="100">
        <v>0</v>
      </c>
      <c r="FP39" s="104">
        <v>386029</v>
      </c>
      <c r="FQ39" s="104">
        <v>612269</v>
      </c>
      <c r="FR39" s="104">
        <v>378112</v>
      </c>
      <c r="FS39" s="104">
        <v>531748</v>
      </c>
      <c r="FT39" s="104">
        <v>194660</v>
      </c>
      <c r="FU39" s="103">
        <v>2102818</v>
      </c>
      <c r="FV39" s="106">
        <v>2332812</v>
      </c>
      <c r="FW39" s="105">
        <v>112320</v>
      </c>
      <c r="FX39" s="104">
        <v>100250</v>
      </c>
      <c r="FY39" s="102">
        <v>212570</v>
      </c>
      <c r="FZ39" s="101">
        <v>0</v>
      </c>
      <c r="GA39" s="104">
        <v>366873</v>
      </c>
      <c r="GB39" s="104">
        <v>612269</v>
      </c>
      <c r="GC39" s="104">
        <v>378112</v>
      </c>
      <c r="GD39" s="104">
        <v>492148</v>
      </c>
      <c r="GE39" s="104">
        <v>194660</v>
      </c>
      <c r="GF39" s="103">
        <v>2044062</v>
      </c>
      <c r="GG39" s="296">
        <v>2256632</v>
      </c>
      <c r="GH39" s="105">
        <v>0</v>
      </c>
      <c r="GI39" s="104">
        <v>17424</v>
      </c>
      <c r="GJ39" s="102">
        <v>17424</v>
      </c>
      <c r="GK39" s="101">
        <v>0</v>
      </c>
      <c r="GL39" s="104">
        <v>19156</v>
      </c>
      <c r="GM39" s="104">
        <v>0</v>
      </c>
      <c r="GN39" s="104">
        <v>0</v>
      </c>
      <c r="GO39" s="104">
        <v>0</v>
      </c>
      <c r="GP39" s="104">
        <v>0</v>
      </c>
      <c r="GQ39" s="103">
        <v>19156</v>
      </c>
      <c r="GR39" s="106">
        <v>36580</v>
      </c>
      <c r="GS39" s="100">
        <v>0</v>
      </c>
      <c r="GT39" s="104">
        <v>0</v>
      </c>
      <c r="GU39" s="103">
        <v>0</v>
      </c>
      <c r="GV39" s="100">
        <v>0</v>
      </c>
      <c r="GW39" s="104">
        <v>0</v>
      </c>
      <c r="GX39" s="104">
        <v>0</v>
      </c>
      <c r="GY39" s="104">
        <v>0</v>
      </c>
      <c r="GZ39" s="104">
        <v>39600</v>
      </c>
      <c r="HA39" s="104">
        <v>0</v>
      </c>
      <c r="HB39" s="102">
        <v>39600</v>
      </c>
      <c r="HC39" s="106">
        <v>39600</v>
      </c>
      <c r="HD39" s="100">
        <v>229670</v>
      </c>
      <c r="HE39" s="104">
        <v>104661</v>
      </c>
      <c r="HF39" s="102">
        <v>334331</v>
      </c>
      <c r="HG39" s="101">
        <v>0</v>
      </c>
      <c r="HH39" s="104">
        <v>2022683</v>
      </c>
      <c r="HI39" s="104">
        <v>933117</v>
      </c>
      <c r="HJ39" s="104">
        <v>486865</v>
      </c>
      <c r="HK39" s="104">
        <v>1739016</v>
      </c>
      <c r="HL39" s="104">
        <v>712943</v>
      </c>
      <c r="HM39" s="103">
        <v>5894624</v>
      </c>
      <c r="HN39" s="99">
        <v>6228955</v>
      </c>
      <c r="HO39" s="105">
        <v>73080</v>
      </c>
      <c r="HP39" s="104">
        <v>103740</v>
      </c>
      <c r="HQ39" s="103">
        <v>176820</v>
      </c>
      <c r="HR39" s="100">
        <v>0</v>
      </c>
      <c r="HS39" s="104">
        <v>1001238</v>
      </c>
      <c r="HT39" s="104">
        <v>765369</v>
      </c>
      <c r="HU39" s="104">
        <v>368995</v>
      </c>
      <c r="HV39" s="104">
        <v>445924</v>
      </c>
      <c r="HW39" s="104">
        <v>153492</v>
      </c>
      <c r="HX39" s="102">
        <v>2735018</v>
      </c>
      <c r="HY39" s="106">
        <v>2911838</v>
      </c>
      <c r="HZ39" s="118">
        <v>90342</v>
      </c>
      <c r="IA39" s="119">
        <v>168516</v>
      </c>
      <c r="IB39" s="120">
        <v>258858</v>
      </c>
      <c r="IC39" s="133">
        <v>0</v>
      </c>
      <c r="ID39" s="119">
        <v>2922996</v>
      </c>
      <c r="IE39" s="134">
        <v>3735841</v>
      </c>
      <c r="IF39" s="120">
        <v>3455707</v>
      </c>
      <c r="IG39" s="119">
        <v>1801818</v>
      </c>
      <c r="IH39" s="120">
        <v>2206402</v>
      </c>
      <c r="II39" s="135">
        <v>14122764</v>
      </c>
      <c r="IJ39" s="126">
        <v>14381622</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826727</v>
      </c>
      <c r="JL39" s="109">
        <v>596806</v>
      </c>
      <c r="JM39" s="109">
        <v>290349</v>
      </c>
      <c r="JN39" s="109">
        <v>179127</v>
      </c>
      <c r="JO39" s="109">
        <v>49644</v>
      </c>
      <c r="JP39" s="110">
        <v>1942653</v>
      </c>
      <c r="JQ39" s="298">
        <v>1942653</v>
      </c>
      <c r="JR39" s="129">
        <v>0</v>
      </c>
      <c r="JS39" s="109">
        <v>0</v>
      </c>
      <c r="JT39" s="128">
        <v>0</v>
      </c>
      <c r="JU39" s="108">
        <v>0</v>
      </c>
      <c r="JV39" s="109">
        <v>0</v>
      </c>
      <c r="JW39" s="109">
        <v>0</v>
      </c>
      <c r="JX39" s="109">
        <v>0</v>
      </c>
      <c r="JY39" s="109">
        <v>0</v>
      </c>
      <c r="JZ39" s="109">
        <v>90363</v>
      </c>
      <c r="KA39" s="110">
        <v>90363</v>
      </c>
      <c r="KB39" s="298">
        <v>90363</v>
      </c>
      <c r="KC39" s="221">
        <v>90342</v>
      </c>
      <c r="KD39" s="217">
        <v>168516</v>
      </c>
      <c r="KE39" s="110">
        <v>258858</v>
      </c>
      <c r="KF39" s="108">
        <v>0</v>
      </c>
      <c r="KG39" s="109">
        <v>612313</v>
      </c>
      <c r="KH39" s="109">
        <v>1434512</v>
      </c>
      <c r="KI39" s="109">
        <v>1214626</v>
      </c>
      <c r="KJ39" s="109">
        <v>0</v>
      </c>
      <c r="KK39" s="109">
        <v>0</v>
      </c>
      <c r="KL39" s="110">
        <v>3261451</v>
      </c>
      <c r="KM39" s="130">
        <v>3520309</v>
      </c>
      <c r="KN39" s="219">
        <v>0</v>
      </c>
      <c r="KO39" s="223">
        <v>0</v>
      </c>
      <c r="KP39" s="224">
        <v>0</v>
      </c>
      <c r="KQ39" s="127"/>
      <c r="KR39" s="109">
        <v>748170</v>
      </c>
      <c r="KS39" s="109">
        <v>520650</v>
      </c>
      <c r="KT39" s="109">
        <v>0</v>
      </c>
      <c r="KU39" s="109">
        <v>545652</v>
      </c>
      <c r="KV39" s="109">
        <v>737721</v>
      </c>
      <c r="KW39" s="110">
        <v>2552193</v>
      </c>
      <c r="KX39" s="298">
        <v>2552193</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735786</v>
      </c>
      <c r="LZ39" s="109">
        <v>1183873</v>
      </c>
      <c r="MA39" s="109">
        <v>1950732</v>
      </c>
      <c r="MB39" s="109">
        <v>1077039</v>
      </c>
      <c r="MC39" s="109">
        <v>1328674</v>
      </c>
      <c r="MD39" s="110">
        <v>6276104</v>
      </c>
      <c r="ME39" s="111">
        <v>6276104</v>
      </c>
      <c r="MF39" s="129">
        <v>0</v>
      </c>
      <c r="MG39" s="109">
        <v>0</v>
      </c>
      <c r="MH39" s="110">
        <v>0</v>
      </c>
      <c r="MI39" s="132"/>
      <c r="MJ39" s="109">
        <v>681457</v>
      </c>
      <c r="MK39" s="109">
        <v>3492717</v>
      </c>
      <c r="ML39" s="109">
        <v>3659848</v>
      </c>
      <c r="MM39" s="109">
        <v>6230474</v>
      </c>
      <c r="MN39" s="109">
        <v>4666310</v>
      </c>
      <c r="MO39" s="110">
        <v>18730806</v>
      </c>
      <c r="MP39" s="130">
        <v>18730806</v>
      </c>
      <c r="MQ39" s="129">
        <v>0</v>
      </c>
      <c r="MR39" s="109">
        <v>0</v>
      </c>
      <c r="MS39" s="110">
        <v>0</v>
      </c>
      <c r="MT39" s="132"/>
      <c r="MU39" s="109">
        <v>0</v>
      </c>
      <c r="MV39" s="109">
        <v>0</v>
      </c>
      <c r="MW39" s="109">
        <v>1621755</v>
      </c>
      <c r="MX39" s="109">
        <v>3126007</v>
      </c>
      <c r="MY39" s="109">
        <v>2850496</v>
      </c>
      <c r="MZ39" s="110">
        <v>7598258</v>
      </c>
      <c r="NA39" s="130">
        <v>7598258</v>
      </c>
      <c r="NB39" s="129">
        <v>0</v>
      </c>
      <c r="NC39" s="109">
        <v>0</v>
      </c>
      <c r="ND39" s="110">
        <v>0</v>
      </c>
      <c r="NE39" s="132"/>
      <c r="NF39" s="109">
        <v>681457</v>
      </c>
      <c r="NG39" s="109">
        <v>3492717</v>
      </c>
      <c r="NH39" s="109">
        <v>2038093</v>
      </c>
      <c r="NI39" s="109">
        <v>2771881</v>
      </c>
      <c r="NJ39" s="109">
        <v>1460791</v>
      </c>
      <c r="NK39" s="110">
        <v>10444939</v>
      </c>
      <c r="NL39" s="298">
        <v>10444939</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332586</v>
      </c>
      <c r="OF39" s="109">
        <v>355023</v>
      </c>
      <c r="OG39" s="110">
        <v>687609</v>
      </c>
      <c r="OH39" s="111">
        <v>687609</v>
      </c>
      <c r="OI39" s="129">
        <v>618371</v>
      </c>
      <c r="OJ39" s="109">
        <v>906548</v>
      </c>
      <c r="OK39" s="128">
        <v>1524919</v>
      </c>
      <c r="OL39" s="108">
        <v>0</v>
      </c>
      <c r="OM39" s="109">
        <v>11283470</v>
      </c>
      <c r="ON39" s="109">
        <v>13546526</v>
      </c>
      <c r="OO39" s="109">
        <v>11385835</v>
      </c>
      <c r="OP39" s="109">
        <v>15118451</v>
      </c>
      <c r="OQ39" s="109">
        <v>10093255</v>
      </c>
      <c r="OR39" s="110">
        <v>61427537</v>
      </c>
      <c r="OS39" s="130">
        <v>62952456</v>
      </c>
    </row>
    <row r="40" spans="2:409" ht="21" customHeight="1" x14ac:dyDescent="0.2">
      <c r="B40" s="472" t="s">
        <v>35</v>
      </c>
      <c r="C40" s="100">
        <v>2089315</v>
      </c>
      <c r="D40" s="104">
        <v>4436077</v>
      </c>
      <c r="E40" s="103">
        <v>6525392</v>
      </c>
      <c r="F40" s="99">
        <v>0</v>
      </c>
      <c r="G40" s="104">
        <v>31432674</v>
      </c>
      <c r="H40" s="104">
        <v>22344598</v>
      </c>
      <c r="I40" s="104">
        <v>20947999</v>
      </c>
      <c r="J40" s="104">
        <v>24953181</v>
      </c>
      <c r="K40" s="104">
        <v>10002365</v>
      </c>
      <c r="L40" s="160">
        <v>109680817</v>
      </c>
      <c r="M40" s="106">
        <v>116206209</v>
      </c>
      <c r="N40" s="100">
        <v>384441</v>
      </c>
      <c r="O40" s="104">
        <v>1030167</v>
      </c>
      <c r="P40" s="103">
        <v>1414608</v>
      </c>
      <c r="Q40" s="100">
        <v>0</v>
      </c>
      <c r="R40" s="104">
        <v>7315523</v>
      </c>
      <c r="S40" s="104">
        <v>6075300</v>
      </c>
      <c r="T40" s="104">
        <v>6916521</v>
      </c>
      <c r="U40" s="104">
        <v>8188998</v>
      </c>
      <c r="V40" s="104">
        <v>4390078</v>
      </c>
      <c r="W40" s="103">
        <v>32886420</v>
      </c>
      <c r="X40" s="106">
        <v>34301028</v>
      </c>
      <c r="Y40" s="100">
        <v>0</v>
      </c>
      <c r="Z40" s="104">
        <v>0</v>
      </c>
      <c r="AA40" s="103">
        <v>0</v>
      </c>
      <c r="AB40" s="100">
        <v>0</v>
      </c>
      <c r="AC40" s="104">
        <v>3268854</v>
      </c>
      <c r="AD40" s="104">
        <v>2925635</v>
      </c>
      <c r="AE40" s="104">
        <v>4409263</v>
      </c>
      <c r="AF40" s="104">
        <v>4984952</v>
      </c>
      <c r="AG40" s="104">
        <v>2110305</v>
      </c>
      <c r="AH40" s="103">
        <v>17699009</v>
      </c>
      <c r="AI40" s="106">
        <v>17699009</v>
      </c>
      <c r="AJ40" s="100">
        <v>0</v>
      </c>
      <c r="AK40" s="104">
        <v>0</v>
      </c>
      <c r="AL40" s="103">
        <v>0</v>
      </c>
      <c r="AM40" s="100">
        <v>0</v>
      </c>
      <c r="AN40" s="104">
        <v>0</v>
      </c>
      <c r="AO40" s="104">
        <v>186084</v>
      </c>
      <c r="AP40" s="104">
        <v>238842</v>
      </c>
      <c r="AQ40" s="104">
        <v>511588</v>
      </c>
      <c r="AR40" s="104">
        <v>730245</v>
      </c>
      <c r="AS40" s="103">
        <v>1666759</v>
      </c>
      <c r="AT40" s="106">
        <v>1666759</v>
      </c>
      <c r="AU40" s="100">
        <v>103738</v>
      </c>
      <c r="AV40" s="104">
        <v>362554</v>
      </c>
      <c r="AW40" s="103">
        <v>466292</v>
      </c>
      <c r="AX40" s="100">
        <v>0</v>
      </c>
      <c r="AY40" s="104">
        <v>2075309</v>
      </c>
      <c r="AZ40" s="104">
        <v>1588994</v>
      </c>
      <c r="BA40" s="104">
        <v>1137742</v>
      </c>
      <c r="BB40" s="104">
        <v>1059675</v>
      </c>
      <c r="BC40" s="104">
        <v>874172</v>
      </c>
      <c r="BD40" s="103">
        <v>6735892</v>
      </c>
      <c r="BE40" s="106">
        <v>7202184</v>
      </c>
      <c r="BF40" s="100">
        <v>73480</v>
      </c>
      <c r="BG40" s="104">
        <v>336162</v>
      </c>
      <c r="BH40" s="102">
        <v>409642</v>
      </c>
      <c r="BI40" s="101">
        <v>0</v>
      </c>
      <c r="BJ40" s="104">
        <v>704335</v>
      </c>
      <c r="BK40" s="104">
        <v>488259</v>
      </c>
      <c r="BL40" s="104">
        <v>209448</v>
      </c>
      <c r="BM40" s="104">
        <v>383544</v>
      </c>
      <c r="BN40" s="104">
        <v>88892</v>
      </c>
      <c r="BO40" s="103">
        <v>1874478</v>
      </c>
      <c r="BP40" s="106">
        <v>2284120</v>
      </c>
      <c r="BQ40" s="100">
        <v>207223</v>
      </c>
      <c r="BR40" s="104">
        <v>331451</v>
      </c>
      <c r="BS40" s="103">
        <v>538674</v>
      </c>
      <c r="BT40" s="100">
        <v>0</v>
      </c>
      <c r="BU40" s="104">
        <v>1267025</v>
      </c>
      <c r="BV40" s="104">
        <v>886328</v>
      </c>
      <c r="BW40" s="104">
        <v>921226</v>
      </c>
      <c r="BX40" s="104">
        <v>1249239</v>
      </c>
      <c r="BY40" s="104">
        <v>586464</v>
      </c>
      <c r="BZ40" s="103">
        <v>4910282</v>
      </c>
      <c r="CA40" s="106">
        <v>5448956</v>
      </c>
      <c r="CB40" s="100">
        <v>204193</v>
      </c>
      <c r="CC40" s="104">
        <v>899187</v>
      </c>
      <c r="CD40" s="103">
        <v>1103380</v>
      </c>
      <c r="CE40" s="100">
        <v>0</v>
      </c>
      <c r="CF40" s="104">
        <v>11617165</v>
      </c>
      <c r="CG40" s="104">
        <v>8601160</v>
      </c>
      <c r="CH40" s="104">
        <v>5722446</v>
      </c>
      <c r="CI40" s="104">
        <v>5590305</v>
      </c>
      <c r="CJ40" s="104">
        <v>1978329</v>
      </c>
      <c r="CK40" s="103">
        <v>33509405</v>
      </c>
      <c r="CL40" s="106">
        <v>34612785</v>
      </c>
      <c r="CM40" s="100">
        <v>0</v>
      </c>
      <c r="CN40" s="104">
        <v>0</v>
      </c>
      <c r="CO40" s="103">
        <v>0</v>
      </c>
      <c r="CP40" s="101">
        <v>0</v>
      </c>
      <c r="CQ40" s="104">
        <v>8010020</v>
      </c>
      <c r="CR40" s="104">
        <v>6584989</v>
      </c>
      <c r="CS40" s="104">
        <v>4949121</v>
      </c>
      <c r="CT40" s="104">
        <v>4211004</v>
      </c>
      <c r="CU40" s="104">
        <v>1978329</v>
      </c>
      <c r="CV40" s="103">
        <v>25733463</v>
      </c>
      <c r="CW40" s="106">
        <v>25733463</v>
      </c>
      <c r="CX40" s="100">
        <v>204193</v>
      </c>
      <c r="CY40" s="104">
        <v>899187</v>
      </c>
      <c r="CZ40" s="103">
        <v>1103380</v>
      </c>
      <c r="DA40" s="100">
        <v>0</v>
      </c>
      <c r="DB40" s="104">
        <v>3607145</v>
      </c>
      <c r="DC40" s="104">
        <v>2016171</v>
      </c>
      <c r="DD40" s="104">
        <v>773325</v>
      </c>
      <c r="DE40" s="104">
        <v>1379301</v>
      </c>
      <c r="DF40" s="104">
        <v>0</v>
      </c>
      <c r="DG40" s="103">
        <v>7775942</v>
      </c>
      <c r="DH40" s="106">
        <v>8879322</v>
      </c>
      <c r="DI40" s="100">
        <v>19264</v>
      </c>
      <c r="DJ40" s="104">
        <v>0</v>
      </c>
      <c r="DK40" s="102">
        <v>19264</v>
      </c>
      <c r="DL40" s="101">
        <v>0</v>
      </c>
      <c r="DM40" s="104">
        <v>934689</v>
      </c>
      <c r="DN40" s="104">
        <v>385751</v>
      </c>
      <c r="DO40" s="104">
        <v>718065</v>
      </c>
      <c r="DP40" s="104">
        <v>859394</v>
      </c>
      <c r="DQ40" s="104">
        <v>176571</v>
      </c>
      <c r="DR40" s="103">
        <v>3074470</v>
      </c>
      <c r="DS40" s="106">
        <v>3093734</v>
      </c>
      <c r="DT40" s="100">
        <v>19264</v>
      </c>
      <c r="DU40" s="104">
        <v>0</v>
      </c>
      <c r="DV40" s="103">
        <v>19264</v>
      </c>
      <c r="DW40" s="100">
        <v>0</v>
      </c>
      <c r="DX40" s="104">
        <v>644909</v>
      </c>
      <c r="DY40" s="104">
        <v>336953</v>
      </c>
      <c r="DZ40" s="104">
        <v>555750</v>
      </c>
      <c r="EA40" s="104">
        <v>752042</v>
      </c>
      <c r="EB40" s="104">
        <v>176571</v>
      </c>
      <c r="EC40" s="103">
        <v>2466225</v>
      </c>
      <c r="ED40" s="106">
        <v>2485489</v>
      </c>
      <c r="EE40" s="100">
        <v>0</v>
      </c>
      <c r="EF40" s="102">
        <v>0</v>
      </c>
      <c r="EG40" s="103">
        <v>0</v>
      </c>
      <c r="EH40" s="100">
        <v>0</v>
      </c>
      <c r="EI40" s="104">
        <v>289780</v>
      </c>
      <c r="EJ40" s="104">
        <v>48798</v>
      </c>
      <c r="EK40" s="104">
        <v>162315</v>
      </c>
      <c r="EL40" s="104">
        <v>107352</v>
      </c>
      <c r="EM40" s="104">
        <v>0</v>
      </c>
      <c r="EN40" s="102">
        <v>608245</v>
      </c>
      <c r="EO40" s="106">
        <v>608245</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251402</v>
      </c>
      <c r="FM40" s="104">
        <v>655893</v>
      </c>
      <c r="FN40" s="103">
        <v>907295</v>
      </c>
      <c r="FO40" s="100">
        <v>0</v>
      </c>
      <c r="FP40" s="104">
        <v>1150731</v>
      </c>
      <c r="FQ40" s="104">
        <v>2094977</v>
      </c>
      <c r="FR40" s="104">
        <v>1480203</v>
      </c>
      <c r="FS40" s="104">
        <v>1437006</v>
      </c>
      <c r="FT40" s="104">
        <v>713641</v>
      </c>
      <c r="FU40" s="103">
        <v>6876558</v>
      </c>
      <c r="FV40" s="106">
        <v>7783853</v>
      </c>
      <c r="FW40" s="105">
        <v>215762</v>
      </c>
      <c r="FX40" s="104">
        <v>551429</v>
      </c>
      <c r="FY40" s="102">
        <v>767191</v>
      </c>
      <c r="FZ40" s="101">
        <v>0</v>
      </c>
      <c r="GA40" s="104">
        <v>1135921</v>
      </c>
      <c r="GB40" s="104">
        <v>1891069</v>
      </c>
      <c r="GC40" s="104">
        <v>1417833</v>
      </c>
      <c r="GD40" s="104">
        <v>1379982</v>
      </c>
      <c r="GE40" s="104">
        <v>713641</v>
      </c>
      <c r="GF40" s="103">
        <v>6538446</v>
      </c>
      <c r="GG40" s="296">
        <v>7305637</v>
      </c>
      <c r="GH40" s="105">
        <v>0</v>
      </c>
      <c r="GI40" s="104">
        <v>64864</v>
      </c>
      <c r="GJ40" s="102">
        <v>64864</v>
      </c>
      <c r="GK40" s="101">
        <v>0</v>
      </c>
      <c r="GL40" s="104">
        <v>14810</v>
      </c>
      <c r="GM40" s="104">
        <v>47290</v>
      </c>
      <c r="GN40" s="104">
        <v>62370</v>
      </c>
      <c r="GO40" s="104">
        <v>48114</v>
      </c>
      <c r="GP40" s="104">
        <v>0</v>
      </c>
      <c r="GQ40" s="103">
        <v>172584</v>
      </c>
      <c r="GR40" s="106">
        <v>237448</v>
      </c>
      <c r="GS40" s="100">
        <v>35640</v>
      </c>
      <c r="GT40" s="104">
        <v>39600</v>
      </c>
      <c r="GU40" s="103">
        <v>75240</v>
      </c>
      <c r="GV40" s="100">
        <v>0</v>
      </c>
      <c r="GW40" s="104">
        <v>0</v>
      </c>
      <c r="GX40" s="104">
        <v>156618</v>
      </c>
      <c r="GY40" s="104">
        <v>0</v>
      </c>
      <c r="GZ40" s="104">
        <v>8910</v>
      </c>
      <c r="HA40" s="104">
        <v>0</v>
      </c>
      <c r="HB40" s="102">
        <v>165528</v>
      </c>
      <c r="HC40" s="106">
        <v>240768</v>
      </c>
      <c r="HD40" s="100">
        <v>979625</v>
      </c>
      <c r="HE40" s="104">
        <v>1337161</v>
      </c>
      <c r="HF40" s="102">
        <v>2316786</v>
      </c>
      <c r="HG40" s="101">
        <v>0</v>
      </c>
      <c r="HH40" s="104">
        <v>7082379</v>
      </c>
      <c r="HI40" s="104">
        <v>3201918</v>
      </c>
      <c r="HJ40" s="104">
        <v>4712097</v>
      </c>
      <c r="HK40" s="104">
        <v>7610481</v>
      </c>
      <c r="HL40" s="104">
        <v>2276090</v>
      </c>
      <c r="HM40" s="103">
        <v>24882965</v>
      </c>
      <c r="HN40" s="99">
        <v>27199751</v>
      </c>
      <c r="HO40" s="105">
        <v>250390</v>
      </c>
      <c r="HP40" s="104">
        <v>513669</v>
      </c>
      <c r="HQ40" s="103">
        <v>764059</v>
      </c>
      <c r="HR40" s="100">
        <v>0</v>
      </c>
      <c r="HS40" s="104">
        <v>3332187</v>
      </c>
      <c r="HT40" s="104">
        <v>1985492</v>
      </c>
      <c r="HU40" s="104">
        <v>1398667</v>
      </c>
      <c r="HV40" s="104">
        <v>1266997</v>
      </c>
      <c r="HW40" s="104">
        <v>467656</v>
      </c>
      <c r="HX40" s="102">
        <v>8450999</v>
      </c>
      <c r="HY40" s="106">
        <v>9215058</v>
      </c>
      <c r="HZ40" s="137">
        <v>116397</v>
      </c>
      <c r="IA40" s="122">
        <v>318105</v>
      </c>
      <c r="IB40" s="137">
        <v>434502</v>
      </c>
      <c r="IC40" s="133">
        <v>0</v>
      </c>
      <c r="ID40" s="119">
        <v>5814221</v>
      </c>
      <c r="IE40" s="134">
        <v>6362596</v>
      </c>
      <c r="IF40" s="120">
        <v>6211643</v>
      </c>
      <c r="IG40" s="119">
        <v>5965128</v>
      </c>
      <c r="IH40" s="120">
        <v>3158424</v>
      </c>
      <c r="II40" s="135">
        <v>27512012</v>
      </c>
      <c r="IJ40" s="137">
        <v>27946514</v>
      </c>
      <c r="IK40" s="219">
        <v>0</v>
      </c>
      <c r="IL40" s="223">
        <v>0</v>
      </c>
      <c r="IM40" s="224">
        <v>0</v>
      </c>
      <c r="IN40" s="127"/>
      <c r="IO40" s="109">
        <v>0</v>
      </c>
      <c r="IP40" s="109">
        <v>0</v>
      </c>
      <c r="IQ40" s="109">
        <v>491972</v>
      </c>
      <c r="IR40" s="109">
        <v>230238</v>
      </c>
      <c r="IS40" s="109">
        <v>0</v>
      </c>
      <c r="IT40" s="128">
        <v>722210</v>
      </c>
      <c r="IU40" s="298">
        <v>72221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1412605</v>
      </c>
      <c r="JL40" s="109">
        <v>1934532</v>
      </c>
      <c r="JM40" s="109">
        <v>640836</v>
      </c>
      <c r="JN40" s="109">
        <v>1931487</v>
      </c>
      <c r="JO40" s="109">
        <v>910665</v>
      </c>
      <c r="JP40" s="110">
        <v>6830125</v>
      </c>
      <c r="JQ40" s="298">
        <v>6830125</v>
      </c>
      <c r="JR40" s="129">
        <v>0</v>
      </c>
      <c r="JS40" s="109">
        <v>0</v>
      </c>
      <c r="JT40" s="128">
        <v>0</v>
      </c>
      <c r="JU40" s="108">
        <v>0</v>
      </c>
      <c r="JV40" s="109">
        <v>0</v>
      </c>
      <c r="JW40" s="109">
        <v>0</v>
      </c>
      <c r="JX40" s="109">
        <v>0</v>
      </c>
      <c r="JY40" s="109">
        <v>0</v>
      </c>
      <c r="JZ40" s="109">
        <v>0</v>
      </c>
      <c r="KA40" s="110">
        <v>0</v>
      </c>
      <c r="KB40" s="298">
        <v>0</v>
      </c>
      <c r="KC40" s="221">
        <v>116397</v>
      </c>
      <c r="KD40" s="217">
        <v>81315</v>
      </c>
      <c r="KE40" s="110">
        <v>197712</v>
      </c>
      <c r="KF40" s="108">
        <v>0</v>
      </c>
      <c r="KG40" s="109">
        <v>1682550</v>
      </c>
      <c r="KH40" s="109">
        <v>824623</v>
      </c>
      <c r="KI40" s="109">
        <v>2303559</v>
      </c>
      <c r="KJ40" s="109">
        <v>778636</v>
      </c>
      <c r="KK40" s="109">
        <v>302085</v>
      </c>
      <c r="KL40" s="110">
        <v>5891453</v>
      </c>
      <c r="KM40" s="130">
        <v>6089165</v>
      </c>
      <c r="KN40" s="219">
        <v>0</v>
      </c>
      <c r="KO40" s="223">
        <v>236790</v>
      </c>
      <c r="KP40" s="224">
        <v>236790</v>
      </c>
      <c r="KQ40" s="127"/>
      <c r="KR40" s="109">
        <v>2719066</v>
      </c>
      <c r="KS40" s="109">
        <v>3603441</v>
      </c>
      <c r="KT40" s="109">
        <v>2775276</v>
      </c>
      <c r="KU40" s="109">
        <v>3024767</v>
      </c>
      <c r="KV40" s="109">
        <v>1945674</v>
      </c>
      <c r="KW40" s="110">
        <v>14068224</v>
      </c>
      <c r="KX40" s="298">
        <v>14305014</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7097266</v>
      </c>
      <c r="MK40" s="109">
        <v>6886881</v>
      </c>
      <c r="ML40" s="109">
        <v>10939859</v>
      </c>
      <c r="MM40" s="109">
        <v>13551399</v>
      </c>
      <c r="MN40" s="109">
        <v>8489947</v>
      </c>
      <c r="MO40" s="110">
        <v>46965352</v>
      </c>
      <c r="MP40" s="130">
        <v>46965352</v>
      </c>
      <c r="MQ40" s="129">
        <v>0</v>
      </c>
      <c r="MR40" s="109">
        <v>0</v>
      </c>
      <c r="MS40" s="110">
        <v>0</v>
      </c>
      <c r="MT40" s="132"/>
      <c r="MU40" s="109">
        <v>0</v>
      </c>
      <c r="MV40" s="109">
        <v>245448</v>
      </c>
      <c r="MW40" s="109">
        <v>2103644</v>
      </c>
      <c r="MX40" s="109">
        <v>7404189</v>
      </c>
      <c r="MY40" s="109">
        <v>3594764</v>
      </c>
      <c r="MZ40" s="110">
        <v>13348045</v>
      </c>
      <c r="NA40" s="130">
        <v>13348045</v>
      </c>
      <c r="NB40" s="129">
        <v>0</v>
      </c>
      <c r="NC40" s="109">
        <v>0</v>
      </c>
      <c r="ND40" s="110">
        <v>0</v>
      </c>
      <c r="NE40" s="132"/>
      <c r="NF40" s="109">
        <v>6421753</v>
      </c>
      <c r="NG40" s="109">
        <v>6388497</v>
      </c>
      <c r="NH40" s="109">
        <v>7611216</v>
      </c>
      <c r="NI40" s="109">
        <v>3137706</v>
      </c>
      <c r="NJ40" s="109">
        <v>2417913</v>
      </c>
      <c r="NK40" s="110">
        <v>25977085</v>
      </c>
      <c r="NL40" s="298">
        <v>25977085</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675513</v>
      </c>
      <c r="OC40" s="109">
        <v>252936</v>
      </c>
      <c r="OD40" s="109">
        <v>1224999</v>
      </c>
      <c r="OE40" s="109">
        <v>3009504</v>
      </c>
      <c r="OF40" s="109">
        <v>2477270</v>
      </c>
      <c r="OG40" s="110">
        <v>7640222</v>
      </c>
      <c r="OH40" s="111">
        <v>7640222</v>
      </c>
      <c r="OI40" s="129">
        <v>2205712</v>
      </c>
      <c r="OJ40" s="109">
        <v>4754182</v>
      </c>
      <c r="OK40" s="128">
        <v>6959894</v>
      </c>
      <c r="OL40" s="108">
        <v>0</v>
      </c>
      <c r="OM40" s="109">
        <v>44344161</v>
      </c>
      <c r="ON40" s="109">
        <v>35594075</v>
      </c>
      <c r="OO40" s="109">
        <v>38099501</v>
      </c>
      <c r="OP40" s="109">
        <v>44469708</v>
      </c>
      <c r="OQ40" s="109">
        <v>21650736</v>
      </c>
      <c r="OR40" s="110">
        <v>184158181</v>
      </c>
      <c r="OS40" s="130">
        <v>191118075</v>
      </c>
    </row>
    <row r="41" spans="2:409" ht="21" customHeight="1" x14ac:dyDescent="0.2">
      <c r="B41" s="472" t="s">
        <v>36</v>
      </c>
      <c r="C41" s="100">
        <v>1273243</v>
      </c>
      <c r="D41" s="104">
        <v>3250912</v>
      </c>
      <c r="E41" s="103">
        <v>4524155</v>
      </c>
      <c r="F41" s="99">
        <v>0</v>
      </c>
      <c r="G41" s="104">
        <v>21270202</v>
      </c>
      <c r="H41" s="104">
        <v>29457566</v>
      </c>
      <c r="I41" s="104">
        <v>22316274</v>
      </c>
      <c r="J41" s="104">
        <v>22722064</v>
      </c>
      <c r="K41" s="104">
        <v>18693794</v>
      </c>
      <c r="L41" s="160">
        <v>114459900</v>
      </c>
      <c r="M41" s="106">
        <v>118984055</v>
      </c>
      <c r="N41" s="100">
        <v>505310</v>
      </c>
      <c r="O41" s="104">
        <v>1240174</v>
      </c>
      <c r="P41" s="103">
        <v>1745484</v>
      </c>
      <c r="Q41" s="100">
        <v>0</v>
      </c>
      <c r="R41" s="104">
        <v>5932761</v>
      </c>
      <c r="S41" s="104">
        <v>9233732</v>
      </c>
      <c r="T41" s="104">
        <v>7280516</v>
      </c>
      <c r="U41" s="104">
        <v>9926149</v>
      </c>
      <c r="V41" s="104">
        <v>8864240</v>
      </c>
      <c r="W41" s="103">
        <v>41237398</v>
      </c>
      <c r="X41" s="106">
        <v>42982882</v>
      </c>
      <c r="Y41" s="100">
        <v>0</v>
      </c>
      <c r="Z41" s="104">
        <v>0</v>
      </c>
      <c r="AA41" s="103">
        <v>0</v>
      </c>
      <c r="AB41" s="100">
        <v>0</v>
      </c>
      <c r="AC41" s="104">
        <v>2249375</v>
      </c>
      <c r="AD41" s="104">
        <v>4483090</v>
      </c>
      <c r="AE41" s="104">
        <v>4139365</v>
      </c>
      <c r="AF41" s="104">
        <v>5759474</v>
      </c>
      <c r="AG41" s="104">
        <v>5249486</v>
      </c>
      <c r="AH41" s="103">
        <v>21880790</v>
      </c>
      <c r="AI41" s="106">
        <v>21880790</v>
      </c>
      <c r="AJ41" s="100">
        <v>0</v>
      </c>
      <c r="AK41" s="104">
        <v>0</v>
      </c>
      <c r="AL41" s="103">
        <v>0</v>
      </c>
      <c r="AM41" s="100">
        <v>0</v>
      </c>
      <c r="AN41" s="104">
        <v>155659</v>
      </c>
      <c r="AO41" s="104">
        <v>503411</v>
      </c>
      <c r="AP41" s="104">
        <v>356879</v>
      </c>
      <c r="AQ41" s="104">
        <v>697333</v>
      </c>
      <c r="AR41" s="104">
        <v>673247</v>
      </c>
      <c r="AS41" s="103">
        <v>2386529</v>
      </c>
      <c r="AT41" s="106">
        <v>2386529</v>
      </c>
      <c r="AU41" s="100">
        <v>367980</v>
      </c>
      <c r="AV41" s="104">
        <v>805949</v>
      </c>
      <c r="AW41" s="103">
        <v>1173929</v>
      </c>
      <c r="AX41" s="100">
        <v>0</v>
      </c>
      <c r="AY41" s="104">
        <v>2462790</v>
      </c>
      <c r="AZ41" s="104">
        <v>2852878</v>
      </c>
      <c r="BA41" s="104">
        <v>1512201</v>
      </c>
      <c r="BB41" s="104">
        <v>2205349</v>
      </c>
      <c r="BC41" s="104">
        <v>1957249</v>
      </c>
      <c r="BD41" s="103">
        <v>10990467</v>
      </c>
      <c r="BE41" s="106">
        <v>12164396</v>
      </c>
      <c r="BF41" s="100">
        <v>93428</v>
      </c>
      <c r="BG41" s="104">
        <v>344090</v>
      </c>
      <c r="BH41" s="102">
        <v>437518</v>
      </c>
      <c r="BI41" s="101">
        <v>0</v>
      </c>
      <c r="BJ41" s="104">
        <v>640576</v>
      </c>
      <c r="BK41" s="104">
        <v>468952</v>
      </c>
      <c r="BL41" s="104">
        <v>296525</v>
      </c>
      <c r="BM41" s="104">
        <v>365988</v>
      </c>
      <c r="BN41" s="104">
        <v>279104</v>
      </c>
      <c r="BO41" s="103">
        <v>2051145</v>
      </c>
      <c r="BP41" s="106">
        <v>2488663</v>
      </c>
      <c r="BQ41" s="100">
        <v>43902</v>
      </c>
      <c r="BR41" s="104">
        <v>90135</v>
      </c>
      <c r="BS41" s="103">
        <v>134037</v>
      </c>
      <c r="BT41" s="100">
        <v>0</v>
      </c>
      <c r="BU41" s="104">
        <v>424361</v>
      </c>
      <c r="BV41" s="104">
        <v>925401</v>
      </c>
      <c r="BW41" s="104">
        <v>975546</v>
      </c>
      <c r="BX41" s="104">
        <v>898005</v>
      </c>
      <c r="BY41" s="104">
        <v>705154</v>
      </c>
      <c r="BZ41" s="103">
        <v>3928467</v>
      </c>
      <c r="CA41" s="106">
        <v>4062504</v>
      </c>
      <c r="CB41" s="100">
        <v>94429</v>
      </c>
      <c r="CC41" s="104">
        <v>335317</v>
      </c>
      <c r="CD41" s="103">
        <v>429746</v>
      </c>
      <c r="CE41" s="100">
        <v>0</v>
      </c>
      <c r="CF41" s="104">
        <v>6988836</v>
      </c>
      <c r="CG41" s="104">
        <v>10249762</v>
      </c>
      <c r="CH41" s="104">
        <v>5612293</v>
      </c>
      <c r="CI41" s="104">
        <v>4549988</v>
      </c>
      <c r="CJ41" s="104">
        <v>3254520</v>
      </c>
      <c r="CK41" s="103">
        <v>30655399</v>
      </c>
      <c r="CL41" s="106">
        <v>31085145</v>
      </c>
      <c r="CM41" s="100">
        <v>0</v>
      </c>
      <c r="CN41" s="104">
        <v>0</v>
      </c>
      <c r="CO41" s="103">
        <v>0</v>
      </c>
      <c r="CP41" s="101">
        <v>0</v>
      </c>
      <c r="CQ41" s="104">
        <v>5359989</v>
      </c>
      <c r="CR41" s="104">
        <v>8572838</v>
      </c>
      <c r="CS41" s="104">
        <v>4249044</v>
      </c>
      <c r="CT41" s="104">
        <v>3937163</v>
      </c>
      <c r="CU41" s="104">
        <v>2934950</v>
      </c>
      <c r="CV41" s="103">
        <v>25053984</v>
      </c>
      <c r="CW41" s="106">
        <v>25053984</v>
      </c>
      <c r="CX41" s="100">
        <v>94429</v>
      </c>
      <c r="CY41" s="104">
        <v>335317</v>
      </c>
      <c r="CZ41" s="103">
        <v>429746</v>
      </c>
      <c r="DA41" s="100">
        <v>0</v>
      </c>
      <c r="DB41" s="104">
        <v>1628847</v>
      </c>
      <c r="DC41" s="104">
        <v>1676924</v>
      </c>
      <c r="DD41" s="104">
        <v>1363249</v>
      </c>
      <c r="DE41" s="104">
        <v>612825</v>
      </c>
      <c r="DF41" s="104">
        <v>319570</v>
      </c>
      <c r="DG41" s="103">
        <v>5601415</v>
      </c>
      <c r="DH41" s="106">
        <v>6031161</v>
      </c>
      <c r="DI41" s="100">
        <v>0</v>
      </c>
      <c r="DJ41" s="104">
        <v>0</v>
      </c>
      <c r="DK41" s="102">
        <v>0</v>
      </c>
      <c r="DL41" s="101">
        <v>0</v>
      </c>
      <c r="DM41" s="104">
        <v>1182071</v>
      </c>
      <c r="DN41" s="104">
        <v>1536991</v>
      </c>
      <c r="DO41" s="104">
        <v>2544149</v>
      </c>
      <c r="DP41" s="104">
        <v>2491288</v>
      </c>
      <c r="DQ41" s="104">
        <v>3306252</v>
      </c>
      <c r="DR41" s="103">
        <v>11060751</v>
      </c>
      <c r="DS41" s="106">
        <v>11060751</v>
      </c>
      <c r="DT41" s="100">
        <v>0</v>
      </c>
      <c r="DU41" s="104">
        <v>0</v>
      </c>
      <c r="DV41" s="103">
        <v>0</v>
      </c>
      <c r="DW41" s="100">
        <v>0</v>
      </c>
      <c r="DX41" s="104">
        <v>1049658</v>
      </c>
      <c r="DY41" s="104">
        <v>1373712</v>
      </c>
      <c r="DZ41" s="104">
        <v>2544149</v>
      </c>
      <c r="EA41" s="104">
        <v>2455176</v>
      </c>
      <c r="EB41" s="104">
        <v>3273763</v>
      </c>
      <c r="EC41" s="103">
        <v>10696458</v>
      </c>
      <c r="ED41" s="106">
        <v>10696458</v>
      </c>
      <c r="EE41" s="100">
        <v>0</v>
      </c>
      <c r="EF41" s="102">
        <v>0</v>
      </c>
      <c r="EG41" s="103">
        <v>0</v>
      </c>
      <c r="EH41" s="100">
        <v>0</v>
      </c>
      <c r="EI41" s="104">
        <v>132413</v>
      </c>
      <c r="EJ41" s="104">
        <v>163279</v>
      </c>
      <c r="EK41" s="104">
        <v>0</v>
      </c>
      <c r="EL41" s="104">
        <v>36112</v>
      </c>
      <c r="EM41" s="104">
        <v>32489</v>
      </c>
      <c r="EN41" s="102">
        <v>364293</v>
      </c>
      <c r="EO41" s="106">
        <v>364293</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317610</v>
      </c>
      <c r="FM41" s="104">
        <v>933386</v>
      </c>
      <c r="FN41" s="103">
        <v>1250996</v>
      </c>
      <c r="FO41" s="100">
        <v>0</v>
      </c>
      <c r="FP41" s="104">
        <v>1814210</v>
      </c>
      <c r="FQ41" s="104">
        <v>2894159</v>
      </c>
      <c r="FR41" s="104">
        <v>1613034</v>
      </c>
      <c r="FS41" s="104">
        <v>1861357</v>
      </c>
      <c r="FT41" s="104">
        <v>1346400</v>
      </c>
      <c r="FU41" s="103">
        <v>9529160</v>
      </c>
      <c r="FV41" s="106">
        <v>10780156</v>
      </c>
      <c r="FW41" s="105">
        <v>290610</v>
      </c>
      <c r="FX41" s="104">
        <v>738266</v>
      </c>
      <c r="FY41" s="102">
        <v>1028876</v>
      </c>
      <c r="FZ41" s="101">
        <v>0</v>
      </c>
      <c r="GA41" s="104">
        <v>1535210</v>
      </c>
      <c r="GB41" s="104">
        <v>2617787</v>
      </c>
      <c r="GC41" s="104">
        <v>1428264</v>
      </c>
      <c r="GD41" s="104">
        <v>1834357</v>
      </c>
      <c r="GE41" s="104">
        <v>1242550</v>
      </c>
      <c r="GF41" s="103">
        <v>8658168</v>
      </c>
      <c r="GG41" s="296">
        <v>9687044</v>
      </c>
      <c r="GH41" s="105">
        <v>27000</v>
      </c>
      <c r="GI41" s="104">
        <v>47520</v>
      </c>
      <c r="GJ41" s="102">
        <v>74520</v>
      </c>
      <c r="GK41" s="101">
        <v>0</v>
      </c>
      <c r="GL41" s="104">
        <v>0</v>
      </c>
      <c r="GM41" s="104">
        <v>66672</v>
      </c>
      <c r="GN41" s="104">
        <v>15480</v>
      </c>
      <c r="GO41" s="104">
        <v>27000</v>
      </c>
      <c r="GP41" s="104">
        <v>103850</v>
      </c>
      <c r="GQ41" s="103">
        <v>213002</v>
      </c>
      <c r="GR41" s="106">
        <v>287522</v>
      </c>
      <c r="GS41" s="100">
        <v>0</v>
      </c>
      <c r="GT41" s="104">
        <v>147600</v>
      </c>
      <c r="GU41" s="103">
        <v>147600</v>
      </c>
      <c r="GV41" s="100">
        <v>0</v>
      </c>
      <c r="GW41" s="104">
        <v>279000</v>
      </c>
      <c r="GX41" s="104">
        <v>209700</v>
      </c>
      <c r="GY41" s="104">
        <v>169290</v>
      </c>
      <c r="GZ41" s="104">
        <v>0</v>
      </c>
      <c r="HA41" s="104">
        <v>0</v>
      </c>
      <c r="HB41" s="102">
        <v>657990</v>
      </c>
      <c r="HC41" s="106">
        <v>805590</v>
      </c>
      <c r="HD41" s="100">
        <v>123009</v>
      </c>
      <c r="HE41" s="104">
        <v>100755</v>
      </c>
      <c r="HF41" s="102">
        <v>223764</v>
      </c>
      <c r="HG41" s="101">
        <v>0</v>
      </c>
      <c r="HH41" s="104">
        <v>1701774</v>
      </c>
      <c r="HI41" s="104">
        <v>2137386</v>
      </c>
      <c r="HJ41" s="104">
        <v>3252122</v>
      </c>
      <c r="HK41" s="104">
        <v>2099203</v>
      </c>
      <c r="HL41" s="104">
        <v>740290</v>
      </c>
      <c r="HM41" s="103">
        <v>9930775</v>
      </c>
      <c r="HN41" s="99">
        <v>10154539</v>
      </c>
      <c r="HO41" s="105">
        <v>232885</v>
      </c>
      <c r="HP41" s="104">
        <v>641280</v>
      </c>
      <c r="HQ41" s="103">
        <v>874165</v>
      </c>
      <c r="HR41" s="100">
        <v>0</v>
      </c>
      <c r="HS41" s="104">
        <v>3650550</v>
      </c>
      <c r="HT41" s="104">
        <v>3405536</v>
      </c>
      <c r="HU41" s="104">
        <v>2014160</v>
      </c>
      <c r="HV41" s="104">
        <v>1794079</v>
      </c>
      <c r="HW41" s="104">
        <v>1182092</v>
      </c>
      <c r="HX41" s="102">
        <v>12046417</v>
      </c>
      <c r="HY41" s="106">
        <v>12920582</v>
      </c>
      <c r="HZ41" s="118">
        <v>47655</v>
      </c>
      <c r="IA41" s="119">
        <v>189772</v>
      </c>
      <c r="IB41" s="120">
        <v>237427</v>
      </c>
      <c r="IC41" s="133">
        <v>0</v>
      </c>
      <c r="ID41" s="119">
        <v>5597265</v>
      </c>
      <c r="IE41" s="134">
        <v>8983847</v>
      </c>
      <c r="IF41" s="120">
        <v>8173671</v>
      </c>
      <c r="IG41" s="119">
        <v>7491240</v>
      </c>
      <c r="IH41" s="120">
        <v>4857777</v>
      </c>
      <c r="II41" s="135">
        <v>35103800</v>
      </c>
      <c r="IJ41" s="126">
        <v>35341227</v>
      </c>
      <c r="IK41" s="219">
        <v>0</v>
      </c>
      <c r="IL41" s="223">
        <v>0</v>
      </c>
      <c r="IM41" s="224">
        <v>0</v>
      </c>
      <c r="IN41" s="127"/>
      <c r="IO41" s="109">
        <v>0</v>
      </c>
      <c r="IP41" s="109">
        <v>444303</v>
      </c>
      <c r="IQ41" s="109">
        <v>0</v>
      </c>
      <c r="IR41" s="109">
        <v>0</v>
      </c>
      <c r="IS41" s="109">
        <v>0</v>
      </c>
      <c r="IT41" s="128">
        <v>444303</v>
      </c>
      <c r="IU41" s="298">
        <v>444303</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588398</v>
      </c>
      <c r="JL41" s="109">
        <v>3107353</v>
      </c>
      <c r="JM41" s="109">
        <v>3432606</v>
      </c>
      <c r="JN41" s="109">
        <v>3032058</v>
      </c>
      <c r="JO41" s="109">
        <v>2608270</v>
      </c>
      <c r="JP41" s="110">
        <v>14768685</v>
      </c>
      <c r="JQ41" s="298">
        <v>14768685</v>
      </c>
      <c r="JR41" s="129">
        <v>0</v>
      </c>
      <c r="JS41" s="109">
        <v>0</v>
      </c>
      <c r="JT41" s="128">
        <v>0</v>
      </c>
      <c r="JU41" s="108">
        <v>0</v>
      </c>
      <c r="JV41" s="109">
        <v>0</v>
      </c>
      <c r="JW41" s="109">
        <v>0</v>
      </c>
      <c r="JX41" s="109">
        <v>0</v>
      </c>
      <c r="JY41" s="109">
        <v>0</v>
      </c>
      <c r="JZ41" s="109">
        <v>0</v>
      </c>
      <c r="KA41" s="110">
        <v>0</v>
      </c>
      <c r="KB41" s="298">
        <v>0</v>
      </c>
      <c r="KC41" s="221">
        <v>47655</v>
      </c>
      <c r="KD41" s="217">
        <v>189772</v>
      </c>
      <c r="KE41" s="110">
        <v>237427</v>
      </c>
      <c r="KF41" s="108">
        <v>0</v>
      </c>
      <c r="KG41" s="109">
        <v>1533917</v>
      </c>
      <c r="KH41" s="109">
        <v>1996378</v>
      </c>
      <c r="KI41" s="109">
        <v>2170147</v>
      </c>
      <c r="KJ41" s="109">
        <v>1380741</v>
      </c>
      <c r="KK41" s="109">
        <v>584103</v>
      </c>
      <c r="KL41" s="110">
        <v>7665286</v>
      </c>
      <c r="KM41" s="130">
        <v>7902713</v>
      </c>
      <c r="KN41" s="219">
        <v>0</v>
      </c>
      <c r="KO41" s="223">
        <v>0</v>
      </c>
      <c r="KP41" s="224">
        <v>0</v>
      </c>
      <c r="KQ41" s="127"/>
      <c r="KR41" s="109">
        <v>1474950</v>
      </c>
      <c r="KS41" s="109">
        <v>3435813</v>
      </c>
      <c r="KT41" s="109">
        <v>2570918</v>
      </c>
      <c r="KU41" s="109">
        <v>3078441</v>
      </c>
      <c r="KV41" s="109">
        <v>1665404</v>
      </c>
      <c r="KW41" s="110">
        <v>12225526</v>
      </c>
      <c r="KX41" s="298">
        <v>12225526</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3463350</v>
      </c>
      <c r="MK41" s="109">
        <v>5688146</v>
      </c>
      <c r="ML41" s="109">
        <v>27350129</v>
      </c>
      <c r="MM41" s="109">
        <v>40719169</v>
      </c>
      <c r="MN41" s="109">
        <v>31066150</v>
      </c>
      <c r="MO41" s="110">
        <v>108286944</v>
      </c>
      <c r="MP41" s="130">
        <v>108286944</v>
      </c>
      <c r="MQ41" s="129">
        <v>0</v>
      </c>
      <c r="MR41" s="109">
        <v>0</v>
      </c>
      <c r="MS41" s="110">
        <v>0</v>
      </c>
      <c r="MT41" s="132"/>
      <c r="MU41" s="109">
        <v>0</v>
      </c>
      <c r="MV41" s="109">
        <v>698064</v>
      </c>
      <c r="MW41" s="109">
        <v>15320396</v>
      </c>
      <c r="MX41" s="109">
        <v>22643769</v>
      </c>
      <c r="MY41" s="109">
        <v>20837683</v>
      </c>
      <c r="MZ41" s="110">
        <v>59499912</v>
      </c>
      <c r="NA41" s="130">
        <v>59499912</v>
      </c>
      <c r="NB41" s="129">
        <v>0</v>
      </c>
      <c r="NC41" s="109">
        <v>0</v>
      </c>
      <c r="ND41" s="110">
        <v>0</v>
      </c>
      <c r="NE41" s="132"/>
      <c r="NF41" s="109">
        <v>3463350</v>
      </c>
      <c r="NG41" s="109">
        <v>4990082</v>
      </c>
      <c r="NH41" s="109">
        <v>12029733</v>
      </c>
      <c r="NI41" s="109">
        <v>15686210</v>
      </c>
      <c r="NJ41" s="109">
        <v>9155829</v>
      </c>
      <c r="NK41" s="110">
        <v>45325204</v>
      </c>
      <c r="NL41" s="298">
        <v>45325204</v>
      </c>
      <c r="NM41" s="129">
        <v>0</v>
      </c>
      <c r="NN41" s="109">
        <v>0</v>
      </c>
      <c r="NO41" s="110">
        <v>0</v>
      </c>
      <c r="NP41" s="132"/>
      <c r="NQ41" s="109">
        <v>0</v>
      </c>
      <c r="NR41" s="109">
        <v>0</v>
      </c>
      <c r="NS41" s="109">
        <v>0</v>
      </c>
      <c r="NT41" s="109">
        <v>631416</v>
      </c>
      <c r="NU41" s="109">
        <v>338759</v>
      </c>
      <c r="NV41" s="110">
        <v>970175</v>
      </c>
      <c r="NW41" s="111">
        <v>970175</v>
      </c>
      <c r="NX41" s="129">
        <v>0</v>
      </c>
      <c r="NY41" s="109">
        <v>0</v>
      </c>
      <c r="NZ41" s="110">
        <v>0</v>
      </c>
      <c r="OA41" s="132"/>
      <c r="OB41" s="109">
        <v>0</v>
      </c>
      <c r="OC41" s="109">
        <v>0</v>
      </c>
      <c r="OD41" s="109">
        <v>0</v>
      </c>
      <c r="OE41" s="109">
        <v>1757774</v>
      </c>
      <c r="OF41" s="109">
        <v>733879</v>
      </c>
      <c r="OG41" s="110">
        <v>2491653</v>
      </c>
      <c r="OH41" s="111">
        <v>2491653</v>
      </c>
      <c r="OI41" s="129">
        <v>1320898</v>
      </c>
      <c r="OJ41" s="109">
        <v>3440684</v>
      </c>
      <c r="OK41" s="128">
        <v>4761582</v>
      </c>
      <c r="OL41" s="108">
        <v>0</v>
      </c>
      <c r="OM41" s="109">
        <v>30330817</v>
      </c>
      <c r="ON41" s="109">
        <v>44129559</v>
      </c>
      <c r="OO41" s="109">
        <v>57840074</v>
      </c>
      <c r="OP41" s="109">
        <v>70932473</v>
      </c>
      <c r="OQ41" s="109">
        <v>54617721</v>
      </c>
      <c r="OR41" s="110">
        <v>257850644</v>
      </c>
      <c r="OS41" s="130">
        <v>262612226</v>
      </c>
    </row>
    <row r="42" spans="2:409" ht="21" customHeight="1" thickBot="1" x14ac:dyDescent="0.25">
      <c r="B42" s="473" t="s">
        <v>37</v>
      </c>
      <c r="C42" s="107">
        <v>282595</v>
      </c>
      <c r="D42" s="165">
        <v>164529</v>
      </c>
      <c r="E42" s="166">
        <v>447124</v>
      </c>
      <c r="F42" s="167">
        <v>0</v>
      </c>
      <c r="G42" s="165">
        <v>1671655</v>
      </c>
      <c r="H42" s="165">
        <v>2306041</v>
      </c>
      <c r="I42" s="165">
        <v>1954545</v>
      </c>
      <c r="J42" s="165">
        <v>2163688</v>
      </c>
      <c r="K42" s="165">
        <v>864842</v>
      </c>
      <c r="L42" s="167">
        <v>8960771</v>
      </c>
      <c r="M42" s="168">
        <v>9407895</v>
      </c>
      <c r="N42" s="107">
        <v>36269</v>
      </c>
      <c r="O42" s="165">
        <v>8780</v>
      </c>
      <c r="P42" s="166">
        <v>45049</v>
      </c>
      <c r="Q42" s="107">
        <v>0</v>
      </c>
      <c r="R42" s="165">
        <v>367308</v>
      </c>
      <c r="S42" s="165">
        <v>457782</v>
      </c>
      <c r="T42" s="165">
        <v>274648</v>
      </c>
      <c r="U42" s="165">
        <v>437090</v>
      </c>
      <c r="V42" s="165">
        <v>535247</v>
      </c>
      <c r="W42" s="166">
        <v>2072075</v>
      </c>
      <c r="X42" s="168">
        <v>2117124</v>
      </c>
      <c r="Y42" s="107">
        <v>0</v>
      </c>
      <c r="Z42" s="165">
        <v>0</v>
      </c>
      <c r="AA42" s="166">
        <v>0</v>
      </c>
      <c r="AB42" s="107">
        <v>0</v>
      </c>
      <c r="AC42" s="165">
        <v>251674</v>
      </c>
      <c r="AD42" s="165">
        <v>248117</v>
      </c>
      <c r="AE42" s="165">
        <v>153031</v>
      </c>
      <c r="AF42" s="165">
        <v>65686</v>
      </c>
      <c r="AG42" s="165">
        <v>452638</v>
      </c>
      <c r="AH42" s="166">
        <v>1171146</v>
      </c>
      <c r="AI42" s="168">
        <v>1171146</v>
      </c>
      <c r="AJ42" s="107">
        <v>0</v>
      </c>
      <c r="AK42" s="165">
        <v>0</v>
      </c>
      <c r="AL42" s="166">
        <v>0</v>
      </c>
      <c r="AM42" s="107">
        <v>0</v>
      </c>
      <c r="AN42" s="165">
        <v>0</v>
      </c>
      <c r="AO42" s="165">
        <v>0</v>
      </c>
      <c r="AP42" s="165">
        <v>0</v>
      </c>
      <c r="AQ42" s="165">
        <v>0</v>
      </c>
      <c r="AR42" s="165">
        <v>0</v>
      </c>
      <c r="AS42" s="166">
        <v>0</v>
      </c>
      <c r="AT42" s="168">
        <v>0</v>
      </c>
      <c r="AU42" s="107">
        <v>26477</v>
      </c>
      <c r="AV42" s="165">
        <v>8780</v>
      </c>
      <c r="AW42" s="166">
        <v>35257</v>
      </c>
      <c r="AX42" s="107">
        <v>0</v>
      </c>
      <c r="AY42" s="165">
        <v>83153</v>
      </c>
      <c r="AZ42" s="165">
        <v>176131</v>
      </c>
      <c r="BA42" s="165">
        <v>21735</v>
      </c>
      <c r="BB42" s="165">
        <v>214104</v>
      </c>
      <c r="BC42" s="165">
        <v>23112</v>
      </c>
      <c r="BD42" s="166">
        <v>518235</v>
      </c>
      <c r="BE42" s="168">
        <v>553492</v>
      </c>
      <c r="BF42" s="107">
        <v>0</v>
      </c>
      <c r="BG42" s="165">
        <v>0</v>
      </c>
      <c r="BH42" s="170">
        <v>0</v>
      </c>
      <c r="BI42" s="169">
        <v>0</v>
      </c>
      <c r="BJ42" s="165">
        <v>0</v>
      </c>
      <c r="BK42" s="165">
        <v>28170</v>
      </c>
      <c r="BL42" s="165">
        <v>0</v>
      </c>
      <c r="BM42" s="165">
        <v>68145</v>
      </c>
      <c r="BN42" s="165">
        <v>0</v>
      </c>
      <c r="BO42" s="166">
        <v>96315</v>
      </c>
      <c r="BP42" s="168">
        <v>96315</v>
      </c>
      <c r="BQ42" s="107">
        <v>9792</v>
      </c>
      <c r="BR42" s="165">
        <v>0</v>
      </c>
      <c r="BS42" s="166">
        <v>9792</v>
      </c>
      <c r="BT42" s="107">
        <v>0</v>
      </c>
      <c r="BU42" s="165">
        <v>32481</v>
      </c>
      <c r="BV42" s="165">
        <v>5364</v>
      </c>
      <c r="BW42" s="165">
        <v>99882</v>
      </c>
      <c r="BX42" s="165">
        <v>89155</v>
      </c>
      <c r="BY42" s="165">
        <v>59497</v>
      </c>
      <c r="BZ42" s="166">
        <v>286379</v>
      </c>
      <c r="CA42" s="168">
        <v>296171</v>
      </c>
      <c r="CB42" s="107">
        <v>69410</v>
      </c>
      <c r="CC42" s="165">
        <v>79138</v>
      </c>
      <c r="CD42" s="166">
        <v>148548</v>
      </c>
      <c r="CE42" s="107">
        <v>0</v>
      </c>
      <c r="CF42" s="165">
        <v>753144</v>
      </c>
      <c r="CG42" s="165">
        <v>701496</v>
      </c>
      <c r="CH42" s="165">
        <v>907697</v>
      </c>
      <c r="CI42" s="165">
        <v>691519</v>
      </c>
      <c r="CJ42" s="165">
        <v>220257</v>
      </c>
      <c r="CK42" s="166">
        <v>3274113</v>
      </c>
      <c r="CL42" s="168">
        <v>3422661</v>
      </c>
      <c r="CM42" s="107">
        <v>0</v>
      </c>
      <c r="CN42" s="165">
        <v>0</v>
      </c>
      <c r="CO42" s="166">
        <v>0</v>
      </c>
      <c r="CP42" s="169">
        <v>0</v>
      </c>
      <c r="CQ42" s="165">
        <v>428478</v>
      </c>
      <c r="CR42" s="165">
        <v>397677</v>
      </c>
      <c r="CS42" s="165">
        <v>846604</v>
      </c>
      <c r="CT42" s="165">
        <v>243952</v>
      </c>
      <c r="CU42" s="165">
        <v>114599</v>
      </c>
      <c r="CV42" s="166">
        <v>2031310</v>
      </c>
      <c r="CW42" s="168">
        <v>2031310</v>
      </c>
      <c r="CX42" s="107">
        <v>69410</v>
      </c>
      <c r="CY42" s="165">
        <v>79138</v>
      </c>
      <c r="CZ42" s="166">
        <v>148548</v>
      </c>
      <c r="DA42" s="107">
        <v>0</v>
      </c>
      <c r="DB42" s="165">
        <v>324666</v>
      </c>
      <c r="DC42" s="165">
        <v>303819</v>
      </c>
      <c r="DD42" s="165">
        <v>61093</v>
      </c>
      <c r="DE42" s="165">
        <v>447567</v>
      </c>
      <c r="DF42" s="165">
        <v>105658</v>
      </c>
      <c r="DG42" s="166">
        <v>1242803</v>
      </c>
      <c r="DH42" s="168">
        <v>1391351</v>
      </c>
      <c r="DI42" s="107">
        <v>0</v>
      </c>
      <c r="DJ42" s="165">
        <v>0</v>
      </c>
      <c r="DK42" s="170">
        <v>0</v>
      </c>
      <c r="DL42" s="169">
        <v>0</v>
      </c>
      <c r="DM42" s="165">
        <v>30633</v>
      </c>
      <c r="DN42" s="165">
        <v>106673</v>
      </c>
      <c r="DO42" s="165">
        <v>222720</v>
      </c>
      <c r="DP42" s="165">
        <v>193870</v>
      </c>
      <c r="DQ42" s="165">
        <v>39589</v>
      </c>
      <c r="DR42" s="166">
        <v>593485</v>
      </c>
      <c r="DS42" s="168">
        <v>593485</v>
      </c>
      <c r="DT42" s="107">
        <v>0</v>
      </c>
      <c r="DU42" s="165">
        <v>0</v>
      </c>
      <c r="DV42" s="166">
        <v>0</v>
      </c>
      <c r="DW42" s="107">
        <v>0</v>
      </c>
      <c r="DX42" s="165">
        <v>30633</v>
      </c>
      <c r="DY42" s="165">
        <v>106673</v>
      </c>
      <c r="DZ42" s="165">
        <v>222720</v>
      </c>
      <c r="EA42" s="165">
        <v>158213</v>
      </c>
      <c r="EB42" s="165">
        <v>0</v>
      </c>
      <c r="EC42" s="166">
        <v>518239</v>
      </c>
      <c r="ED42" s="168">
        <v>518239</v>
      </c>
      <c r="EE42" s="107">
        <v>0</v>
      </c>
      <c r="EF42" s="170">
        <v>0</v>
      </c>
      <c r="EG42" s="166">
        <v>0</v>
      </c>
      <c r="EH42" s="107">
        <v>0</v>
      </c>
      <c r="EI42" s="165">
        <v>0</v>
      </c>
      <c r="EJ42" s="165">
        <v>0</v>
      </c>
      <c r="EK42" s="165">
        <v>0</v>
      </c>
      <c r="EL42" s="165">
        <v>35657</v>
      </c>
      <c r="EM42" s="165">
        <v>39589</v>
      </c>
      <c r="EN42" s="170">
        <v>75246</v>
      </c>
      <c r="EO42" s="168">
        <v>75246</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100782</v>
      </c>
      <c r="FM42" s="165">
        <v>53796</v>
      </c>
      <c r="FN42" s="166">
        <v>154578</v>
      </c>
      <c r="FO42" s="107">
        <v>0</v>
      </c>
      <c r="FP42" s="165">
        <v>161526</v>
      </c>
      <c r="FQ42" s="165">
        <v>697752</v>
      </c>
      <c r="FR42" s="165">
        <v>233433</v>
      </c>
      <c r="FS42" s="165">
        <v>213255</v>
      </c>
      <c r="FT42" s="165">
        <v>85550</v>
      </c>
      <c r="FU42" s="166">
        <v>1391516</v>
      </c>
      <c r="FV42" s="168">
        <v>1546094</v>
      </c>
      <c r="FW42" s="171">
        <v>100782</v>
      </c>
      <c r="FX42" s="165">
        <v>20532</v>
      </c>
      <c r="FY42" s="170">
        <v>121314</v>
      </c>
      <c r="FZ42" s="169">
        <v>0</v>
      </c>
      <c r="GA42" s="165">
        <v>149832</v>
      </c>
      <c r="GB42" s="165">
        <v>350730</v>
      </c>
      <c r="GC42" s="165">
        <v>209673</v>
      </c>
      <c r="GD42" s="165">
        <v>213255</v>
      </c>
      <c r="GE42" s="165">
        <v>85550</v>
      </c>
      <c r="GF42" s="166">
        <v>1009040</v>
      </c>
      <c r="GG42" s="297">
        <v>1130354</v>
      </c>
      <c r="GH42" s="171">
        <v>0</v>
      </c>
      <c r="GI42" s="165">
        <v>33264</v>
      </c>
      <c r="GJ42" s="170">
        <v>33264</v>
      </c>
      <c r="GK42" s="169">
        <v>0</v>
      </c>
      <c r="GL42" s="165">
        <v>0</v>
      </c>
      <c r="GM42" s="165">
        <v>31185</v>
      </c>
      <c r="GN42" s="165">
        <v>23760</v>
      </c>
      <c r="GO42" s="165">
        <v>0</v>
      </c>
      <c r="GP42" s="165">
        <v>0</v>
      </c>
      <c r="GQ42" s="166">
        <v>54945</v>
      </c>
      <c r="GR42" s="168">
        <v>88209</v>
      </c>
      <c r="GS42" s="107">
        <v>0</v>
      </c>
      <c r="GT42" s="165">
        <v>0</v>
      </c>
      <c r="GU42" s="166">
        <v>0</v>
      </c>
      <c r="GV42" s="107">
        <v>0</v>
      </c>
      <c r="GW42" s="165">
        <v>11694</v>
      </c>
      <c r="GX42" s="165">
        <v>315837</v>
      </c>
      <c r="GY42" s="165">
        <v>0</v>
      </c>
      <c r="GZ42" s="165">
        <v>0</v>
      </c>
      <c r="HA42" s="165">
        <v>0</v>
      </c>
      <c r="HB42" s="170">
        <v>327531</v>
      </c>
      <c r="HC42" s="168">
        <v>327531</v>
      </c>
      <c r="HD42" s="107">
        <v>0</v>
      </c>
      <c r="HE42" s="165">
        <v>0</v>
      </c>
      <c r="HF42" s="170">
        <v>0</v>
      </c>
      <c r="HG42" s="169">
        <v>0</v>
      </c>
      <c r="HH42" s="165">
        <v>0</v>
      </c>
      <c r="HI42" s="165">
        <v>0</v>
      </c>
      <c r="HJ42" s="165">
        <v>0</v>
      </c>
      <c r="HK42" s="165">
        <v>394986</v>
      </c>
      <c r="HL42" s="165">
        <v>0</v>
      </c>
      <c r="HM42" s="166">
        <v>394986</v>
      </c>
      <c r="HN42" s="167">
        <v>394986</v>
      </c>
      <c r="HO42" s="171">
        <v>76134</v>
      </c>
      <c r="HP42" s="165">
        <v>22815</v>
      </c>
      <c r="HQ42" s="166">
        <v>98949</v>
      </c>
      <c r="HR42" s="107">
        <v>0</v>
      </c>
      <c r="HS42" s="165">
        <v>359044</v>
      </c>
      <c r="HT42" s="165">
        <v>342338</v>
      </c>
      <c r="HU42" s="165">
        <v>316047</v>
      </c>
      <c r="HV42" s="165">
        <v>232968</v>
      </c>
      <c r="HW42" s="165">
        <v>-15801</v>
      </c>
      <c r="HX42" s="170">
        <v>1234596</v>
      </c>
      <c r="HY42" s="168">
        <v>1333545</v>
      </c>
      <c r="HZ42" s="138">
        <v>0</v>
      </c>
      <c r="IA42" s="139">
        <v>0</v>
      </c>
      <c r="IB42" s="140">
        <v>0</v>
      </c>
      <c r="IC42" s="141">
        <v>0</v>
      </c>
      <c r="ID42" s="142">
        <v>1131329</v>
      </c>
      <c r="IE42" s="143">
        <v>801308</v>
      </c>
      <c r="IF42" s="144">
        <v>1805432</v>
      </c>
      <c r="IG42" s="142">
        <v>1026732</v>
      </c>
      <c r="IH42" s="144">
        <v>494312</v>
      </c>
      <c r="II42" s="145">
        <v>5259113</v>
      </c>
      <c r="IJ42" s="146">
        <v>5259113</v>
      </c>
      <c r="IK42" s="220">
        <v>0</v>
      </c>
      <c r="IL42" s="225">
        <v>0</v>
      </c>
      <c r="IM42" s="226">
        <v>0</v>
      </c>
      <c r="IN42" s="147"/>
      <c r="IO42" s="148">
        <v>0</v>
      </c>
      <c r="IP42" s="148">
        <v>0</v>
      </c>
      <c r="IQ42" s="148">
        <v>0</v>
      </c>
      <c r="IR42" s="148">
        <v>225832</v>
      </c>
      <c r="IS42" s="148">
        <v>0</v>
      </c>
      <c r="IT42" s="149">
        <v>225832</v>
      </c>
      <c r="IU42" s="299">
        <v>225832</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839238</v>
      </c>
      <c r="JL42" s="148">
        <v>801308</v>
      </c>
      <c r="JM42" s="148">
        <v>848777</v>
      </c>
      <c r="JN42" s="148">
        <v>276789</v>
      </c>
      <c r="JO42" s="148">
        <v>241751</v>
      </c>
      <c r="JP42" s="152">
        <v>3007863</v>
      </c>
      <c r="JQ42" s="299">
        <v>3007863</v>
      </c>
      <c r="JR42" s="150">
        <v>0</v>
      </c>
      <c r="JS42" s="148">
        <v>0</v>
      </c>
      <c r="JT42" s="149">
        <v>0</v>
      </c>
      <c r="JU42" s="151">
        <v>0</v>
      </c>
      <c r="JV42" s="148">
        <v>37577</v>
      </c>
      <c r="JW42" s="148">
        <v>0</v>
      </c>
      <c r="JX42" s="148">
        <v>0</v>
      </c>
      <c r="JY42" s="148">
        <v>245528</v>
      </c>
      <c r="JZ42" s="148">
        <v>252561</v>
      </c>
      <c r="KA42" s="152">
        <v>535666</v>
      </c>
      <c r="KB42" s="299">
        <v>535666</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54514</v>
      </c>
      <c r="KS42" s="148">
        <v>0</v>
      </c>
      <c r="KT42" s="148">
        <v>956655</v>
      </c>
      <c r="KU42" s="148">
        <v>278583</v>
      </c>
      <c r="KV42" s="148">
        <v>0</v>
      </c>
      <c r="KW42" s="152">
        <v>1489752</v>
      </c>
      <c r="KX42" s="299">
        <v>1489752</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622161</v>
      </c>
      <c r="MK42" s="148">
        <v>0</v>
      </c>
      <c r="ML42" s="148">
        <v>4842185</v>
      </c>
      <c r="MM42" s="148">
        <v>2327222</v>
      </c>
      <c r="MN42" s="148">
        <v>1840829</v>
      </c>
      <c r="MO42" s="152">
        <v>9632397</v>
      </c>
      <c r="MP42" s="154">
        <v>9632397</v>
      </c>
      <c r="MQ42" s="150">
        <v>0</v>
      </c>
      <c r="MR42" s="148">
        <v>0</v>
      </c>
      <c r="MS42" s="152">
        <v>0</v>
      </c>
      <c r="MT42" s="156"/>
      <c r="MU42" s="148">
        <v>0</v>
      </c>
      <c r="MV42" s="148">
        <v>0</v>
      </c>
      <c r="MW42" s="148">
        <v>2726596</v>
      </c>
      <c r="MX42" s="148">
        <v>1982141</v>
      </c>
      <c r="MY42" s="148">
        <v>1507852</v>
      </c>
      <c r="MZ42" s="152">
        <v>6216589</v>
      </c>
      <c r="NA42" s="154">
        <v>6216589</v>
      </c>
      <c r="NB42" s="150">
        <v>0</v>
      </c>
      <c r="NC42" s="148">
        <v>0</v>
      </c>
      <c r="ND42" s="152">
        <v>0</v>
      </c>
      <c r="NE42" s="156"/>
      <c r="NF42" s="148">
        <v>622161</v>
      </c>
      <c r="NG42" s="148">
        <v>0</v>
      </c>
      <c r="NH42" s="148">
        <v>2115589</v>
      </c>
      <c r="NI42" s="148">
        <v>345081</v>
      </c>
      <c r="NJ42" s="148">
        <v>332977</v>
      </c>
      <c r="NK42" s="152">
        <v>3415808</v>
      </c>
      <c r="NL42" s="299">
        <v>3415808</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282595</v>
      </c>
      <c r="OJ42" s="148">
        <v>164529</v>
      </c>
      <c r="OK42" s="149">
        <v>447124</v>
      </c>
      <c r="OL42" s="151">
        <v>0</v>
      </c>
      <c r="OM42" s="148">
        <v>3425145</v>
      </c>
      <c r="ON42" s="148">
        <v>3107349</v>
      </c>
      <c r="OO42" s="148">
        <v>8602162</v>
      </c>
      <c r="OP42" s="148">
        <v>5517642</v>
      </c>
      <c r="OQ42" s="148">
        <v>3199983</v>
      </c>
      <c r="OR42" s="152">
        <v>23852281</v>
      </c>
      <c r="OS42" s="154">
        <v>24299405</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5</v>
      </c>
      <c r="E1" s="468">
        <f>第１表!F2</f>
        <v>5</v>
      </c>
      <c r="F1" s="233">
        <f>第１表!G2</f>
        <v>8</v>
      </c>
      <c r="G1" s="654">
        <f>IF(F1&lt;3,F1-2+12,F1-2)</f>
        <v>6</v>
      </c>
      <c r="H1" s="654"/>
      <c r="IB1" s="341"/>
      <c r="IC1" s="239"/>
      <c r="ID1" s="624"/>
      <c r="IE1" s="624"/>
    </row>
    <row r="2" spans="1:409" ht="24" customHeight="1" x14ac:dyDescent="0.2">
      <c r="B2" s="15" t="s">
        <v>146</v>
      </c>
      <c r="E2" s="236"/>
      <c r="F2" s="237"/>
      <c r="G2" s="319"/>
      <c r="H2" s="319"/>
      <c r="IB2" s="238"/>
      <c r="IC2" s="239"/>
      <c r="ID2" s="344"/>
      <c r="IE2" s="344"/>
    </row>
    <row r="3" spans="1:409" ht="24" customHeight="1" thickBot="1" x14ac:dyDescent="0.25">
      <c r="B3" s="15" t="s">
        <v>136</v>
      </c>
    </row>
    <row r="4" spans="1:409" ht="21" customHeight="1" thickBot="1" x14ac:dyDescent="0.25">
      <c r="B4" s="684" t="s">
        <v>42</v>
      </c>
      <c r="C4" s="687" t="s">
        <v>63</v>
      </c>
      <c r="D4" s="687"/>
      <c r="E4" s="687"/>
      <c r="F4" s="687"/>
      <c r="G4" s="687"/>
      <c r="H4" s="687"/>
      <c r="I4" s="687"/>
      <c r="J4" s="687"/>
      <c r="K4" s="687"/>
      <c r="L4" s="687"/>
      <c r="M4" s="687"/>
      <c r="N4" s="690"/>
      <c r="O4" s="690"/>
      <c r="P4" s="690"/>
      <c r="Q4" s="690"/>
      <c r="R4" s="690"/>
      <c r="S4" s="690"/>
      <c r="T4" s="690"/>
      <c r="U4" s="690"/>
      <c r="V4" s="690"/>
      <c r="W4" s="690"/>
      <c r="X4" s="690"/>
      <c r="Y4" s="690"/>
      <c r="Z4" s="690"/>
      <c r="AA4" s="690"/>
      <c r="AB4" s="690"/>
      <c r="AC4" s="690"/>
      <c r="AD4" s="690"/>
      <c r="AE4" s="690"/>
      <c r="AF4" s="690"/>
      <c r="AG4" s="690"/>
      <c r="AH4" s="690"/>
      <c r="AI4" s="690"/>
      <c r="AJ4" s="690"/>
      <c r="AK4" s="690"/>
      <c r="AL4" s="690"/>
      <c r="AM4" s="690"/>
      <c r="AN4" s="690"/>
      <c r="AO4" s="690"/>
      <c r="AP4" s="690"/>
      <c r="AQ4" s="690"/>
      <c r="AR4" s="690"/>
      <c r="AS4" s="690"/>
      <c r="AT4" s="690"/>
      <c r="AU4" s="690"/>
      <c r="AV4" s="690"/>
      <c r="AW4" s="690"/>
      <c r="AX4" s="690"/>
      <c r="AY4" s="690"/>
      <c r="AZ4" s="690"/>
      <c r="BA4" s="690"/>
      <c r="BB4" s="690"/>
      <c r="BC4" s="690"/>
      <c r="BD4" s="690"/>
      <c r="BE4" s="690"/>
      <c r="BF4" s="690"/>
      <c r="BG4" s="690"/>
      <c r="BH4" s="690"/>
      <c r="BI4" s="690"/>
      <c r="BJ4" s="690"/>
      <c r="BK4" s="690"/>
      <c r="BL4" s="690"/>
      <c r="BM4" s="690"/>
      <c r="BN4" s="690"/>
      <c r="BO4" s="690"/>
      <c r="BP4" s="690"/>
      <c r="BQ4" s="690"/>
      <c r="BR4" s="690"/>
      <c r="BS4" s="690"/>
      <c r="BT4" s="690"/>
      <c r="BU4" s="690"/>
      <c r="BV4" s="690"/>
      <c r="BW4" s="690"/>
      <c r="BX4" s="690"/>
      <c r="BY4" s="690"/>
      <c r="BZ4" s="690"/>
      <c r="CA4" s="690"/>
      <c r="CB4" s="690"/>
      <c r="CC4" s="690"/>
      <c r="CD4" s="690"/>
      <c r="CE4" s="690"/>
      <c r="CF4" s="690"/>
      <c r="CG4" s="690"/>
      <c r="CH4" s="690"/>
      <c r="CI4" s="690"/>
      <c r="CJ4" s="690"/>
      <c r="CK4" s="690"/>
      <c r="CL4" s="690"/>
      <c r="CM4" s="690"/>
      <c r="CN4" s="690"/>
      <c r="CO4" s="690"/>
      <c r="CP4" s="690"/>
      <c r="CQ4" s="690"/>
      <c r="CR4" s="690"/>
      <c r="CS4" s="690"/>
      <c r="CT4" s="690"/>
      <c r="CU4" s="690"/>
      <c r="CV4" s="690"/>
      <c r="CW4" s="690"/>
      <c r="CX4" s="690"/>
      <c r="CY4" s="690"/>
      <c r="CZ4" s="690"/>
      <c r="DA4" s="690"/>
      <c r="DB4" s="690"/>
      <c r="DC4" s="690"/>
      <c r="DD4" s="690"/>
      <c r="DE4" s="690"/>
      <c r="DF4" s="690"/>
      <c r="DG4" s="690"/>
      <c r="DH4" s="690"/>
      <c r="DI4" s="690"/>
      <c r="DJ4" s="690"/>
      <c r="DK4" s="690"/>
      <c r="DL4" s="690"/>
      <c r="DM4" s="690"/>
      <c r="DN4" s="690"/>
      <c r="DO4" s="690"/>
      <c r="DP4" s="690"/>
      <c r="DQ4" s="690"/>
      <c r="DR4" s="690"/>
      <c r="DS4" s="690"/>
      <c r="DT4" s="690"/>
      <c r="DU4" s="690"/>
      <c r="DV4" s="690"/>
      <c r="DW4" s="690"/>
      <c r="DX4" s="690"/>
      <c r="DY4" s="690"/>
      <c r="DZ4" s="690"/>
      <c r="EA4" s="690"/>
      <c r="EB4" s="690"/>
      <c r="EC4" s="690"/>
      <c r="ED4" s="690"/>
      <c r="EE4" s="690"/>
      <c r="EF4" s="690"/>
      <c r="EG4" s="690"/>
      <c r="EH4" s="690"/>
      <c r="EI4" s="690"/>
      <c r="EJ4" s="690"/>
      <c r="EK4" s="690"/>
      <c r="EL4" s="690"/>
      <c r="EM4" s="690"/>
      <c r="EN4" s="690"/>
      <c r="EO4" s="690"/>
      <c r="EP4" s="690"/>
      <c r="EQ4" s="690"/>
      <c r="ER4" s="690"/>
      <c r="ES4" s="690"/>
      <c r="ET4" s="690"/>
      <c r="EU4" s="690"/>
      <c r="EV4" s="690"/>
      <c r="EW4" s="690"/>
      <c r="EX4" s="690"/>
      <c r="EY4" s="690"/>
      <c r="EZ4" s="690"/>
      <c r="FA4" s="690"/>
      <c r="FB4" s="690"/>
      <c r="FC4" s="690"/>
      <c r="FD4" s="690"/>
      <c r="FE4" s="690"/>
      <c r="FF4" s="690"/>
      <c r="FG4" s="690"/>
      <c r="FH4" s="690"/>
      <c r="FI4" s="690"/>
      <c r="FJ4" s="690"/>
      <c r="FK4" s="690"/>
      <c r="FL4" s="690"/>
      <c r="FM4" s="690"/>
      <c r="FN4" s="690"/>
      <c r="FO4" s="690"/>
      <c r="FP4" s="690"/>
      <c r="FQ4" s="690"/>
      <c r="FR4" s="690"/>
      <c r="FS4" s="690"/>
      <c r="FT4" s="690"/>
      <c r="FU4" s="690"/>
      <c r="FV4" s="690"/>
      <c r="FW4" s="690"/>
      <c r="FX4" s="690"/>
      <c r="FY4" s="690"/>
      <c r="FZ4" s="690"/>
      <c r="GA4" s="690"/>
      <c r="GB4" s="690"/>
      <c r="GC4" s="690"/>
      <c r="GD4" s="690"/>
      <c r="GE4" s="690"/>
      <c r="GF4" s="690"/>
      <c r="GG4" s="690"/>
      <c r="GH4" s="690"/>
      <c r="GI4" s="690"/>
      <c r="GJ4" s="690"/>
      <c r="GK4" s="690"/>
      <c r="GL4" s="690"/>
      <c r="GM4" s="690"/>
      <c r="GN4" s="690"/>
      <c r="GO4" s="690"/>
      <c r="GP4" s="690"/>
      <c r="GQ4" s="690"/>
      <c r="GR4" s="690"/>
      <c r="GS4" s="690"/>
      <c r="GT4" s="690"/>
      <c r="GU4" s="690"/>
      <c r="GV4" s="690"/>
      <c r="GW4" s="690"/>
      <c r="GX4" s="690"/>
      <c r="GY4" s="690"/>
      <c r="GZ4" s="690"/>
      <c r="HA4" s="690"/>
      <c r="HB4" s="690"/>
      <c r="HC4" s="690"/>
      <c r="HD4" s="690"/>
      <c r="HE4" s="690"/>
      <c r="HF4" s="690"/>
      <c r="HG4" s="690"/>
      <c r="HH4" s="690"/>
      <c r="HI4" s="690"/>
      <c r="HJ4" s="690"/>
      <c r="HK4" s="690"/>
      <c r="HL4" s="690"/>
      <c r="HM4" s="690"/>
      <c r="HN4" s="690"/>
      <c r="HO4" s="690"/>
      <c r="HP4" s="690"/>
      <c r="HQ4" s="690"/>
      <c r="HR4" s="690"/>
      <c r="HS4" s="690"/>
      <c r="HT4" s="690"/>
      <c r="HU4" s="690"/>
      <c r="HV4" s="690"/>
      <c r="HW4" s="690"/>
      <c r="HX4" s="690"/>
      <c r="HY4" s="691"/>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1:409" ht="21" customHeight="1" thickBot="1" x14ac:dyDescent="0.25">
      <c r="B5" s="685"/>
      <c r="C5" s="688"/>
      <c r="D5" s="688"/>
      <c r="E5" s="688"/>
      <c r="F5" s="688"/>
      <c r="G5" s="688"/>
      <c r="H5" s="688"/>
      <c r="I5" s="688"/>
      <c r="J5" s="688"/>
      <c r="K5" s="688"/>
      <c r="L5" s="688"/>
      <c r="M5" s="688"/>
      <c r="N5" s="692" t="s">
        <v>64</v>
      </c>
      <c r="O5" s="693"/>
      <c r="P5" s="693"/>
      <c r="Q5" s="693"/>
      <c r="R5" s="693"/>
      <c r="S5" s="693"/>
      <c r="T5" s="693"/>
      <c r="U5" s="693"/>
      <c r="V5" s="693"/>
      <c r="W5" s="693"/>
      <c r="X5" s="693"/>
      <c r="Y5" s="693"/>
      <c r="Z5" s="693"/>
      <c r="AA5" s="693"/>
      <c r="AB5" s="693"/>
      <c r="AC5" s="693"/>
      <c r="AD5" s="693"/>
      <c r="AE5" s="693"/>
      <c r="AF5" s="693"/>
      <c r="AG5" s="693"/>
      <c r="AH5" s="693"/>
      <c r="AI5" s="693"/>
      <c r="AJ5" s="693"/>
      <c r="AK5" s="693"/>
      <c r="AL5" s="693"/>
      <c r="AM5" s="693"/>
      <c r="AN5" s="693"/>
      <c r="AO5" s="693"/>
      <c r="AP5" s="693"/>
      <c r="AQ5" s="693"/>
      <c r="AR5" s="693"/>
      <c r="AS5" s="693"/>
      <c r="AT5" s="693"/>
      <c r="AU5" s="693"/>
      <c r="AV5" s="693"/>
      <c r="AW5" s="693"/>
      <c r="AX5" s="693"/>
      <c r="AY5" s="693"/>
      <c r="AZ5" s="693"/>
      <c r="BA5" s="693"/>
      <c r="BB5" s="693"/>
      <c r="BC5" s="693"/>
      <c r="BD5" s="693"/>
      <c r="BE5" s="693"/>
      <c r="BF5" s="693"/>
      <c r="BG5" s="693"/>
      <c r="BH5" s="693"/>
      <c r="BI5" s="693"/>
      <c r="BJ5" s="693"/>
      <c r="BK5" s="693"/>
      <c r="BL5" s="693"/>
      <c r="BM5" s="693"/>
      <c r="BN5" s="693"/>
      <c r="BO5" s="693"/>
      <c r="BP5" s="693"/>
      <c r="BQ5" s="693"/>
      <c r="BR5" s="693"/>
      <c r="BS5" s="693"/>
      <c r="BT5" s="693"/>
      <c r="BU5" s="693"/>
      <c r="BV5" s="693"/>
      <c r="BW5" s="693"/>
      <c r="BX5" s="693"/>
      <c r="BY5" s="693"/>
      <c r="BZ5" s="693"/>
      <c r="CA5" s="694"/>
      <c r="CB5" s="692" t="s">
        <v>65</v>
      </c>
      <c r="CC5" s="693"/>
      <c r="CD5" s="693"/>
      <c r="CE5" s="693"/>
      <c r="CF5" s="693"/>
      <c r="CG5" s="693"/>
      <c r="CH5" s="693"/>
      <c r="CI5" s="693"/>
      <c r="CJ5" s="693"/>
      <c r="CK5" s="693"/>
      <c r="CL5" s="693"/>
      <c r="CM5" s="693"/>
      <c r="CN5" s="693"/>
      <c r="CO5" s="693"/>
      <c r="CP5" s="693"/>
      <c r="CQ5" s="693"/>
      <c r="CR5" s="693"/>
      <c r="CS5" s="693"/>
      <c r="CT5" s="693"/>
      <c r="CU5" s="693"/>
      <c r="CV5" s="693"/>
      <c r="CW5" s="693"/>
      <c r="CX5" s="693"/>
      <c r="CY5" s="693"/>
      <c r="CZ5" s="693"/>
      <c r="DA5" s="693"/>
      <c r="DB5" s="693"/>
      <c r="DC5" s="693"/>
      <c r="DD5" s="693"/>
      <c r="DE5" s="693"/>
      <c r="DF5" s="693"/>
      <c r="DG5" s="693"/>
      <c r="DH5" s="694"/>
      <c r="DI5" s="496" t="s">
        <v>66</v>
      </c>
      <c r="DJ5" s="497"/>
      <c r="DK5" s="497"/>
      <c r="DL5" s="497"/>
      <c r="DM5" s="497"/>
      <c r="DN5" s="497"/>
      <c r="DO5" s="497"/>
      <c r="DP5" s="497"/>
      <c r="DQ5" s="497"/>
      <c r="DR5" s="497"/>
      <c r="DS5" s="497"/>
      <c r="DT5" s="497"/>
      <c r="DU5" s="497"/>
      <c r="DV5" s="497"/>
      <c r="DW5" s="497"/>
      <c r="DX5" s="497"/>
      <c r="DY5" s="497"/>
      <c r="DZ5" s="497"/>
      <c r="EA5" s="497"/>
      <c r="EB5" s="497"/>
      <c r="EC5" s="497"/>
      <c r="ED5" s="497"/>
      <c r="EE5" s="497"/>
      <c r="EF5" s="497"/>
      <c r="EG5" s="497"/>
      <c r="EH5" s="497"/>
      <c r="EI5" s="497"/>
      <c r="EJ5" s="497"/>
      <c r="EK5" s="497"/>
      <c r="EL5" s="497"/>
      <c r="EM5" s="497"/>
      <c r="EN5" s="497"/>
      <c r="EO5" s="497"/>
      <c r="EP5" s="497"/>
      <c r="EQ5" s="497"/>
      <c r="ER5" s="497"/>
      <c r="ES5" s="497"/>
      <c r="ET5" s="497"/>
      <c r="EU5" s="497"/>
      <c r="EV5" s="497"/>
      <c r="EW5" s="497"/>
      <c r="EX5" s="497"/>
      <c r="EY5" s="497"/>
      <c r="EZ5" s="497"/>
      <c r="FA5" s="497"/>
      <c r="FB5" s="497"/>
      <c r="FC5" s="497"/>
      <c r="FD5" s="497"/>
      <c r="FE5" s="497"/>
      <c r="FF5" s="497"/>
      <c r="FG5" s="497"/>
      <c r="FH5" s="497"/>
      <c r="FI5" s="497"/>
      <c r="FJ5" s="497"/>
      <c r="FK5" s="498"/>
      <c r="FL5" s="692" t="s">
        <v>67</v>
      </c>
      <c r="FM5" s="693"/>
      <c r="FN5" s="693"/>
      <c r="FO5" s="693"/>
      <c r="FP5" s="693"/>
      <c r="FQ5" s="693"/>
      <c r="FR5" s="693"/>
      <c r="FS5" s="693"/>
      <c r="FT5" s="693"/>
      <c r="FU5" s="693"/>
      <c r="FV5" s="693"/>
      <c r="FW5" s="693"/>
      <c r="FX5" s="693"/>
      <c r="FY5" s="693"/>
      <c r="FZ5" s="693"/>
      <c r="GA5" s="693"/>
      <c r="GB5" s="693"/>
      <c r="GC5" s="693"/>
      <c r="GD5" s="693"/>
      <c r="GE5" s="693"/>
      <c r="GF5" s="693"/>
      <c r="GG5" s="693"/>
      <c r="GH5" s="693"/>
      <c r="GI5" s="693"/>
      <c r="GJ5" s="693"/>
      <c r="GK5" s="693"/>
      <c r="GL5" s="693"/>
      <c r="GM5" s="693"/>
      <c r="GN5" s="693"/>
      <c r="GO5" s="693"/>
      <c r="GP5" s="693"/>
      <c r="GQ5" s="693"/>
      <c r="GR5" s="693"/>
      <c r="GS5" s="693"/>
      <c r="GT5" s="693"/>
      <c r="GU5" s="693"/>
      <c r="GV5" s="693"/>
      <c r="GW5" s="693"/>
      <c r="GX5" s="693"/>
      <c r="GY5" s="693"/>
      <c r="GZ5" s="693"/>
      <c r="HA5" s="693"/>
      <c r="HB5" s="693"/>
      <c r="HC5" s="694"/>
      <c r="HD5" s="695" t="s">
        <v>68</v>
      </c>
      <c r="HE5" s="696"/>
      <c r="HF5" s="696"/>
      <c r="HG5" s="696"/>
      <c r="HH5" s="696"/>
      <c r="HI5" s="696"/>
      <c r="HJ5" s="696"/>
      <c r="HK5" s="696"/>
      <c r="HL5" s="696"/>
      <c r="HM5" s="696"/>
      <c r="HN5" s="697"/>
      <c r="HO5" s="695" t="s">
        <v>69</v>
      </c>
      <c r="HP5" s="696"/>
      <c r="HQ5" s="696"/>
      <c r="HR5" s="696"/>
      <c r="HS5" s="696"/>
      <c r="HT5" s="696"/>
      <c r="HU5" s="696"/>
      <c r="HV5" s="696"/>
      <c r="HW5" s="696"/>
      <c r="HX5" s="696"/>
      <c r="HY5" s="6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1:409" ht="21" customHeight="1" thickBot="1" x14ac:dyDescent="0.25">
      <c r="B6" s="685"/>
      <c r="C6" s="689"/>
      <c r="D6" s="689"/>
      <c r="E6" s="689"/>
      <c r="F6" s="689"/>
      <c r="G6" s="689"/>
      <c r="H6" s="689"/>
      <c r="I6" s="689"/>
      <c r="J6" s="689"/>
      <c r="K6" s="689"/>
      <c r="L6" s="689"/>
      <c r="M6" s="689"/>
      <c r="N6" s="488"/>
      <c r="O6" s="489"/>
      <c r="P6" s="489"/>
      <c r="Q6" s="489"/>
      <c r="R6" s="489"/>
      <c r="S6" s="489"/>
      <c r="T6" s="489"/>
      <c r="U6" s="489"/>
      <c r="V6" s="489"/>
      <c r="W6" s="489"/>
      <c r="X6" s="490"/>
      <c r="Y6" s="677" t="s">
        <v>70</v>
      </c>
      <c r="Z6" s="492"/>
      <c r="AA6" s="492"/>
      <c r="AB6" s="492"/>
      <c r="AC6" s="492"/>
      <c r="AD6" s="492"/>
      <c r="AE6" s="492"/>
      <c r="AF6" s="492"/>
      <c r="AG6" s="492"/>
      <c r="AH6" s="492"/>
      <c r="AI6" s="493"/>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5"/>
      <c r="CC6" s="676"/>
      <c r="CD6" s="676"/>
      <c r="CE6" s="676"/>
      <c r="CF6" s="676"/>
      <c r="CG6" s="676"/>
      <c r="CH6" s="676"/>
      <c r="CI6" s="676"/>
      <c r="CJ6" s="676"/>
      <c r="CK6" s="676"/>
      <c r="CL6" s="701"/>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5"/>
      <c r="DJ6" s="676"/>
      <c r="DK6" s="676"/>
      <c r="DL6" s="676"/>
      <c r="DM6" s="676"/>
      <c r="DN6" s="676"/>
      <c r="DO6" s="676"/>
      <c r="DP6" s="676"/>
      <c r="DQ6" s="676"/>
      <c r="DR6" s="676"/>
      <c r="DS6" s="676"/>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594" t="s">
        <v>151</v>
      </c>
      <c r="FB6" s="673"/>
      <c r="FC6" s="673"/>
      <c r="FD6" s="673"/>
      <c r="FE6" s="673"/>
      <c r="FF6" s="673"/>
      <c r="FG6" s="673"/>
      <c r="FH6" s="673"/>
      <c r="FI6" s="673"/>
      <c r="FJ6" s="673"/>
      <c r="FK6" s="674"/>
      <c r="FL6" s="675"/>
      <c r="FM6" s="676"/>
      <c r="FN6" s="676"/>
      <c r="FO6" s="676"/>
      <c r="FP6" s="676"/>
      <c r="FQ6" s="676"/>
      <c r="FR6" s="676"/>
      <c r="FS6" s="676"/>
      <c r="FT6" s="676"/>
      <c r="FU6" s="676"/>
      <c r="FV6" s="676"/>
      <c r="FW6" s="672" t="s">
        <v>80</v>
      </c>
      <c r="FX6" s="673"/>
      <c r="FY6" s="673"/>
      <c r="FZ6" s="673"/>
      <c r="GA6" s="673"/>
      <c r="GB6" s="673"/>
      <c r="GC6" s="673"/>
      <c r="GD6" s="673"/>
      <c r="GE6" s="673"/>
      <c r="GF6" s="673"/>
      <c r="GG6" s="674"/>
      <c r="GH6" s="677" t="s">
        <v>81</v>
      </c>
      <c r="GI6" s="492"/>
      <c r="GJ6" s="492"/>
      <c r="GK6" s="492"/>
      <c r="GL6" s="492"/>
      <c r="GM6" s="492"/>
      <c r="GN6" s="492"/>
      <c r="GO6" s="492"/>
      <c r="GP6" s="492"/>
      <c r="GQ6" s="492"/>
      <c r="GR6" s="493"/>
      <c r="GS6" s="677" t="s">
        <v>82</v>
      </c>
      <c r="GT6" s="492"/>
      <c r="GU6" s="492"/>
      <c r="GV6" s="492"/>
      <c r="GW6" s="492"/>
      <c r="GX6" s="492"/>
      <c r="GY6" s="492"/>
      <c r="GZ6" s="492"/>
      <c r="HA6" s="492"/>
      <c r="HB6" s="492"/>
      <c r="HC6" s="493"/>
      <c r="HD6" s="698"/>
      <c r="HE6" s="699"/>
      <c r="HF6" s="699"/>
      <c r="HG6" s="699"/>
      <c r="HH6" s="699"/>
      <c r="HI6" s="699"/>
      <c r="HJ6" s="699"/>
      <c r="HK6" s="699"/>
      <c r="HL6" s="699"/>
      <c r="HM6" s="699"/>
      <c r="HN6" s="700"/>
      <c r="HO6" s="698"/>
      <c r="HP6" s="699"/>
      <c r="HQ6" s="699"/>
      <c r="HR6" s="699"/>
      <c r="HS6" s="699"/>
      <c r="HT6" s="699"/>
      <c r="HU6" s="699"/>
      <c r="HV6" s="699"/>
      <c r="HW6" s="699"/>
      <c r="HX6" s="699"/>
      <c r="HY6" s="700"/>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1:409" ht="21" customHeight="1" x14ac:dyDescent="0.2">
      <c r="B7" s="685"/>
      <c r="C7" s="670" t="s">
        <v>61</v>
      </c>
      <c r="D7" s="670"/>
      <c r="E7" s="670"/>
      <c r="F7" s="682" t="s">
        <v>62</v>
      </c>
      <c r="G7" s="670"/>
      <c r="H7" s="670"/>
      <c r="I7" s="670"/>
      <c r="J7" s="670"/>
      <c r="K7" s="670"/>
      <c r="L7" s="670"/>
      <c r="M7" s="682" t="s">
        <v>52</v>
      </c>
      <c r="N7" s="681" t="s">
        <v>61</v>
      </c>
      <c r="O7" s="670"/>
      <c r="P7" s="670"/>
      <c r="Q7" s="682" t="s">
        <v>62</v>
      </c>
      <c r="R7" s="670"/>
      <c r="S7" s="670"/>
      <c r="T7" s="670"/>
      <c r="U7" s="670"/>
      <c r="V7" s="670"/>
      <c r="W7" s="683"/>
      <c r="X7" s="678" t="s">
        <v>52</v>
      </c>
      <c r="Y7" s="488" t="s">
        <v>61</v>
      </c>
      <c r="Z7" s="489"/>
      <c r="AA7" s="664"/>
      <c r="AB7" s="663" t="s">
        <v>62</v>
      </c>
      <c r="AC7" s="489"/>
      <c r="AD7" s="489"/>
      <c r="AE7" s="489"/>
      <c r="AF7" s="489"/>
      <c r="AG7" s="489"/>
      <c r="AH7" s="664"/>
      <c r="AI7" s="490" t="s">
        <v>52</v>
      </c>
      <c r="AJ7" s="658" t="s">
        <v>61</v>
      </c>
      <c r="AK7" s="659"/>
      <c r="AL7" s="660"/>
      <c r="AM7" s="661" t="s">
        <v>62</v>
      </c>
      <c r="AN7" s="659"/>
      <c r="AO7" s="659"/>
      <c r="AP7" s="659"/>
      <c r="AQ7" s="659"/>
      <c r="AR7" s="659"/>
      <c r="AS7" s="662"/>
      <c r="AT7" s="490" t="s">
        <v>52</v>
      </c>
      <c r="AU7" s="658" t="s">
        <v>61</v>
      </c>
      <c r="AV7" s="659"/>
      <c r="AW7" s="660"/>
      <c r="AX7" s="661" t="s">
        <v>62</v>
      </c>
      <c r="AY7" s="659"/>
      <c r="AZ7" s="659"/>
      <c r="BA7" s="659"/>
      <c r="BB7" s="659"/>
      <c r="BC7" s="659"/>
      <c r="BD7" s="662"/>
      <c r="BE7" s="490" t="s">
        <v>52</v>
      </c>
      <c r="BF7" s="658" t="s">
        <v>61</v>
      </c>
      <c r="BG7" s="659"/>
      <c r="BH7" s="660"/>
      <c r="BI7" s="661" t="s">
        <v>62</v>
      </c>
      <c r="BJ7" s="659"/>
      <c r="BK7" s="659"/>
      <c r="BL7" s="659"/>
      <c r="BM7" s="659"/>
      <c r="BN7" s="659"/>
      <c r="BO7" s="662"/>
      <c r="BP7" s="490" t="s">
        <v>52</v>
      </c>
      <c r="BQ7" s="658" t="s">
        <v>61</v>
      </c>
      <c r="BR7" s="659"/>
      <c r="BS7" s="660"/>
      <c r="BT7" s="661" t="s">
        <v>62</v>
      </c>
      <c r="BU7" s="659"/>
      <c r="BV7" s="659"/>
      <c r="BW7" s="659"/>
      <c r="BX7" s="659"/>
      <c r="BY7" s="659"/>
      <c r="BZ7" s="662"/>
      <c r="CA7" s="490" t="s">
        <v>52</v>
      </c>
      <c r="CB7" s="665" t="s">
        <v>61</v>
      </c>
      <c r="CC7" s="666"/>
      <c r="CD7" s="667"/>
      <c r="CE7" s="668" t="s">
        <v>62</v>
      </c>
      <c r="CF7" s="666"/>
      <c r="CG7" s="666"/>
      <c r="CH7" s="666"/>
      <c r="CI7" s="666"/>
      <c r="CJ7" s="666"/>
      <c r="CK7" s="669"/>
      <c r="CL7" s="678" t="s">
        <v>52</v>
      </c>
      <c r="CM7" s="658" t="s">
        <v>61</v>
      </c>
      <c r="CN7" s="659"/>
      <c r="CO7" s="662"/>
      <c r="CP7" s="661" t="s">
        <v>62</v>
      </c>
      <c r="CQ7" s="659"/>
      <c r="CR7" s="659"/>
      <c r="CS7" s="659"/>
      <c r="CT7" s="659"/>
      <c r="CU7" s="659"/>
      <c r="CV7" s="662"/>
      <c r="CW7" s="680" t="s">
        <v>52</v>
      </c>
      <c r="CX7" s="658" t="s">
        <v>61</v>
      </c>
      <c r="CY7" s="659"/>
      <c r="CZ7" s="662"/>
      <c r="DA7" s="661" t="s">
        <v>62</v>
      </c>
      <c r="DB7" s="659"/>
      <c r="DC7" s="659"/>
      <c r="DD7" s="659"/>
      <c r="DE7" s="659"/>
      <c r="DF7" s="659"/>
      <c r="DG7" s="662"/>
      <c r="DH7" s="680" t="s">
        <v>52</v>
      </c>
      <c r="DI7" s="665" t="s">
        <v>61</v>
      </c>
      <c r="DJ7" s="666"/>
      <c r="DK7" s="669"/>
      <c r="DL7" s="668" t="s">
        <v>62</v>
      </c>
      <c r="DM7" s="666"/>
      <c r="DN7" s="666"/>
      <c r="DO7" s="666"/>
      <c r="DP7" s="666"/>
      <c r="DQ7" s="666"/>
      <c r="DR7" s="669"/>
      <c r="DS7" s="678" t="s">
        <v>52</v>
      </c>
      <c r="DT7" s="658" t="s">
        <v>61</v>
      </c>
      <c r="DU7" s="659"/>
      <c r="DV7" s="660"/>
      <c r="DW7" s="661" t="s">
        <v>62</v>
      </c>
      <c r="DX7" s="659"/>
      <c r="DY7" s="659"/>
      <c r="DZ7" s="659"/>
      <c r="EA7" s="659"/>
      <c r="EB7" s="659"/>
      <c r="EC7" s="662"/>
      <c r="ED7" s="490" t="s">
        <v>52</v>
      </c>
      <c r="EE7" s="658" t="s">
        <v>61</v>
      </c>
      <c r="EF7" s="659"/>
      <c r="EG7" s="660"/>
      <c r="EH7" s="661" t="s">
        <v>62</v>
      </c>
      <c r="EI7" s="659"/>
      <c r="EJ7" s="659"/>
      <c r="EK7" s="659"/>
      <c r="EL7" s="659"/>
      <c r="EM7" s="659"/>
      <c r="EN7" s="662"/>
      <c r="EO7" s="490" t="s">
        <v>52</v>
      </c>
      <c r="EP7" s="658" t="s">
        <v>61</v>
      </c>
      <c r="EQ7" s="659"/>
      <c r="ER7" s="660"/>
      <c r="ES7" s="661" t="s">
        <v>62</v>
      </c>
      <c r="ET7" s="659"/>
      <c r="EU7" s="659"/>
      <c r="EV7" s="659"/>
      <c r="EW7" s="659"/>
      <c r="EX7" s="659"/>
      <c r="EY7" s="662"/>
      <c r="EZ7" s="490" t="s">
        <v>52</v>
      </c>
      <c r="FA7" s="658" t="s">
        <v>61</v>
      </c>
      <c r="FB7" s="659"/>
      <c r="FC7" s="660"/>
      <c r="FD7" s="661" t="s">
        <v>62</v>
      </c>
      <c r="FE7" s="659"/>
      <c r="FF7" s="659"/>
      <c r="FG7" s="659"/>
      <c r="FH7" s="659"/>
      <c r="FI7" s="659"/>
      <c r="FJ7" s="662"/>
      <c r="FK7" s="490" t="s">
        <v>52</v>
      </c>
      <c r="FL7" s="665" t="s">
        <v>61</v>
      </c>
      <c r="FM7" s="666"/>
      <c r="FN7" s="667"/>
      <c r="FO7" s="668" t="s">
        <v>62</v>
      </c>
      <c r="FP7" s="666"/>
      <c r="FQ7" s="666"/>
      <c r="FR7" s="666"/>
      <c r="FS7" s="666"/>
      <c r="FT7" s="666"/>
      <c r="FU7" s="669"/>
      <c r="FV7" s="670" t="s">
        <v>52</v>
      </c>
      <c r="FW7" s="658" t="s">
        <v>61</v>
      </c>
      <c r="FX7" s="659"/>
      <c r="FY7" s="660"/>
      <c r="FZ7" s="661" t="s">
        <v>62</v>
      </c>
      <c r="GA7" s="659"/>
      <c r="GB7" s="659"/>
      <c r="GC7" s="659"/>
      <c r="GD7" s="659"/>
      <c r="GE7" s="659"/>
      <c r="GF7" s="662"/>
      <c r="GG7" s="490" t="s">
        <v>52</v>
      </c>
      <c r="GH7" s="488" t="s">
        <v>61</v>
      </c>
      <c r="GI7" s="489"/>
      <c r="GJ7" s="489"/>
      <c r="GK7" s="663" t="s">
        <v>62</v>
      </c>
      <c r="GL7" s="489"/>
      <c r="GM7" s="489"/>
      <c r="GN7" s="489"/>
      <c r="GO7" s="489"/>
      <c r="GP7" s="489"/>
      <c r="GQ7" s="664"/>
      <c r="GR7" s="656" t="s">
        <v>52</v>
      </c>
      <c r="GS7" s="488" t="s">
        <v>61</v>
      </c>
      <c r="GT7" s="489"/>
      <c r="GU7" s="664"/>
      <c r="GV7" s="663" t="s">
        <v>62</v>
      </c>
      <c r="GW7" s="489"/>
      <c r="GX7" s="489"/>
      <c r="GY7" s="489"/>
      <c r="GZ7" s="489"/>
      <c r="HA7" s="489"/>
      <c r="HB7" s="664"/>
      <c r="HC7" s="656" t="s">
        <v>52</v>
      </c>
      <c r="HD7" s="658" t="s">
        <v>61</v>
      </c>
      <c r="HE7" s="659"/>
      <c r="HF7" s="660"/>
      <c r="HG7" s="661" t="s">
        <v>62</v>
      </c>
      <c r="HH7" s="659"/>
      <c r="HI7" s="659"/>
      <c r="HJ7" s="659"/>
      <c r="HK7" s="659"/>
      <c r="HL7" s="659"/>
      <c r="HM7" s="662"/>
      <c r="HN7" s="490" t="s">
        <v>52</v>
      </c>
      <c r="HO7" s="658" t="s">
        <v>61</v>
      </c>
      <c r="HP7" s="659"/>
      <c r="HQ7" s="660"/>
      <c r="HR7" s="661" t="s">
        <v>62</v>
      </c>
      <c r="HS7" s="659"/>
      <c r="HT7" s="659"/>
      <c r="HU7" s="659"/>
      <c r="HV7" s="659"/>
      <c r="HW7" s="659"/>
      <c r="HX7" s="662"/>
      <c r="HY7" s="490"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1:409" ht="30" customHeight="1" thickBot="1" x14ac:dyDescent="0.25">
      <c r="B8" s="686"/>
      <c r="C8" s="303" t="s">
        <v>43</v>
      </c>
      <c r="D8" s="41" t="s">
        <v>44</v>
      </c>
      <c r="E8" s="304" t="s">
        <v>45</v>
      </c>
      <c r="F8" s="44" t="s">
        <v>83</v>
      </c>
      <c r="G8" s="41" t="s">
        <v>47</v>
      </c>
      <c r="H8" s="41" t="s">
        <v>48</v>
      </c>
      <c r="I8" s="41" t="s">
        <v>49</v>
      </c>
      <c r="J8" s="41" t="s">
        <v>50</v>
      </c>
      <c r="K8" s="41" t="s">
        <v>51</v>
      </c>
      <c r="L8" s="42" t="s">
        <v>45</v>
      </c>
      <c r="M8" s="702"/>
      <c r="N8" s="43" t="s">
        <v>43</v>
      </c>
      <c r="O8" s="41" t="s">
        <v>44</v>
      </c>
      <c r="P8" s="42" t="s">
        <v>45</v>
      </c>
      <c r="Q8" s="44" t="s">
        <v>83</v>
      </c>
      <c r="R8" s="41" t="s">
        <v>47</v>
      </c>
      <c r="S8" s="41" t="s">
        <v>48</v>
      </c>
      <c r="T8" s="41" t="s">
        <v>49</v>
      </c>
      <c r="U8" s="41" t="s">
        <v>50</v>
      </c>
      <c r="V8" s="41" t="s">
        <v>51</v>
      </c>
      <c r="W8" s="42" t="s">
        <v>45</v>
      </c>
      <c r="X8" s="679"/>
      <c r="Y8" s="43" t="s">
        <v>43</v>
      </c>
      <c r="Z8" s="41" t="s">
        <v>44</v>
      </c>
      <c r="AA8" s="42" t="s">
        <v>45</v>
      </c>
      <c r="AB8" s="44" t="s">
        <v>83</v>
      </c>
      <c r="AC8" s="41" t="s">
        <v>47</v>
      </c>
      <c r="AD8" s="41" t="s">
        <v>48</v>
      </c>
      <c r="AE8" s="41" t="s">
        <v>49</v>
      </c>
      <c r="AF8" s="41" t="s">
        <v>50</v>
      </c>
      <c r="AG8" s="41" t="s">
        <v>51</v>
      </c>
      <c r="AH8" s="42" t="s">
        <v>45</v>
      </c>
      <c r="AI8" s="655"/>
      <c r="AJ8" s="43" t="s">
        <v>43</v>
      </c>
      <c r="AK8" s="41" t="s">
        <v>44</v>
      </c>
      <c r="AL8" s="304" t="s">
        <v>45</v>
      </c>
      <c r="AM8" s="44" t="s">
        <v>83</v>
      </c>
      <c r="AN8" s="41" t="s">
        <v>47</v>
      </c>
      <c r="AO8" s="41" t="s">
        <v>48</v>
      </c>
      <c r="AP8" s="41" t="s">
        <v>49</v>
      </c>
      <c r="AQ8" s="41" t="s">
        <v>50</v>
      </c>
      <c r="AR8" s="41" t="s">
        <v>51</v>
      </c>
      <c r="AS8" s="42" t="s">
        <v>45</v>
      </c>
      <c r="AT8" s="655"/>
      <c r="AU8" s="43" t="s">
        <v>43</v>
      </c>
      <c r="AV8" s="41" t="s">
        <v>44</v>
      </c>
      <c r="AW8" s="304" t="s">
        <v>45</v>
      </c>
      <c r="AX8" s="44" t="s">
        <v>83</v>
      </c>
      <c r="AY8" s="41" t="s">
        <v>47</v>
      </c>
      <c r="AZ8" s="41" t="s">
        <v>48</v>
      </c>
      <c r="BA8" s="41" t="s">
        <v>49</v>
      </c>
      <c r="BB8" s="41" t="s">
        <v>50</v>
      </c>
      <c r="BC8" s="41" t="s">
        <v>51</v>
      </c>
      <c r="BD8" s="42" t="s">
        <v>45</v>
      </c>
      <c r="BE8" s="655"/>
      <c r="BF8" s="305" t="s">
        <v>43</v>
      </c>
      <c r="BG8" s="41" t="s">
        <v>44</v>
      </c>
      <c r="BH8" s="304" t="s">
        <v>45</v>
      </c>
      <c r="BI8" s="44" t="s">
        <v>83</v>
      </c>
      <c r="BJ8" s="41" t="s">
        <v>47</v>
      </c>
      <c r="BK8" s="41" t="s">
        <v>48</v>
      </c>
      <c r="BL8" s="41" t="s">
        <v>49</v>
      </c>
      <c r="BM8" s="41" t="s">
        <v>50</v>
      </c>
      <c r="BN8" s="41" t="s">
        <v>51</v>
      </c>
      <c r="BO8" s="42" t="s">
        <v>45</v>
      </c>
      <c r="BP8" s="655"/>
      <c r="BQ8" s="43" t="s">
        <v>43</v>
      </c>
      <c r="BR8" s="41" t="s">
        <v>44</v>
      </c>
      <c r="BS8" s="304" t="s">
        <v>45</v>
      </c>
      <c r="BT8" s="44" t="s">
        <v>83</v>
      </c>
      <c r="BU8" s="41" t="s">
        <v>47</v>
      </c>
      <c r="BV8" s="41" t="s">
        <v>48</v>
      </c>
      <c r="BW8" s="41" t="s">
        <v>49</v>
      </c>
      <c r="BX8" s="41" t="s">
        <v>50</v>
      </c>
      <c r="BY8" s="41" t="s">
        <v>51</v>
      </c>
      <c r="BZ8" s="42" t="s">
        <v>45</v>
      </c>
      <c r="CA8" s="655"/>
      <c r="CB8" s="43" t="s">
        <v>43</v>
      </c>
      <c r="CC8" s="41" t="s">
        <v>44</v>
      </c>
      <c r="CD8" s="304" t="s">
        <v>45</v>
      </c>
      <c r="CE8" s="44" t="s">
        <v>83</v>
      </c>
      <c r="CF8" s="41" t="s">
        <v>47</v>
      </c>
      <c r="CG8" s="41" t="s">
        <v>48</v>
      </c>
      <c r="CH8" s="41" t="s">
        <v>49</v>
      </c>
      <c r="CI8" s="41" t="s">
        <v>50</v>
      </c>
      <c r="CJ8" s="41" t="s">
        <v>51</v>
      </c>
      <c r="CK8" s="42" t="s">
        <v>45</v>
      </c>
      <c r="CL8" s="679"/>
      <c r="CM8" s="43" t="s">
        <v>43</v>
      </c>
      <c r="CN8" s="41" t="s">
        <v>44</v>
      </c>
      <c r="CO8" s="42" t="s">
        <v>45</v>
      </c>
      <c r="CP8" s="44" t="s">
        <v>83</v>
      </c>
      <c r="CQ8" s="41" t="s">
        <v>47</v>
      </c>
      <c r="CR8" s="41" t="s">
        <v>48</v>
      </c>
      <c r="CS8" s="41" t="s">
        <v>49</v>
      </c>
      <c r="CT8" s="41" t="s">
        <v>50</v>
      </c>
      <c r="CU8" s="41" t="s">
        <v>51</v>
      </c>
      <c r="CV8" s="42" t="s">
        <v>45</v>
      </c>
      <c r="CW8" s="679"/>
      <c r="CX8" s="43" t="s">
        <v>43</v>
      </c>
      <c r="CY8" s="41" t="s">
        <v>44</v>
      </c>
      <c r="CZ8" s="42" t="s">
        <v>45</v>
      </c>
      <c r="DA8" s="44" t="s">
        <v>83</v>
      </c>
      <c r="DB8" s="41" t="s">
        <v>47</v>
      </c>
      <c r="DC8" s="41" t="s">
        <v>48</v>
      </c>
      <c r="DD8" s="41" t="s">
        <v>49</v>
      </c>
      <c r="DE8" s="41" t="s">
        <v>50</v>
      </c>
      <c r="DF8" s="41" t="s">
        <v>51</v>
      </c>
      <c r="DG8" s="42" t="s">
        <v>45</v>
      </c>
      <c r="DH8" s="679"/>
      <c r="DI8" s="43" t="s">
        <v>43</v>
      </c>
      <c r="DJ8" s="41" t="s">
        <v>44</v>
      </c>
      <c r="DK8" s="42" t="s">
        <v>45</v>
      </c>
      <c r="DL8" s="44" t="s">
        <v>83</v>
      </c>
      <c r="DM8" s="41" t="s">
        <v>47</v>
      </c>
      <c r="DN8" s="41" t="s">
        <v>48</v>
      </c>
      <c r="DO8" s="41" t="s">
        <v>49</v>
      </c>
      <c r="DP8" s="41" t="s">
        <v>50</v>
      </c>
      <c r="DQ8" s="41" t="s">
        <v>51</v>
      </c>
      <c r="DR8" s="42" t="s">
        <v>45</v>
      </c>
      <c r="DS8" s="679"/>
      <c r="DT8" s="43" t="s">
        <v>43</v>
      </c>
      <c r="DU8" s="41" t="s">
        <v>44</v>
      </c>
      <c r="DV8" s="304" t="s">
        <v>45</v>
      </c>
      <c r="DW8" s="44" t="s">
        <v>83</v>
      </c>
      <c r="DX8" s="41" t="s">
        <v>47</v>
      </c>
      <c r="DY8" s="41" t="s">
        <v>48</v>
      </c>
      <c r="DZ8" s="41" t="s">
        <v>49</v>
      </c>
      <c r="EA8" s="41" t="s">
        <v>50</v>
      </c>
      <c r="EB8" s="41" t="s">
        <v>51</v>
      </c>
      <c r="EC8" s="42" t="s">
        <v>45</v>
      </c>
      <c r="ED8" s="655"/>
      <c r="EE8" s="43" t="s">
        <v>43</v>
      </c>
      <c r="EF8" s="41" t="s">
        <v>44</v>
      </c>
      <c r="EG8" s="304" t="s">
        <v>45</v>
      </c>
      <c r="EH8" s="44" t="s">
        <v>83</v>
      </c>
      <c r="EI8" s="41" t="s">
        <v>47</v>
      </c>
      <c r="EJ8" s="41" t="s">
        <v>48</v>
      </c>
      <c r="EK8" s="41" t="s">
        <v>49</v>
      </c>
      <c r="EL8" s="41" t="s">
        <v>50</v>
      </c>
      <c r="EM8" s="41" t="s">
        <v>51</v>
      </c>
      <c r="EN8" s="42" t="s">
        <v>45</v>
      </c>
      <c r="EO8" s="655"/>
      <c r="EP8" s="43" t="s">
        <v>43</v>
      </c>
      <c r="EQ8" s="41" t="s">
        <v>44</v>
      </c>
      <c r="ER8" s="304" t="s">
        <v>45</v>
      </c>
      <c r="ES8" s="44" t="s">
        <v>83</v>
      </c>
      <c r="ET8" s="41" t="s">
        <v>47</v>
      </c>
      <c r="EU8" s="41" t="s">
        <v>48</v>
      </c>
      <c r="EV8" s="41" t="s">
        <v>49</v>
      </c>
      <c r="EW8" s="41" t="s">
        <v>50</v>
      </c>
      <c r="EX8" s="41" t="s">
        <v>51</v>
      </c>
      <c r="EY8" s="42" t="s">
        <v>45</v>
      </c>
      <c r="EZ8" s="655"/>
      <c r="FA8" s="43" t="s">
        <v>43</v>
      </c>
      <c r="FB8" s="41" t="s">
        <v>44</v>
      </c>
      <c r="FC8" s="304" t="s">
        <v>45</v>
      </c>
      <c r="FD8" s="44" t="s">
        <v>83</v>
      </c>
      <c r="FE8" s="41" t="s">
        <v>47</v>
      </c>
      <c r="FF8" s="41" t="s">
        <v>48</v>
      </c>
      <c r="FG8" s="41" t="s">
        <v>49</v>
      </c>
      <c r="FH8" s="41" t="s">
        <v>50</v>
      </c>
      <c r="FI8" s="41" t="s">
        <v>51</v>
      </c>
      <c r="FJ8" s="42" t="s">
        <v>45</v>
      </c>
      <c r="FK8" s="655"/>
      <c r="FL8" s="43" t="s">
        <v>43</v>
      </c>
      <c r="FM8" s="41" t="s">
        <v>44</v>
      </c>
      <c r="FN8" s="304" t="s">
        <v>45</v>
      </c>
      <c r="FO8" s="44" t="s">
        <v>83</v>
      </c>
      <c r="FP8" s="41" t="s">
        <v>47</v>
      </c>
      <c r="FQ8" s="41" t="s">
        <v>48</v>
      </c>
      <c r="FR8" s="41" t="s">
        <v>49</v>
      </c>
      <c r="FS8" s="41" t="s">
        <v>50</v>
      </c>
      <c r="FT8" s="41" t="s">
        <v>51</v>
      </c>
      <c r="FU8" s="42" t="s">
        <v>45</v>
      </c>
      <c r="FV8" s="671"/>
      <c r="FW8" s="43" t="s">
        <v>43</v>
      </c>
      <c r="FX8" s="41" t="s">
        <v>44</v>
      </c>
      <c r="FY8" s="304" t="s">
        <v>45</v>
      </c>
      <c r="FZ8" s="44" t="s">
        <v>83</v>
      </c>
      <c r="GA8" s="41" t="s">
        <v>47</v>
      </c>
      <c r="GB8" s="41" t="s">
        <v>48</v>
      </c>
      <c r="GC8" s="41" t="s">
        <v>49</v>
      </c>
      <c r="GD8" s="41" t="s">
        <v>50</v>
      </c>
      <c r="GE8" s="41" t="s">
        <v>51</v>
      </c>
      <c r="GF8" s="42" t="s">
        <v>45</v>
      </c>
      <c r="GG8" s="655"/>
      <c r="GH8" s="43" t="s">
        <v>43</v>
      </c>
      <c r="GI8" s="41" t="s">
        <v>44</v>
      </c>
      <c r="GJ8" s="304" t="s">
        <v>45</v>
      </c>
      <c r="GK8" s="44" t="s">
        <v>83</v>
      </c>
      <c r="GL8" s="41" t="s">
        <v>47</v>
      </c>
      <c r="GM8" s="41" t="s">
        <v>48</v>
      </c>
      <c r="GN8" s="41" t="s">
        <v>49</v>
      </c>
      <c r="GO8" s="41" t="s">
        <v>50</v>
      </c>
      <c r="GP8" s="41" t="s">
        <v>51</v>
      </c>
      <c r="GQ8" s="42" t="s">
        <v>45</v>
      </c>
      <c r="GR8" s="657"/>
      <c r="GS8" s="43" t="s">
        <v>43</v>
      </c>
      <c r="GT8" s="41" t="s">
        <v>44</v>
      </c>
      <c r="GU8" s="304" t="s">
        <v>45</v>
      </c>
      <c r="GV8" s="44" t="s">
        <v>83</v>
      </c>
      <c r="GW8" s="41" t="s">
        <v>47</v>
      </c>
      <c r="GX8" s="41" t="s">
        <v>48</v>
      </c>
      <c r="GY8" s="41" t="s">
        <v>49</v>
      </c>
      <c r="GZ8" s="41" t="s">
        <v>50</v>
      </c>
      <c r="HA8" s="41" t="s">
        <v>51</v>
      </c>
      <c r="HB8" s="42" t="s">
        <v>45</v>
      </c>
      <c r="HC8" s="657"/>
      <c r="HD8" s="43" t="s">
        <v>43</v>
      </c>
      <c r="HE8" s="41" t="s">
        <v>44</v>
      </c>
      <c r="HF8" s="304" t="s">
        <v>45</v>
      </c>
      <c r="HG8" s="44" t="s">
        <v>83</v>
      </c>
      <c r="HH8" s="41" t="s">
        <v>47</v>
      </c>
      <c r="HI8" s="41" t="s">
        <v>48</v>
      </c>
      <c r="HJ8" s="41" t="s">
        <v>49</v>
      </c>
      <c r="HK8" s="41" t="s">
        <v>50</v>
      </c>
      <c r="HL8" s="41" t="s">
        <v>51</v>
      </c>
      <c r="HM8" s="42" t="s">
        <v>45</v>
      </c>
      <c r="HN8" s="655"/>
      <c r="HO8" s="43" t="s">
        <v>43</v>
      </c>
      <c r="HP8" s="41" t="s">
        <v>44</v>
      </c>
      <c r="HQ8" s="304" t="s">
        <v>45</v>
      </c>
      <c r="HR8" s="44" t="s">
        <v>83</v>
      </c>
      <c r="HS8" s="41" t="s">
        <v>47</v>
      </c>
      <c r="HT8" s="41" t="s">
        <v>48</v>
      </c>
      <c r="HU8" s="41" t="s">
        <v>49</v>
      </c>
      <c r="HV8" s="41" t="s">
        <v>50</v>
      </c>
      <c r="HW8" s="41" t="s">
        <v>51</v>
      </c>
      <c r="HX8" s="42" t="s">
        <v>45</v>
      </c>
      <c r="HY8" s="655"/>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1:409" s="444" customFormat="1" ht="21" customHeight="1" x14ac:dyDescent="0.2">
      <c r="A9" s="39"/>
      <c r="B9" s="470" t="s">
        <v>4</v>
      </c>
      <c r="C9" s="360">
        <v>27507638</v>
      </c>
      <c r="D9" s="361">
        <v>48537769</v>
      </c>
      <c r="E9" s="362">
        <v>76045407</v>
      </c>
      <c r="F9" s="363">
        <v>0</v>
      </c>
      <c r="G9" s="361">
        <v>298842959</v>
      </c>
      <c r="H9" s="361">
        <v>399423636</v>
      </c>
      <c r="I9" s="361">
        <v>348195752</v>
      </c>
      <c r="J9" s="361">
        <v>313878241</v>
      </c>
      <c r="K9" s="361">
        <v>221761262</v>
      </c>
      <c r="L9" s="364">
        <v>1582101850</v>
      </c>
      <c r="M9" s="365">
        <v>1658147257</v>
      </c>
      <c r="N9" s="360">
        <v>8320911</v>
      </c>
      <c r="O9" s="361">
        <v>16612643</v>
      </c>
      <c r="P9" s="366">
        <v>24933554</v>
      </c>
      <c r="Q9" s="360">
        <v>0</v>
      </c>
      <c r="R9" s="361">
        <v>97982634</v>
      </c>
      <c r="S9" s="361">
        <v>139157760</v>
      </c>
      <c r="T9" s="361">
        <v>118616791</v>
      </c>
      <c r="U9" s="361">
        <v>116958286</v>
      </c>
      <c r="V9" s="361">
        <v>112335000</v>
      </c>
      <c r="W9" s="366">
        <v>585050471</v>
      </c>
      <c r="X9" s="365">
        <v>609984025</v>
      </c>
      <c r="Y9" s="360">
        <v>0</v>
      </c>
      <c r="Z9" s="361">
        <v>0</v>
      </c>
      <c r="AA9" s="366">
        <v>0</v>
      </c>
      <c r="AB9" s="367">
        <v>0</v>
      </c>
      <c r="AC9" s="368">
        <v>40846982</v>
      </c>
      <c r="AD9" s="368">
        <v>56853423</v>
      </c>
      <c r="AE9" s="368">
        <v>57290036</v>
      </c>
      <c r="AF9" s="368">
        <v>57084874</v>
      </c>
      <c r="AG9" s="368">
        <v>60524788</v>
      </c>
      <c r="AH9" s="366">
        <v>272600103</v>
      </c>
      <c r="AI9" s="365">
        <v>272600103</v>
      </c>
      <c r="AJ9" s="369">
        <v>0</v>
      </c>
      <c r="AK9" s="368">
        <v>56064</v>
      </c>
      <c r="AL9" s="366">
        <v>56064</v>
      </c>
      <c r="AM9" s="367">
        <v>0</v>
      </c>
      <c r="AN9" s="368">
        <v>324955</v>
      </c>
      <c r="AO9" s="364">
        <v>1284540</v>
      </c>
      <c r="AP9" s="368">
        <v>3394468</v>
      </c>
      <c r="AQ9" s="368">
        <v>6966407</v>
      </c>
      <c r="AR9" s="368">
        <v>12723374</v>
      </c>
      <c r="AS9" s="366">
        <v>24693744</v>
      </c>
      <c r="AT9" s="365">
        <v>24749808</v>
      </c>
      <c r="AU9" s="369">
        <v>4278000</v>
      </c>
      <c r="AV9" s="368">
        <v>10618502</v>
      </c>
      <c r="AW9" s="366">
        <v>14896502</v>
      </c>
      <c r="AX9" s="367">
        <v>0</v>
      </c>
      <c r="AY9" s="368">
        <v>36593031</v>
      </c>
      <c r="AZ9" s="368">
        <v>55897731</v>
      </c>
      <c r="BA9" s="368">
        <v>36672828</v>
      </c>
      <c r="BB9" s="368">
        <v>32790703</v>
      </c>
      <c r="BC9" s="368">
        <v>25775716</v>
      </c>
      <c r="BD9" s="366">
        <v>187730009</v>
      </c>
      <c r="BE9" s="370">
        <v>202626511</v>
      </c>
      <c r="BF9" s="369">
        <v>444959</v>
      </c>
      <c r="BG9" s="364">
        <v>2521229</v>
      </c>
      <c r="BH9" s="371">
        <v>2966188</v>
      </c>
      <c r="BI9" s="367">
        <v>0</v>
      </c>
      <c r="BJ9" s="368">
        <v>2964963</v>
      </c>
      <c r="BK9" s="368">
        <v>4767988</v>
      </c>
      <c r="BL9" s="368">
        <v>2393637</v>
      </c>
      <c r="BM9" s="368">
        <v>3221510</v>
      </c>
      <c r="BN9" s="368">
        <v>942134</v>
      </c>
      <c r="BO9" s="366">
        <v>14290232</v>
      </c>
      <c r="BP9" s="365">
        <v>17256420</v>
      </c>
      <c r="BQ9" s="369">
        <v>3597952</v>
      </c>
      <c r="BR9" s="368">
        <v>3416848</v>
      </c>
      <c r="BS9" s="366">
        <v>7014800</v>
      </c>
      <c r="BT9" s="367">
        <v>0</v>
      </c>
      <c r="BU9" s="368">
        <v>17252703</v>
      </c>
      <c r="BV9" s="368">
        <v>20354078</v>
      </c>
      <c r="BW9" s="368">
        <v>18865822</v>
      </c>
      <c r="BX9" s="368">
        <v>16894792</v>
      </c>
      <c r="BY9" s="368">
        <v>12368988</v>
      </c>
      <c r="BZ9" s="366">
        <v>85736383</v>
      </c>
      <c r="CA9" s="365">
        <v>92751183</v>
      </c>
      <c r="CB9" s="369">
        <v>3078475</v>
      </c>
      <c r="CC9" s="368">
        <v>7531467</v>
      </c>
      <c r="CD9" s="366">
        <v>10609942</v>
      </c>
      <c r="CE9" s="367">
        <v>0</v>
      </c>
      <c r="CF9" s="368">
        <v>91657574</v>
      </c>
      <c r="CG9" s="368">
        <v>119922045</v>
      </c>
      <c r="CH9" s="372">
        <v>84286835</v>
      </c>
      <c r="CI9" s="368">
        <v>50367122</v>
      </c>
      <c r="CJ9" s="368">
        <v>21800760</v>
      </c>
      <c r="CK9" s="366">
        <v>368034336</v>
      </c>
      <c r="CL9" s="365">
        <v>378644278</v>
      </c>
      <c r="CM9" s="360">
        <v>0</v>
      </c>
      <c r="CN9" s="361">
        <v>0</v>
      </c>
      <c r="CO9" s="366">
        <v>0</v>
      </c>
      <c r="CP9" s="367">
        <v>0</v>
      </c>
      <c r="CQ9" s="368">
        <v>74706787</v>
      </c>
      <c r="CR9" s="368">
        <v>87926111</v>
      </c>
      <c r="CS9" s="368">
        <v>59614070</v>
      </c>
      <c r="CT9" s="368">
        <v>35114707</v>
      </c>
      <c r="CU9" s="368">
        <v>15766224</v>
      </c>
      <c r="CV9" s="373">
        <v>273127899</v>
      </c>
      <c r="CW9" s="365">
        <v>273127899</v>
      </c>
      <c r="CX9" s="369">
        <v>3078475</v>
      </c>
      <c r="CY9" s="368">
        <v>7531467</v>
      </c>
      <c r="CZ9" s="366">
        <v>10609942</v>
      </c>
      <c r="DA9" s="367">
        <v>0</v>
      </c>
      <c r="DB9" s="368">
        <v>16950787</v>
      </c>
      <c r="DC9" s="368">
        <v>31995934</v>
      </c>
      <c r="DD9" s="368">
        <v>24672765</v>
      </c>
      <c r="DE9" s="368">
        <v>15252415</v>
      </c>
      <c r="DF9" s="368">
        <v>6034536</v>
      </c>
      <c r="DG9" s="366">
        <v>94906437</v>
      </c>
      <c r="DH9" s="365">
        <v>105516379</v>
      </c>
      <c r="DI9" s="369">
        <v>132541</v>
      </c>
      <c r="DJ9" s="368">
        <v>893765</v>
      </c>
      <c r="DK9" s="371">
        <v>1026306</v>
      </c>
      <c r="DL9" s="367">
        <v>0</v>
      </c>
      <c r="DM9" s="368">
        <v>9553870</v>
      </c>
      <c r="DN9" s="368">
        <v>18606029</v>
      </c>
      <c r="DO9" s="368">
        <v>32153070</v>
      </c>
      <c r="DP9" s="368">
        <v>28738339</v>
      </c>
      <c r="DQ9" s="368">
        <v>13945577</v>
      </c>
      <c r="DR9" s="374">
        <v>102996885</v>
      </c>
      <c r="DS9" s="365">
        <v>104023191</v>
      </c>
      <c r="DT9" s="369">
        <v>109385</v>
      </c>
      <c r="DU9" s="368">
        <v>861794</v>
      </c>
      <c r="DV9" s="366">
        <v>971179</v>
      </c>
      <c r="DW9" s="367">
        <v>0</v>
      </c>
      <c r="DX9" s="368">
        <v>8791807</v>
      </c>
      <c r="DY9" s="368">
        <v>15396299</v>
      </c>
      <c r="DZ9" s="368">
        <v>26176080</v>
      </c>
      <c r="EA9" s="368">
        <v>25332511</v>
      </c>
      <c r="EB9" s="368">
        <v>11341911</v>
      </c>
      <c r="EC9" s="366">
        <v>87038608</v>
      </c>
      <c r="ED9" s="365">
        <v>88009787</v>
      </c>
      <c r="EE9" s="369">
        <v>23156</v>
      </c>
      <c r="EF9" s="364">
        <v>31971</v>
      </c>
      <c r="EG9" s="366">
        <v>55127</v>
      </c>
      <c r="EH9" s="370">
        <v>0</v>
      </c>
      <c r="EI9" s="368">
        <v>762063</v>
      </c>
      <c r="EJ9" s="368">
        <v>3209730</v>
      </c>
      <c r="EK9" s="368">
        <v>5976990</v>
      </c>
      <c r="EL9" s="368">
        <v>3405828</v>
      </c>
      <c r="EM9" s="372">
        <v>2603666</v>
      </c>
      <c r="EN9" s="364">
        <v>15958277</v>
      </c>
      <c r="EO9" s="365">
        <v>16013404</v>
      </c>
      <c r="EP9" s="369">
        <v>0</v>
      </c>
      <c r="EQ9" s="368">
        <v>0</v>
      </c>
      <c r="ER9" s="364">
        <v>0</v>
      </c>
      <c r="ES9" s="367">
        <v>0</v>
      </c>
      <c r="ET9" s="368">
        <v>0</v>
      </c>
      <c r="EU9" s="368">
        <v>0</v>
      </c>
      <c r="EV9" s="368">
        <v>0</v>
      </c>
      <c r="EW9" s="368">
        <v>0</v>
      </c>
      <c r="EX9" s="368">
        <v>0</v>
      </c>
      <c r="EY9" s="373">
        <v>0</v>
      </c>
      <c r="EZ9" s="365">
        <v>0</v>
      </c>
      <c r="FA9" s="369">
        <v>0</v>
      </c>
      <c r="FB9" s="368">
        <v>0</v>
      </c>
      <c r="FC9" s="364">
        <v>0</v>
      </c>
      <c r="FD9" s="375">
        <v>0</v>
      </c>
      <c r="FE9" s="368">
        <v>0</v>
      </c>
      <c r="FF9" s="368">
        <v>0</v>
      </c>
      <c r="FG9" s="368">
        <v>0</v>
      </c>
      <c r="FH9" s="368">
        <v>0</v>
      </c>
      <c r="FI9" s="368">
        <v>0</v>
      </c>
      <c r="FJ9" s="373">
        <v>0</v>
      </c>
      <c r="FK9" s="365">
        <v>0</v>
      </c>
      <c r="FL9" s="369">
        <v>5800355</v>
      </c>
      <c r="FM9" s="368">
        <v>11233506</v>
      </c>
      <c r="FN9" s="366">
        <v>17033861</v>
      </c>
      <c r="FO9" s="367">
        <v>0</v>
      </c>
      <c r="FP9" s="368">
        <v>16079682</v>
      </c>
      <c r="FQ9" s="368">
        <v>38864170</v>
      </c>
      <c r="FR9" s="368">
        <v>28105966</v>
      </c>
      <c r="FS9" s="368">
        <v>25686719</v>
      </c>
      <c r="FT9" s="368">
        <v>16298325</v>
      </c>
      <c r="FU9" s="366">
        <v>125034862</v>
      </c>
      <c r="FV9" s="365">
        <v>142068723</v>
      </c>
      <c r="FW9" s="369">
        <v>2533016</v>
      </c>
      <c r="FX9" s="368">
        <v>7016232</v>
      </c>
      <c r="FY9" s="364">
        <v>9549248</v>
      </c>
      <c r="FZ9" s="370">
        <v>0</v>
      </c>
      <c r="GA9" s="368">
        <v>10735200</v>
      </c>
      <c r="GB9" s="376">
        <v>35035022</v>
      </c>
      <c r="GC9" s="368">
        <v>25741164</v>
      </c>
      <c r="GD9" s="376">
        <v>23357992</v>
      </c>
      <c r="GE9" s="368">
        <v>15236460</v>
      </c>
      <c r="GF9" s="373">
        <v>110105838</v>
      </c>
      <c r="GG9" s="377">
        <v>119655086</v>
      </c>
      <c r="GH9" s="378">
        <v>302697</v>
      </c>
      <c r="GI9" s="368">
        <v>438680</v>
      </c>
      <c r="GJ9" s="376">
        <v>741377</v>
      </c>
      <c r="GK9" s="363">
        <v>0</v>
      </c>
      <c r="GL9" s="368">
        <v>1052658</v>
      </c>
      <c r="GM9" s="364">
        <v>973150</v>
      </c>
      <c r="GN9" s="368">
        <v>845292</v>
      </c>
      <c r="GO9" s="364">
        <v>1175127</v>
      </c>
      <c r="GP9" s="368">
        <v>399598</v>
      </c>
      <c r="GQ9" s="374">
        <v>4445825</v>
      </c>
      <c r="GR9" s="365">
        <v>5187202</v>
      </c>
      <c r="GS9" s="364">
        <v>2964642</v>
      </c>
      <c r="GT9" s="368">
        <v>3778594</v>
      </c>
      <c r="GU9" s="366">
        <v>6743236</v>
      </c>
      <c r="GV9" s="364">
        <v>0</v>
      </c>
      <c r="GW9" s="368">
        <v>4291824</v>
      </c>
      <c r="GX9" s="364">
        <v>2855998</v>
      </c>
      <c r="GY9" s="368">
        <v>1519510</v>
      </c>
      <c r="GZ9" s="364">
        <v>1153600</v>
      </c>
      <c r="HA9" s="368">
        <v>662267</v>
      </c>
      <c r="HB9" s="364">
        <v>10483199</v>
      </c>
      <c r="HC9" s="365">
        <v>17226435</v>
      </c>
      <c r="HD9" s="364">
        <v>10175356</v>
      </c>
      <c r="HE9" s="368">
        <v>12266388</v>
      </c>
      <c r="HF9" s="364">
        <v>22441744</v>
      </c>
      <c r="HG9" s="370">
        <v>0</v>
      </c>
      <c r="HH9" s="368">
        <v>83569199</v>
      </c>
      <c r="HI9" s="376">
        <v>82873632</v>
      </c>
      <c r="HJ9" s="368">
        <v>85033090</v>
      </c>
      <c r="HK9" s="376">
        <v>92127775</v>
      </c>
      <c r="HL9" s="368">
        <v>57381600</v>
      </c>
      <c r="HM9" s="373">
        <v>400985296</v>
      </c>
      <c r="HN9" s="364">
        <v>423427040</v>
      </c>
      <c r="HO9" s="439">
        <v>0</v>
      </c>
      <c r="HP9" s="440">
        <v>0</v>
      </c>
      <c r="HQ9" s="441">
        <v>0</v>
      </c>
      <c r="HR9" s="442">
        <v>0</v>
      </c>
      <c r="HS9" s="440">
        <v>0</v>
      </c>
      <c r="HT9" s="442">
        <v>0</v>
      </c>
      <c r="HU9" s="440">
        <v>0</v>
      </c>
      <c r="HV9" s="442">
        <v>0</v>
      </c>
      <c r="HW9" s="440">
        <v>0</v>
      </c>
      <c r="HX9" s="442">
        <v>0</v>
      </c>
      <c r="HY9" s="443">
        <v>0</v>
      </c>
      <c r="HZ9" s="379">
        <v>514678</v>
      </c>
      <c r="IA9" s="380">
        <v>479171</v>
      </c>
      <c r="IB9" s="381">
        <v>993849</v>
      </c>
      <c r="IC9" s="382">
        <v>0</v>
      </c>
      <c r="ID9" s="380">
        <v>79387203</v>
      </c>
      <c r="IE9" s="383">
        <v>101138880</v>
      </c>
      <c r="IF9" s="384">
        <v>108273096</v>
      </c>
      <c r="IG9" s="380">
        <v>84239163</v>
      </c>
      <c r="IH9" s="384">
        <v>60217462</v>
      </c>
      <c r="II9" s="385">
        <v>433255804</v>
      </c>
      <c r="IJ9" s="386">
        <v>434249653</v>
      </c>
      <c r="IK9" s="387">
        <v>0</v>
      </c>
      <c r="IL9" s="388">
        <v>0</v>
      </c>
      <c r="IM9" s="389">
        <v>0</v>
      </c>
      <c r="IN9" s="390">
        <v>0</v>
      </c>
      <c r="IO9" s="391">
        <v>1283177</v>
      </c>
      <c r="IP9" s="391">
        <v>3158214</v>
      </c>
      <c r="IQ9" s="391">
        <v>4199557</v>
      </c>
      <c r="IR9" s="391">
        <v>4585033</v>
      </c>
      <c r="IS9" s="391">
        <v>4200189</v>
      </c>
      <c r="IT9" s="392">
        <v>17426170</v>
      </c>
      <c r="IU9" s="393">
        <v>17426170</v>
      </c>
      <c r="IV9" s="394">
        <v>0</v>
      </c>
      <c r="IW9" s="391">
        <v>0</v>
      </c>
      <c r="IX9" s="395">
        <v>0</v>
      </c>
      <c r="IY9" s="396">
        <v>0</v>
      </c>
      <c r="IZ9" s="391">
        <v>195410</v>
      </c>
      <c r="JA9" s="391">
        <v>586017</v>
      </c>
      <c r="JB9" s="391">
        <v>842695</v>
      </c>
      <c r="JC9" s="391">
        <v>930389</v>
      </c>
      <c r="JD9" s="391">
        <v>651739</v>
      </c>
      <c r="JE9" s="395">
        <v>3206250</v>
      </c>
      <c r="JF9" s="397">
        <v>3206250</v>
      </c>
      <c r="JG9" s="394">
        <v>0</v>
      </c>
      <c r="JH9" s="391">
        <v>0</v>
      </c>
      <c r="JI9" s="392">
        <v>0</v>
      </c>
      <c r="JJ9" s="398">
        <v>0</v>
      </c>
      <c r="JK9" s="391">
        <v>36937128</v>
      </c>
      <c r="JL9" s="391">
        <v>38354346</v>
      </c>
      <c r="JM9" s="391">
        <v>27932278</v>
      </c>
      <c r="JN9" s="391">
        <v>14781508</v>
      </c>
      <c r="JO9" s="391">
        <v>9188691</v>
      </c>
      <c r="JP9" s="395">
        <v>127193951</v>
      </c>
      <c r="JQ9" s="393">
        <v>127193951</v>
      </c>
      <c r="JR9" s="394">
        <v>29497</v>
      </c>
      <c r="JS9" s="391">
        <v>9418</v>
      </c>
      <c r="JT9" s="392">
        <v>38915</v>
      </c>
      <c r="JU9" s="398">
        <v>0</v>
      </c>
      <c r="JV9" s="391">
        <v>6188528</v>
      </c>
      <c r="JW9" s="391">
        <v>6729844</v>
      </c>
      <c r="JX9" s="391">
        <v>9519170</v>
      </c>
      <c r="JY9" s="391">
        <v>4246357</v>
      </c>
      <c r="JZ9" s="391">
        <v>3615319</v>
      </c>
      <c r="KA9" s="395">
        <v>30299218</v>
      </c>
      <c r="KB9" s="393">
        <v>30338133</v>
      </c>
      <c r="KC9" s="399">
        <v>485181</v>
      </c>
      <c r="KD9" s="400">
        <v>469753</v>
      </c>
      <c r="KE9" s="395">
        <v>954934</v>
      </c>
      <c r="KF9" s="398">
        <v>0</v>
      </c>
      <c r="KG9" s="391">
        <v>9794261</v>
      </c>
      <c r="KH9" s="391">
        <v>13935093</v>
      </c>
      <c r="KI9" s="391">
        <v>19219582</v>
      </c>
      <c r="KJ9" s="391">
        <v>13933752</v>
      </c>
      <c r="KK9" s="391">
        <v>6435903</v>
      </c>
      <c r="KL9" s="395">
        <v>63318591</v>
      </c>
      <c r="KM9" s="401">
        <v>64273525</v>
      </c>
      <c r="KN9" s="387">
        <v>0</v>
      </c>
      <c r="KO9" s="388">
        <v>0</v>
      </c>
      <c r="KP9" s="389">
        <v>0</v>
      </c>
      <c r="KQ9" s="390">
        <v>0</v>
      </c>
      <c r="KR9" s="391">
        <v>21793086</v>
      </c>
      <c r="KS9" s="391">
        <v>33299539</v>
      </c>
      <c r="KT9" s="391">
        <v>36074120</v>
      </c>
      <c r="KU9" s="391">
        <v>29617335</v>
      </c>
      <c r="KV9" s="391">
        <v>20856498</v>
      </c>
      <c r="KW9" s="395">
        <v>141640578</v>
      </c>
      <c r="KX9" s="393">
        <v>141640578</v>
      </c>
      <c r="KY9" s="394">
        <v>0</v>
      </c>
      <c r="KZ9" s="391">
        <v>0</v>
      </c>
      <c r="LA9" s="395">
        <v>0</v>
      </c>
      <c r="LB9" s="402">
        <v>0</v>
      </c>
      <c r="LC9" s="391">
        <v>424235</v>
      </c>
      <c r="LD9" s="391">
        <v>946211</v>
      </c>
      <c r="LE9" s="391">
        <v>1531510</v>
      </c>
      <c r="LF9" s="391">
        <v>636138</v>
      </c>
      <c r="LG9" s="391">
        <v>991468</v>
      </c>
      <c r="LH9" s="395">
        <v>4529562</v>
      </c>
      <c r="LI9" s="397">
        <v>4529562</v>
      </c>
      <c r="LJ9" s="394">
        <v>0</v>
      </c>
      <c r="LK9" s="391">
        <v>0</v>
      </c>
      <c r="LL9" s="395">
        <v>0</v>
      </c>
      <c r="LM9" s="402">
        <v>0</v>
      </c>
      <c r="LN9" s="391">
        <v>0</v>
      </c>
      <c r="LO9" s="391">
        <v>888572</v>
      </c>
      <c r="LP9" s="391">
        <v>3330031</v>
      </c>
      <c r="LQ9" s="391">
        <v>6815844</v>
      </c>
      <c r="LR9" s="391">
        <v>2605964</v>
      </c>
      <c r="LS9" s="395">
        <v>13640411</v>
      </c>
      <c r="LT9" s="393">
        <v>13640411</v>
      </c>
      <c r="LU9" s="394">
        <v>0</v>
      </c>
      <c r="LV9" s="391">
        <v>0</v>
      </c>
      <c r="LW9" s="395">
        <v>0</v>
      </c>
      <c r="LX9" s="402">
        <v>0</v>
      </c>
      <c r="LY9" s="391">
        <v>2771378</v>
      </c>
      <c r="LZ9" s="391">
        <v>3241044</v>
      </c>
      <c r="MA9" s="391">
        <v>5624153</v>
      </c>
      <c r="MB9" s="391">
        <v>8692807</v>
      </c>
      <c r="MC9" s="391">
        <v>11671691</v>
      </c>
      <c r="MD9" s="395">
        <v>32001073</v>
      </c>
      <c r="ME9" s="397">
        <v>32001073</v>
      </c>
      <c r="MF9" s="394">
        <v>0</v>
      </c>
      <c r="MG9" s="391">
        <v>0</v>
      </c>
      <c r="MH9" s="395">
        <v>0</v>
      </c>
      <c r="MI9" s="402">
        <v>0</v>
      </c>
      <c r="MJ9" s="391">
        <v>24750967</v>
      </c>
      <c r="MK9" s="391">
        <v>57963263</v>
      </c>
      <c r="ML9" s="391">
        <v>176939085</v>
      </c>
      <c r="MM9" s="391">
        <v>276286137</v>
      </c>
      <c r="MN9" s="391">
        <v>156073917</v>
      </c>
      <c r="MO9" s="395">
        <v>692013369</v>
      </c>
      <c r="MP9" s="401">
        <v>692013369</v>
      </c>
      <c r="MQ9" s="394">
        <v>0</v>
      </c>
      <c r="MR9" s="391">
        <v>0</v>
      </c>
      <c r="MS9" s="395">
        <v>0</v>
      </c>
      <c r="MT9" s="402">
        <v>0</v>
      </c>
      <c r="MU9" s="391">
        <v>2355999</v>
      </c>
      <c r="MV9" s="391">
        <v>12241495</v>
      </c>
      <c r="MW9" s="391">
        <v>110829531</v>
      </c>
      <c r="MX9" s="391">
        <v>175098899</v>
      </c>
      <c r="MY9" s="391">
        <v>96699970</v>
      </c>
      <c r="MZ9" s="395">
        <v>397225894</v>
      </c>
      <c r="NA9" s="401">
        <v>397225894</v>
      </c>
      <c r="NB9" s="394">
        <v>0</v>
      </c>
      <c r="NC9" s="391">
        <v>0</v>
      </c>
      <c r="ND9" s="395">
        <v>0</v>
      </c>
      <c r="NE9" s="402">
        <v>0</v>
      </c>
      <c r="NF9" s="391">
        <v>22394968</v>
      </c>
      <c r="NG9" s="391">
        <v>45205694</v>
      </c>
      <c r="NH9" s="391">
        <v>65483460</v>
      </c>
      <c r="NI9" s="391">
        <v>92053856</v>
      </c>
      <c r="NJ9" s="391">
        <v>49950111</v>
      </c>
      <c r="NK9" s="395">
        <v>275088089</v>
      </c>
      <c r="NL9" s="393">
        <v>275088089</v>
      </c>
      <c r="NM9" s="394">
        <v>0</v>
      </c>
      <c r="NN9" s="391">
        <v>0</v>
      </c>
      <c r="NO9" s="395">
        <v>0</v>
      </c>
      <c r="NP9" s="402">
        <v>0</v>
      </c>
      <c r="NQ9" s="391">
        <v>0</v>
      </c>
      <c r="NR9" s="391">
        <v>288306</v>
      </c>
      <c r="NS9" s="391">
        <v>305698</v>
      </c>
      <c r="NT9" s="391">
        <v>2861535</v>
      </c>
      <c r="NU9" s="391">
        <v>1117281</v>
      </c>
      <c r="NV9" s="395">
        <v>4572820</v>
      </c>
      <c r="NW9" s="397">
        <v>4572820</v>
      </c>
      <c r="NX9" s="394">
        <v>0</v>
      </c>
      <c r="NY9" s="391">
        <v>0</v>
      </c>
      <c r="NZ9" s="395">
        <v>0</v>
      </c>
      <c r="OA9" s="402">
        <v>0</v>
      </c>
      <c r="OB9" s="391">
        <v>0</v>
      </c>
      <c r="OC9" s="391">
        <v>227768</v>
      </c>
      <c r="OD9" s="391">
        <v>320396</v>
      </c>
      <c r="OE9" s="391">
        <v>6271847</v>
      </c>
      <c r="OF9" s="391">
        <v>8306555</v>
      </c>
      <c r="OG9" s="395">
        <v>15126566</v>
      </c>
      <c r="OH9" s="397">
        <v>15126566</v>
      </c>
      <c r="OI9" s="394">
        <v>28022316</v>
      </c>
      <c r="OJ9" s="391">
        <v>49016940</v>
      </c>
      <c r="OK9" s="392">
        <v>77039256</v>
      </c>
      <c r="OL9" s="398">
        <v>0</v>
      </c>
      <c r="OM9" s="391">
        <v>402981129</v>
      </c>
      <c r="ON9" s="391">
        <v>558525779</v>
      </c>
      <c r="OO9" s="391">
        <v>633407933</v>
      </c>
      <c r="OP9" s="391">
        <v>674403541</v>
      </c>
      <c r="OQ9" s="391">
        <v>438052641</v>
      </c>
      <c r="OR9" s="395">
        <v>2707371023</v>
      </c>
      <c r="OS9" s="401">
        <v>2784410279</v>
      </c>
    </row>
    <row r="10" spans="1:409" s="444" customFormat="1" ht="21" customHeight="1" x14ac:dyDescent="0.2">
      <c r="A10" s="39"/>
      <c r="B10" s="471" t="s">
        <v>5</v>
      </c>
      <c r="C10" s="404">
        <v>11532759</v>
      </c>
      <c r="D10" s="405">
        <v>25521981</v>
      </c>
      <c r="E10" s="406">
        <v>37054740</v>
      </c>
      <c r="F10" s="407">
        <v>0</v>
      </c>
      <c r="G10" s="405">
        <v>111889165</v>
      </c>
      <c r="H10" s="405">
        <v>183460726</v>
      </c>
      <c r="I10" s="405">
        <v>158502056</v>
      </c>
      <c r="J10" s="405">
        <v>133593107</v>
      </c>
      <c r="K10" s="405">
        <v>103736392</v>
      </c>
      <c r="L10" s="407">
        <v>691181446</v>
      </c>
      <c r="M10" s="408">
        <v>728236186</v>
      </c>
      <c r="N10" s="404">
        <v>3846379</v>
      </c>
      <c r="O10" s="405">
        <v>9601215</v>
      </c>
      <c r="P10" s="406">
        <v>13447594</v>
      </c>
      <c r="Q10" s="404">
        <v>0</v>
      </c>
      <c r="R10" s="405">
        <v>39680218</v>
      </c>
      <c r="S10" s="405">
        <v>69093927</v>
      </c>
      <c r="T10" s="405">
        <v>55830733</v>
      </c>
      <c r="U10" s="405">
        <v>49549904</v>
      </c>
      <c r="V10" s="405">
        <v>52025899</v>
      </c>
      <c r="W10" s="406">
        <v>266180681</v>
      </c>
      <c r="X10" s="408">
        <v>279628275</v>
      </c>
      <c r="Y10" s="404">
        <v>0</v>
      </c>
      <c r="Z10" s="405">
        <v>0</v>
      </c>
      <c r="AA10" s="406">
        <v>0</v>
      </c>
      <c r="AB10" s="404">
        <v>0</v>
      </c>
      <c r="AC10" s="405">
        <v>17138193</v>
      </c>
      <c r="AD10" s="405">
        <v>26286323</v>
      </c>
      <c r="AE10" s="405">
        <v>26056402</v>
      </c>
      <c r="AF10" s="405">
        <v>22031059</v>
      </c>
      <c r="AG10" s="405">
        <v>27620947</v>
      </c>
      <c r="AH10" s="406">
        <v>119132924</v>
      </c>
      <c r="AI10" s="408">
        <v>119132924</v>
      </c>
      <c r="AJ10" s="404">
        <v>0</v>
      </c>
      <c r="AK10" s="405">
        <v>0</v>
      </c>
      <c r="AL10" s="406">
        <v>0</v>
      </c>
      <c r="AM10" s="404">
        <v>0</v>
      </c>
      <c r="AN10" s="405">
        <v>124567</v>
      </c>
      <c r="AO10" s="405">
        <v>498843</v>
      </c>
      <c r="AP10" s="405">
        <v>1487192</v>
      </c>
      <c r="AQ10" s="405">
        <v>2981474</v>
      </c>
      <c r="AR10" s="405">
        <v>6140378</v>
      </c>
      <c r="AS10" s="406">
        <v>11232454</v>
      </c>
      <c r="AT10" s="408">
        <v>11232454</v>
      </c>
      <c r="AU10" s="404">
        <v>2055042</v>
      </c>
      <c r="AV10" s="405">
        <v>6195720</v>
      </c>
      <c r="AW10" s="406">
        <v>8250762</v>
      </c>
      <c r="AX10" s="404">
        <v>0</v>
      </c>
      <c r="AY10" s="405">
        <v>15089085</v>
      </c>
      <c r="AZ10" s="405">
        <v>30868064</v>
      </c>
      <c r="BA10" s="405">
        <v>19259323</v>
      </c>
      <c r="BB10" s="405">
        <v>16165612</v>
      </c>
      <c r="BC10" s="405">
        <v>12129856</v>
      </c>
      <c r="BD10" s="406">
        <v>93511940</v>
      </c>
      <c r="BE10" s="408">
        <v>101762702</v>
      </c>
      <c r="BF10" s="404">
        <v>177121</v>
      </c>
      <c r="BG10" s="405">
        <v>1420135</v>
      </c>
      <c r="BH10" s="409">
        <v>1597256</v>
      </c>
      <c r="BI10" s="410">
        <v>0</v>
      </c>
      <c r="BJ10" s="405">
        <v>825611</v>
      </c>
      <c r="BK10" s="405">
        <v>1731619</v>
      </c>
      <c r="BL10" s="405">
        <v>891936</v>
      </c>
      <c r="BM10" s="405">
        <v>1049639</v>
      </c>
      <c r="BN10" s="405">
        <v>479930</v>
      </c>
      <c r="BO10" s="406">
        <v>4978735</v>
      </c>
      <c r="BP10" s="408">
        <v>6575991</v>
      </c>
      <c r="BQ10" s="404">
        <v>1614216</v>
      </c>
      <c r="BR10" s="405">
        <v>1985360</v>
      </c>
      <c r="BS10" s="406">
        <v>3599576</v>
      </c>
      <c r="BT10" s="404">
        <v>0</v>
      </c>
      <c r="BU10" s="405">
        <v>6502762</v>
      </c>
      <c r="BV10" s="405">
        <v>9709078</v>
      </c>
      <c r="BW10" s="405">
        <v>8135880</v>
      </c>
      <c r="BX10" s="405">
        <v>7322120</v>
      </c>
      <c r="BY10" s="405">
        <v>5654788</v>
      </c>
      <c r="BZ10" s="406">
        <v>37324628</v>
      </c>
      <c r="CA10" s="408">
        <v>40924204</v>
      </c>
      <c r="CB10" s="404">
        <v>1377022</v>
      </c>
      <c r="CC10" s="405">
        <v>3898583</v>
      </c>
      <c r="CD10" s="406">
        <v>5275605</v>
      </c>
      <c r="CE10" s="404">
        <v>0</v>
      </c>
      <c r="CF10" s="405">
        <v>33002471</v>
      </c>
      <c r="CG10" s="405">
        <v>52273597</v>
      </c>
      <c r="CH10" s="405">
        <v>36792413</v>
      </c>
      <c r="CI10" s="405">
        <v>20859888</v>
      </c>
      <c r="CJ10" s="405">
        <v>10372113</v>
      </c>
      <c r="CK10" s="406">
        <v>153300482</v>
      </c>
      <c r="CL10" s="408">
        <v>158576087</v>
      </c>
      <c r="CM10" s="404">
        <v>0</v>
      </c>
      <c r="CN10" s="405">
        <v>0</v>
      </c>
      <c r="CO10" s="406">
        <v>0</v>
      </c>
      <c r="CP10" s="410">
        <v>0</v>
      </c>
      <c r="CQ10" s="405">
        <v>27099448</v>
      </c>
      <c r="CR10" s="405">
        <v>38055476</v>
      </c>
      <c r="CS10" s="405">
        <v>24672642</v>
      </c>
      <c r="CT10" s="405">
        <v>13166823</v>
      </c>
      <c r="CU10" s="405">
        <v>7585825</v>
      </c>
      <c r="CV10" s="406">
        <v>110580214</v>
      </c>
      <c r="CW10" s="408">
        <v>110580214</v>
      </c>
      <c r="CX10" s="404">
        <v>1377022</v>
      </c>
      <c r="CY10" s="405">
        <v>3898583</v>
      </c>
      <c r="CZ10" s="406">
        <v>5275605</v>
      </c>
      <c r="DA10" s="404">
        <v>0</v>
      </c>
      <c r="DB10" s="405">
        <v>5903023</v>
      </c>
      <c r="DC10" s="405">
        <v>14218121</v>
      </c>
      <c r="DD10" s="405">
        <v>12119771</v>
      </c>
      <c r="DE10" s="405">
        <v>7693065</v>
      </c>
      <c r="DF10" s="405">
        <v>2786288</v>
      </c>
      <c r="DG10" s="406">
        <v>42720268</v>
      </c>
      <c r="DH10" s="408">
        <v>47995873</v>
      </c>
      <c r="DI10" s="404">
        <v>0</v>
      </c>
      <c r="DJ10" s="405">
        <v>504763</v>
      </c>
      <c r="DK10" s="409">
        <v>504763</v>
      </c>
      <c r="DL10" s="410">
        <v>0</v>
      </c>
      <c r="DM10" s="405">
        <v>3708233</v>
      </c>
      <c r="DN10" s="405">
        <v>7068338</v>
      </c>
      <c r="DO10" s="405">
        <v>15264251</v>
      </c>
      <c r="DP10" s="405">
        <v>12110702</v>
      </c>
      <c r="DQ10" s="405">
        <v>5706778</v>
      </c>
      <c r="DR10" s="406">
        <v>43858302</v>
      </c>
      <c r="DS10" s="408">
        <v>44363065</v>
      </c>
      <c r="DT10" s="404">
        <v>0</v>
      </c>
      <c r="DU10" s="405">
        <v>472792</v>
      </c>
      <c r="DV10" s="406">
        <v>472792</v>
      </c>
      <c r="DW10" s="404">
        <v>0</v>
      </c>
      <c r="DX10" s="405">
        <v>3088225</v>
      </c>
      <c r="DY10" s="405">
        <v>5320758</v>
      </c>
      <c r="DZ10" s="405">
        <v>11733443</v>
      </c>
      <c r="EA10" s="405">
        <v>10161335</v>
      </c>
      <c r="EB10" s="405">
        <v>3651633</v>
      </c>
      <c r="EC10" s="406">
        <v>33955394</v>
      </c>
      <c r="ED10" s="408">
        <v>34428186</v>
      </c>
      <c r="EE10" s="404">
        <v>0</v>
      </c>
      <c r="EF10" s="409">
        <v>31971</v>
      </c>
      <c r="EG10" s="406">
        <v>31971</v>
      </c>
      <c r="EH10" s="404">
        <v>0</v>
      </c>
      <c r="EI10" s="405">
        <v>620008</v>
      </c>
      <c r="EJ10" s="405">
        <v>1747580</v>
      </c>
      <c r="EK10" s="405">
        <v>3530808</v>
      </c>
      <c r="EL10" s="405">
        <v>1949367</v>
      </c>
      <c r="EM10" s="405">
        <v>2055145</v>
      </c>
      <c r="EN10" s="409">
        <v>9902908</v>
      </c>
      <c r="EO10" s="408">
        <v>9934879</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v>0</v>
      </c>
      <c r="FE10" s="405">
        <v>0</v>
      </c>
      <c r="FF10" s="405">
        <v>0</v>
      </c>
      <c r="FG10" s="405">
        <v>0</v>
      </c>
      <c r="FH10" s="405">
        <v>0</v>
      </c>
      <c r="FI10" s="405">
        <v>0</v>
      </c>
      <c r="FJ10" s="406">
        <v>0</v>
      </c>
      <c r="FK10" s="408">
        <v>0</v>
      </c>
      <c r="FL10" s="404">
        <v>2259909</v>
      </c>
      <c r="FM10" s="405">
        <v>4657871</v>
      </c>
      <c r="FN10" s="406">
        <v>6917780</v>
      </c>
      <c r="FO10" s="404">
        <v>0</v>
      </c>
      <c r="FP10" s="405">
        <v>5577440</v>
      </c>
      <c r="FQ10" s="405">
        <v>17187162</v>
      </c>
      <c r="FR10" s="405">
        <v>11439114</v>
      </c>
      <c r="FS10" s="405">
        <v>10194644</v>
      </c>
      <c r="FT10" s="405">
        <v>7349904</v>
      </c>
      <c r="FU10" s="406">
        <v>51748264</v>
      </c>
      <c r="FV10" s="408">
        <v>58666044</v>
      </c>
      <c r="FW10" s="412">
        <v>885952</v>
      </c>
      <c r="FX10" s="405">
        <v>3060304</v>
      </c>
      <c r="FY10" s="409">
        <v>3946256</v>
      </c>
      <c r="FZ10" s="410">
        <v>0</v>
      </c>
      <c r="GA10" s="405">
        <v>3469616</v>
      </c>
      <c r="GB10" s="405">
        <v>15706652</v>
      </c>
      <c r="GC10" s="405">
        <v>10885960</v>
      </c>
      <c r="GD10" s="405">
        <v>9259624</v>
      </c>
      <c r="GE10" s="405">
        <v>6787092</v>
      </c>
      <c r="GF10" s="406">
        <v>46108944</v>
      </c>
      <c r="GG10" s="413">
        <v>50055200</v>
      </c>
      <c r="GH10" s="412">
        <v>153661</v>
      </c>
      <c r="GI10" s="405">
        <v>170281</v>
      </c>
      <c r="GJ10" s="409">
        <v>323942</v>
      </c>
      <c r="GK10" s="410">
        <v>0</v>
      </c>
      <c r="GL10" s="405">
        <v>362496</v>
      </c>
      <c r="GM10" s="405">
        <v>367214</v>
      </c>
      <c r="GN10" s="405">
        <v>206628</v>
      </c>
      <c r="GO10" s="405">
        <v>462540</v>
      </c>
      <c r="GP10" s="405">
        <v>155628</v>
      </c>
      <c r="GQ10" s="406">
        <v>1554506</v>
      </c>
      <c r="GR10" s="408">
        <v>1878448</v>
      </c>
      <c r="GS10" s="404">
        <v>1220296</v>
      </c>
      <c r="GT10" s="405">
        <v>1427286</v>
      </c>
      <c r="GU10" s="406">
        <v>2647582</v>
      </c>
      <c r="GV10" s="404">
        <v>0</v>
      </c>
      <c r="GW10" s="405">
        <v>1745328</v>
      </c>
      <c r="GX10" s="405">
        <v>1113296</v>
      </c>
      <c r="GY10" s="405">
        <v>346526</v>
      </c>
      <c r="GZ10" s="405">
        <v>472480</v>
      </c>
      <c r="HA10" s="405">
        <v>407184</v>
      </c>
      <c r="HB10" s="409">
        <v>4084814</v>
      </c>
      <c r="HC10" s="408">
        <v>6732396</v>
      </c>
      <c r="HD10" s="404">
        <v>4049449</v>
      </c>
      <c r="HE10" s="405">
        <v>6859549</v>
      </c>
      <c r="HF10" s="409">
        <v>10908998</v>
      </c>
      <c r="HG10" s="410">
        <v>0</v>
      </c>
      <c r="HH10" s="405">
        <v>29920803</v>
      </c>
      <c r="HI10" s="405">
        <v>37837702</v>
      </c>
      <c r="HJ10" s="405">
        <v>39175545</v>
      </c>
      <c r="HK10" s="405">
        <v>40877969</v>
      </c>
      <c r="HL10" s="405">
        <v>28281698</v>
      </c>
      <c r="HM10" s="406">
        <v>176093717</v>
      </c>
      <c r="HN10" s="407">
        <v>187002715</v>
      </c>
      <c r="HO10" s="445">
        <v>0</v>
      </c>
      <c r="HP10" s="446">
        <v>0</v>
      </c>
      <c r="HQ10" s="447">
        <v>0</v>
      </c>
      <c r="HR10" s="448">
        <v>0</v>
      </c>
      <c r="HS10" s="446">
        <v>0</v>
      </c>
      <c r="HT10" s="446">
        <v>0</v>
      </c>
      <c r="HU10" s="446">
        <v>0</v>
      </c>
      <c r="HV10" s="446">
        <v>0</v>
      </c>
      <c r="HW10" s="446">
        <v>0</v>
      </c>
      <c r="HX10" s="449">
        <v>0</v>
      </c>
      <c r="HY10" s="450">
        <v>0</v>
      </c>
      <c r="HZ10" s="414">
        <v>226144</v>
      </c>
      <c r="IA10" s="415">
        <v>313115</v>
      </c>
      <c r="IB10" s="416">
        <v>539259</v>
      </c>
      <c r="IC10" s="417">
        <v>0</v>
      </c>
      <c r="ID10" s="418">
        <v>29835458</v>
      </c>
      <c r="IE10" s="419">
        <v>44020458</v>
      </c>
      <c r="IF10" s="420">
        <v>42474767</v>
      </c>
      <c r="IG10" s="418">
        <v>33113842</v>
      </c>
      <c r="IH10" s="420">
        <v>27939980</v>
      </c>
      <c r="II10" s="421">
        <v>177384505</v>
      </c>
      <c r="IJ10" s="422">
        <v>177923764</v>
      </c>
      <c r="IK10" s="423">
        <v>0</v>
      </c>
      <c r="IL10" s="424">
        <v>0</v>
      </c>
      <c r="IM10" s="425">
        <v>0</v>
      </c>
      <c r="IN10" s="426">
        <v>0</v>
      </c>
      <c r="IO10" s="427">
        <v>471980</v>
      </c>
      <c r="IP10" s="427">
        <v>1534909</v>
      </c>
      <c r="IQ10" s="427">
        <v>1911073</v>
      </c>
      <c r="IR10" s="427">
        <v>3148230</v>
      </c>
      <c r="IS10" s="427">
        <v>2024730</v>
      </c>
      <c r="IT10" s="428">
        <v>9090922</v>
      </c>
      <c r="IU10" s="429">
        <v>9090922</v>
      </c>
      <c r="IV10" s="430">
        <v>0</v>
      </c>
      <c r="IW10" s="427">
        <v>0</v>
      </c>
      <c r="IX10" s="431">
        <v>0</v>
      </c>
      <c r="IY10" s="432">
        <v>0</v>
      </c>
      <c r="IZ10" s="427">
        <v>131922</v>
      </c>
      <c r="JA10" s="427">
        <v>484741</v>
      </c>
      <c r="JB10" s="427">
        <v>531870</v>
      </c>
      <c r="JC10" s="427">
        <v>836352</v>
      </c>
      <c r="JD10" s="427">
        <v>549741</v>
      </c>
      <c r="JE10" s="431">
        <v>2534626</v>
      </c>
      <c r="JF10" s="433">
        <v>2534626</v>
      </c>
      <c r="JG10" s="430">
        <v>0</v>
      </c>
      <c r="JH10" s="427">
        <v>0</v>
      </c>
      <c r="JI10" s="428">
        <v>0</v>
      </c>
      <c r="JJ10" s="434">
        <v>0</v>
      </c>
      <c r="JK10" s="427">
        <v>15085825</v>
      </c>
      <c r="JL10" s="427">
        <v>19134155</v>
      </c>
      <c r="JM10" s="427">
        <v>12972973</v>
      </c>
      <c r="JN10" s="427">
        <v>7078301</v>
      </c>
      <c r="JO10" s="427">
        <v>4107140</v>
      </c>
      <c r="JP10" s="431">
        <v>58378394</v>
      </c>
      <c r="JQ10" s="429">
        <v>58378394</v>
      </c>
      <c r="JR10" s="430">
        <v>0</v>
      </c>
      <c r="JS10" s="427">
        <v>0</v>
      </c>
      <c r="JT10" s="428">
        <v>0</v>
      </c>
      <c r="JU10" s="434">
        <v>0</v>
      </c>
      <c r="JV10" s="427">
        <v>3223503</v>
      </c>
      <c r="JW10" s="427">
        <v>2793525</v>
      </c>
      <c r="JX10" s="427">
        <v>6663756</v>
      </c>
      <c r="JY10" s="427">
        <v>2150716</v>
      </c>
      <c r="JZ10" s="427">
        <v>1958493</v>
      </c>
      <c r="KA10" s="431">
        <v>16789993</v>
      </c>
      <c r="KB10" s="429">
        <v>16789993</v>
      </c>
      <c r="KC10" s="435">
        <v>226144</v>
      </c>
      <c r="KD10" s="436">
        <v>313115</v>
      </c>
      <c r="KE10" s="431">
        <v>539259</v>
      </c>
      <c r="KF10" s="434">
        <v>0</v>
      </c>
      <c r="KG10" s="427">
        <v>3259159</v>
      </c>
      <c r="KH10" s="427">
        <v>5941695</v>
      </c>
      <c r="KI10" s="427">
        <v>7013234</v>
      </c>
      <c r="KJ10" s="427">
        <v>4317368</v>
      </c>
      <c r="KK10" s="427">
        <v>3139158</v>
      </c>
      <c r="KL10" s="431">
        <v>23670614</v>
      </c>
      <c r="KM10" s="437">
        <v>24209873</v>
      </c>
      <c r="KN10" s="423">
        <v>0</v>
      </c>
      <c r="KO10" s="424">
        <v>0</v>
      </c>
      <c r="KP10" s="425">
        <v>0</v>
      </c>
      <c r="KQ10" s="426">
        <v>0</v>
      </c>
      <c r="KR10" s="427">
        <v>7329603</v>
      </c>
      <c r="KS10" s="427">
        <v>13259027</v>
      </c>
      <c r="KT10" s="427">
        <v>11294852</v>
      </c>
      <c r="KU10" s="427">
        <v>12839762</v>
      </c>
      <c r="KV10" s="427">
        <v>8883414</v>
      </c>
      <c r="KW10" s="431">
        <v>53606658</v>
      </c>
      <c r="KX10" s="429">
        <v>53606658</v>
      </c>
      <c r="KY10" s="430">
        <v>0</v>
      </c>
      <c r="KZ10" s="427">
        <v>0</v>
      </c>
      <c r="LA10" s="431">
        <v>0</v>
      </c>
      <c r="LB10" s="438">
        <v>0</v>
      </c>
      <c r="LC10" s="427">
        <v>0</v>
      </c>
      <c r="LD10" s="427">
        <v>0</v>
      </c>
      <c r="LE10" s="427">
        <v>0</v>
      </c>
      <c r="LF10" s="427">
        <v>0</v>
      </c>
      <c r="LG10" s="427">
        <v>0</v>
      </c>
      <c r="LH10" s="431">
        <v>0</v>
      </c>
      <c r="LI10" s="433">
        <v>0</v>
      </c>
      <c r="LJ10" s="430">
        <v>0</v>
      </c>
      <c r="LK10" s="427">
        <v>0</v>
      </c>
      <c r="LL10" s="431">
        <v>0</v>
      </c>
      <c r="LM10" s="438">
        <v>0</v>
      </c>
      <c r="LN10" s="427">
        <v>0</v>
      </c>
      <c r="LO10" s="427">
        <v>242100</v>
      </c>
      <c r="LP10" s="427">
        <v>814383</v>
      </c>
      <c r="LQ10" s="427">
        <v>1149919</v>
      </c>
      <c r="LR10" s="427">
        <v>609932</v>
      </c>
      <c r="LS10" s="431">
        <v>2816334</v>
      </c>
      <c r="LT10" s="429">
        <v>2816334</v>
      </c>
      <c r="LU10" s="430">
        <v>0</v>
      </c>
      <c r="LV10" s="427">
        <v>0</v>
      </c>
      <c r="LW10" s="431">
        <v>0</v>
      </c>
      <c r="LX10" s="438">
        <v>0</v>
      </c>
      <c r="LY10" s="427">
        <v>333466</v>
      </c>
      <c r="LZ10" s="427">
        <v>630306</v>
      </c>
      <c r="MA10" s="427">
        <v>1272626</v>
      </c>
      <c r="MB10" s="427">
        <v>1593194</v>
      </c>
      <c r="MC10" s="427">
        <v>6667372</v>
      </c>
      <c r="MD10" s="431">
        <v>10496964</v>
      </c>
      <c r="ME10" s="433">
        <v>10496964</v>
      </c>
      <c r="MF10" s="430">
        <v>0</v>
      </c>
      <c r="MG10" s="427">
        <v>0</v>
      </c>
      <c r="MH10" s="431">
        <v>0</v>
      </c>
      <c r="MI10" s="438">
        <v>0</v>
      </c>
      <c r="MJ10" s="427">
        <v>11095670</v>
      </c>
      <c r="MK10" s="427">
        <v>34705365</v>
      </c>
      <c r="ML10" s="427">
        <v>89186988</v>
      </c>
      <c r="MM10" s="427">
        <v>122036266</v>
      </c>
      <c r="MN10" s="427">
        <v>75859353</v>
      </c>
      <c r="MO10" s="431">
        <v>332883642</v>
      </c>
      <c r="MP10" s="437">
        <v>332883642</v>
      </c>
      <c r="MQ10" s="430">
        <v>0</v>
      </c>
      <c r="MR10" s="427">
        <v>0</v>
      </c>
      <c r="MS10" s="431">
        <v>0</v>
      </c>
      <c r="MT10" s="438">
        <v>0</v>
      </c>
      <c r="MU10" s="427">
        <v>1735467</v>
      </c>
      <c r="MV10" s="427">
        <v>9689986</v>
      </c>
      <c r="MW10" s="427">
        <v>55850658</v>
      </c>
      <c r="MX10" s="427">
        <v>73971612</v>
      </c>
      <c r="MY10" s="427">
        <v>46027124</v>
      </c>
      <c r="MZ10" s="431">
        <v>187274847</v>
      </c>
      <c r="NA10" s="437">
        <v>187274847</v>
      </c>
      <c r="NB10" s="430">
        <v>0</v>
      </c>
      <c r="NC10" s="427">
        <v>0</v>
      </c>
      <c r="ND10" s="431">
        <v>0</v>
      </c>
      <c r="NE10" s="438">
        <v>0</v>
      </c>
      <c r="NF10" s="427">
        <v>9360203</v>
      </c>
      <c r="NG10" s="427">
        <v>25015379</v>
      </c>
      <c r="NH10" s="427">
        <v>33015934</v>
      </c>
      <c r="NI10" s="427">
        <v>45453350</v>
      </c>
      <c r="NJ10" s="427">
        <v>26208672</v>
      </c>
      <c r="NK10" s="431">
        <v>139053538</v>
      </c>
      <c r="NL10" s="429">
        <v>139053538</v>
      </c>
      <c r="NM10" s="430">
        <v>0</v>
      </c>
      <c r="NN10" s="427">
        <v>0</v>
      </c>
      <c r="NO10" s="431">
        <v>0</v>
      </c>
      <c r="NP10" s="438">
        <v>0</v>
      </c>
      <c r="NQ10" s="427">
        <v>0</v>
      </c>
      <c r="NR10" s="427">
        <v>0</v>
      </c>
      <c r="NS10" s="427">
        <v>0</v>
      </c>
      <c r="NT10" s="427">
        <v>1226074</v>
      </c>
      <c r="NU10" s="427">
        <v>674258</v>
      </c>
      <c r="NV10" s="431">
        <v>1900332</v>
      </c>
      <c r="NW10" s="433">
        <v>1900332</v>
      </c>
      <c r="NX10" s="430">
        <v>0</v>
      </c>
      <c r="NY10" s="427">
        <v>0</v>
      </c>
      <c r="NZ10" s="431">
        <v>0</v>
      </c>
      <c r="OA10" s="438">
        <v>0</v>
      </c>
      <c r="OB10" s="427">
        <v>0</v>
      </c>
      <c r="OC10" s="427">
        <v>0</v>
      </c>
      <c r="OD10" s="427">
        <v>320396</v>
      </c>
      <c r="OE10" s="427">
        <v>1385230</v>
      </c>
      <c r="OF10" s="427">
        <v>2949299</v>
      </c>
      <c r="OG10" s="431">
        <v>4654925</v>
      </c>
      <c r="OH10" s="433">
        <v>4654925</v>
      </c>
      <c r="OI10" s="430">
        <v>11758903</v>
      </c>
      <c r="OJ10" s="427">
        <v>25835096</v>
      </c>
      <c r="OK10" s="428">
        <v>37593999</v>
      </c>
      <c r="OL10" s="434">
        <v>0</v>
      </c>
      <c r="OM10" s="427">
        <v>152820293</v>
      </c>
      <c r="ON10" s="427">
        <v>262186549</v>
      </c>
      <c r="OO10" s="427">
        <v>290163811</v>
      </c>
      <c r="OP10" s="427">
        <v>288743215</v>
      </c>
      <c r="OQ10" s="427">
        <v>207535725</v>
      </c>
      <c r="OR10" s="431">
        <v>1201449593</v>
      </c>
      <c r="OS10" s="437">
        <v>1239043592</v>
      </c>
    </row>
    <row r="11" spans="1:409" ht="21" customHeight="1" x14ac:dyDescent="0.2">
      <c r="B11" s="472" t="s">
        <v>6</v>
      </c>
      <c r="C11" s="100">
        <v>4171236</v>
      </c>
      <c r="D11" s="104">
        <v>4983757</v>
      </c>
      <c r="E11" s="103">
        <v>9154993</v>
      </c>
      <c r="F11" s="99">
        <v>0</v>
      </c>
      <c r="G11" s="104">
        <v>42807981</v>
      </c>
      <c r="H11" s="104">
        <v>48113066</v>
      </c>
      <c r="I11" s="104">
        <v>40760459</v>
      </c>
      <c r="J11" s="104">
        <v>39280180</v>
      </c>
      <c r="K11" s="104">
        <v>28900892</v>
      </c>
      <c r="L11" s="99">
        <v>199862578</v>
      </c>
      <c r="M11" s="106">
        <v>209017571</v>
      </c>
      <c r="N11" s="100">
        <v>1167729</v>
      </c>
      <c r="O11" s="104">
        <v>1611029</v>
      </c>
      <c r="P11" s="103">
        <v>2778758</v>
      </c>
      <c r="Q11" s="100">
        <v>0</v>
      </c>
      <c r="R11" s="104">
        <v>14262402</v>
      </c>
      <c r="S11" s="104">
        <v>16553441</v>
      </c>
      <c r="T11" s="104">
        <v>13409427</v>
      </c>
      <c r="U11" s="104">
        <v>14692980</v>
      </c>
      <c r="V11" s="104">
        <v>14497193</v>
      </c>
      <c r="W11" s="103">
        <v>73415443</v>
      </c>
      <c r="X11" s="106">
        <v>76194201</v>
      </c>
      <c r="Y11" s="100">
        <v>0</v>
      </c>
      <c r="Z11" s="104">
        <v>0</v>
      </c>
      <c r="AA11" s="103">
        <v>0</v>
      </c>
      <c r="AB11" s="100">
        <v>0</v>
      </c>
      <c r="AC11" s="104">
        <v>5118567</v>
      </c>
      <c r="AD11" s="104">
        <v>5885955</v>
      </c>
      <c r="AE11" s="104">
        <v>6310023</v>
      </c>
      <c r="AF11" s="104">
        <v>7013513</v>
      </c>
      <c r="AG11" s="104">
        <v>7102490</v>
      </c>
      <c r="AH11" s="103">
        <v>31430548</v>
      </c>
      <c r="AI11" s="106">
        <v>31430548</v>
      </c>
      <c r="AJ11" s="100">
        <v>0</v>
      </c>
      <c r="AK11" s="104">
        <v>0</v>
      </c>
      <c r="AL11" s="103">
        <v>0</v>
      </c>
      <c r="AM11" s="100">
        <v>0</v>
      </c>
      <c r="AN11" s="104">
        <v>60750</v>
      </c>
      <c r="AO11" s="104">
        <v>60073</v>
      </c>
      <c r="AP11" s="104">
        <v>444323</v>
      </c>
      <c r="AQ11" s="104">
        <v>428654</v>
      </c>
      <c r="AR11" s="104">
        <v>1606703</v>
      </c>
      <c r="AS11" s="103">
        <v>2600503</v>
      </c>
      <c r="AT11" s="106">
        <v>2600503</v>
      </c>
      <c r="AU11" s="100">
        <v>559734</v>
      </c>
      <c r="AV11" s="104">
        <v>1017383</v>
      </c>
      <c r="AW11" s="103">
        <v>1577117</v>
      </c>
      <c r="AX11" s="100">
        <v>0</v>
      </c>
      <c r="AY11" s="104">
        <v>5507037</v>
      </c>
      <c r="AZ11" s="104">
        <v>7224601</v>
      </c>
      <c r="BA11" s="104">
        <v>3818626</v>
      </c>
      <c r="BB11" s="104">
        <v>4185786</v>
      </c>
      <c r="BC11" s="104">
        <v>3932600</v>
      </c>
      <c r="BD11" s="103">
        <v>24668650</v>
      </c>
      <c r="BE11" s="106">
        <v>26245767</v>
      </c>
      <c r="BF11" s="100">
        <v>55531</v>
      </c>
      <c r="BG11" s="104">
        <v>213062</v>
      </c>
      <c r="BH11" s="102">
        <v>268593</v>
      </c>
      <c r="BI11" s="101">
        <v>0</v>
      </c>
      <c r="BJ11" s="104">
        <v>558497</v>
      </c>
      <c r="BK11" s="104">
        <v>748436</v>
      </c>
      <c r="BL11" s="104">
        <v>144767</v>
      </c>
      <c r="BM11" s="104">
        <v>398419</v>
      </c>
      <c r="BN11" s="104">
        <v>75480</v>
      </c>
      <c r="BO11" s="103">
        <v>1925599</v>
      </c>
      <c r="BP11" s="106">
        <v>2194192</v>
      </c>
      <c r="BQ11" s="100">
        <v>552464</v>
      </c>
      <c r="BR11" s="104">
        <v>380584</v>
      </c>
      <c r="BS11" s="103">
        <v>933048</v>
      </c>
      <c r="BT11" s="100">
        <v>0</v>
      </c>
      <c r="BU11" s="104">
        <v>3017551</v>
      </c>
      <c r="BV11" s="104">
        <v>2634376</v>
      </c>
      <c r="BW11" s="104">
        <v>2691688</v>
      </c>
      <c r="BX11" s="104">
        <v>2666608</v>
      </c>
      <c r="BY11" s="104">
        <v>1779920</v>
      </c>
      <c r="BZ11" s="103">
        <v>12790143</v>
      </c>
      <c r="CA11" s="106">
        <v>13723191</v>
      </c>
      <c r="CB11" s="100">
        <v>218911</v>
      </c>
      <c r="CC11" s="104">
        <v>558819</v>
      </c>
      <c r="CD11" s="103">
        <v>777730</v>
      </c>
      <c r="CE11" s="100">
        <v>0</v>
      </c>
      <c r="CF11" s="104">
        <v>10983112</v>
      </c>
      <c r="CG11" s="104">
        <v>15038434</v>
      </c>
      <c r="CH11" s="104">
        <v>8719436</v>
      </c>
      <c r="CI11" s="104">
        <v>5899324</v>
      </c>
      <c r="CJ11" s="104">
        <v>3313193</v>
      </c>
      <c r="CK11" s="103">
        <v>43953499</v>
      </c>
      <c r="CL11" s="106">
        <v>44731229</v>
      </c>
      <c r="CM11" s="100">
        <v>0</v>
      </c>
      <c r="CN11" s="104">
        <v>0</v>
      </c>
      <c r="CO11" s="103">
        <v>0</v>
      </c>
      <c r="CP11" s="101">
        <v>0</v>
      </c>
      <c r="CQ11" s="104">
        <v>9215747</v>
      </c>
      <c r="CR11" s="104">
        <v>11065667</v>
      </c>
      <c r="CS11" s="104">
        <v>6089332</v>
      </c>
      <c r="CT11" s="104">
        <v>4144094</v>
      </c>
      <c r="CU11" s="104">
        <v>1911789</v>
      </c>
      <c r="CV11" s="103">
        <v>32426629</v>
      </c>
      <c r="CW11" s="106">
        <v>32426629</v>
      </c>
      <c r="CX11" s="100">
        <v>218911</v>
      </c>
      <c r="CY11" s="104">
        <v>558819</v>
      </c>
      <c r="CZ11" s="103">
        <v>777730</v>
      </c>
      <c r="DA11" s="100">
        <v>0</v>
      </c>
      <c r="DB11" s="104">
        <v>1767365</v>
      </c>
      <c r="DC11" s="104">
        <v>3972767</v>
      </c>
      <c r="DD11" s="104">
        <v>2630104</v>
      </c>
      <c r="DE11" s="104">
        <v>1755230</v>
      </c>
      <c r="DF11" s="104">
        <v>1401404</v>
      </c>
      <c r="DG11" s="103">
        <v>11526870</v>
      </c>
      <c r="DH11" s="106">
        <v>12304600</v>
      </c>
      <c r="DI11" s="100">
        <v>54485</v>
      </c>
      <c r="DJ11" s="104">
        <v>103863</v>
      </c>
      <c r="DK11" s="102">
        <v>158348</v>
      </c>
      <c r="DL11" s="101">
        <v>0</v>
      </c>
      <c r="DM11" s="104">
        <v>1257605</v>
      </c>
      <c r="DN11" s="104">
        <v>1702960</v>
      </c>
      <c r="DO11" s="104">
        <v>2880980</v>
      </c>
      <c r="DP11" s="104">
        <v>2122602</v>
      </c>
      <c r="DQ11" s="104">
        <v>1305814</v>
      </c>
      <c r="DR11" s="103">
        <v>9269961</v>
      </c>
      <c r="DS11" s="106">
        <v>9428309</v>
      </c>
      <c r="DT11" s="100">
        <v>54485</v>
      </c>
      <c r="DU11" s="104">
        <v>103863</v>
      </c>
      <c r="DV11" s="103">
        <v>158348</v>
      </c>
      <c r="DW11" s="100">
        <v>0</v>
      </c>
      <c r="DX11" s="104">
        <v>1171134</v>
      </c>
      <c r="DY11" s="104">
        <v>1469789</v>
      </c>
      <c r="DZ11" s="104">
        <v>2203258</v>
      </c>
      <c r="EA11" s="104">
        <v>1370124</v>
      </c>
      <c r="EB11" s="104">
        <v>1088723</v>
      </c>
      <c r="EC11" s="103">
        <v>7303028</v>
      </c>
      <c r="ED11" s="106">
        <v>7461376</v>
      </c>
      <c r="EE11" s="100">
        <v>0</v>
      </c>
      <c r="EF11" s="102">
        <v>0</v>
      </c>
      <c r="EG11" s="103">
        <v>0</v>
      </c>
      <c r="EH11" s="100">
        <v>0</v>
      </c>
      <c r="EI11" s="104">
        <v>86471</v>
      </c>
      <c r="EJ11" s="104">
        <v>233171</v>
      </c>
      <c r="EK11" s="104">
        <v>677722</v>
      </c>
      <c r="EL11" s="104">
        <v>752478</v>
      </c>
      <c r="EM11" s="104">
        <v>217091</v>
      </c>
      <c r="EN11" s="102">
        <v>1966933</v>
      </c>
      <c r="EO11" s="106">
        <v>1966933</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v>0</v>
      </c>
      <c r="FE11" s="104">
        <v>0</v>
      </c>
      <c r="FF11" s="104">
        <v>0</v>
      </c>
      <c r="FG11" s="104">
        <v>0</v>
      </c>
      <c r="FH11" s="104">
        <v>0</v>
      </c>
      <c r="FI11" s="104">
        <v>0</v>
      </c>
      <c r="FJ11" s="103">
        <v>0</v>
      </c>
      <c r="FK11" s="106">
        <v>0</v>
      </c>
      <c r="FL11" s="100">
        <v>771096</v>
      </c>
      <c r="FM11" s="104">
        <v>1230645</v>
      </c>
      <c r="FN11" s="103">
        <v>2001741</v>
      </c>
      <c r="FO11" s="100">
        <v>0</v>
      </c>
      <c r="FP11" s="104">
        <v>2425772</v>
      </c>
      <c r="FQ11" s="104">
        <v>3833890</v>
      </c>
      <c r="FR11" s="104">
        <v>3499130</v>
      </c>
      <c r="FS11" s="104">
        <v>3096395</v>
      </c>
      <c r="FT11" s="104">
        <v>2329538</v>
      </c>
      <c r="FU11" s="103">
        <v>15184725</v>
      </c>
      <c r="FV11" s="106">
        <v>17186466</v>
      </c>
      <c r="FW11" s="105">
        <v>385392</v>
      </c>
      <c r="FX11" s="104">
        <v>721576</v>
      </c>
      <c r="FY11" s="102">
        <v>1106968</v>
      </c>
      <c r="FZ11" s="101">
        <v>0</v>
      </c>
      <c r="GA11" s="104">
        <v>1596944</v>
      </c>
      <c r="GB11" s="104">
        <v>3580794</v>
      </c>
      <c r="GC11" s="104">
        <v>3045930</v>
      </c>
      <c r="GD11" s="104">
        <v>2860024</v>
      </c>
      <c r="GE11" s="104">
        <v>2173392</v>
      </c>
      <c r="GF11" s="103">
        <v>13257084</v>
      </c>
      <c r="GG11" s="296">
        <v>14364052</v>
      </c>
      <c r="GH11" s="105">
        <v>68640</v>
      </c>
      <c r="GI11" s="104">
        <v>81069</v>
      </c>
      <c r="GJ11" s="102">
        <v>149709</v>
      </c>
      <c r="GK11" s="101">
        <v>0</v>
      </c>
      <c r="GL11" s="104">
        <v>272348</v>
      </c>
      <c r="GM11" s="104">
        <v>110064</v>
      </c>
      <c r="GN11" s="104">
        <v>197200</v>
      </c>
      <c r="GO11" s="104">
        <v>169171</v>
      </c>
      <c r="GP11" s="104">
        <v>126226</v>
      </c>
      <c r="GQ11" s="103">
        <v>875009</v>
      </c>
      <c r="GR11" s="106">
        <v>1024718</v>
      </c>
      <c r="GS11" s="100">
        <v>317064</v>
      </c>
      <c r="GT11" s="104">
        <v>428000</v>
      </c>
      <c r="GU11" s="103">
        <v>745064</v>
      </c>
      <c r="GV11" s="100">
        <v>0</v>
      </c>
      <c r="GW11" s="104">
        <v>556480</v>
      </c>
      <c r="GX11" s="104">
        <v>143032</v>
      </c>
      <c r="GY11" s="104">
        <v>256000</v>
      </c>
      <c r="GZ11" s="104">
        <v>67200</v>
      </c>
      <c r="HA11" s="104">
        <v>29920</v>
      </c>
      <c r="HB11" s="102">
        <v>1052632</v>
      </c>
      <c r="HC11" s="106">
        <v>1797696</v>
      </c>
      <c r="HD11" s="100">
        <v>1959015</v>
      </c>
      <c r="HE11" s="104">
        <v>1479401</v>
      </c>
      <c r="HF11" s="102">
        <v>3438416</v>
      </c>
      <c r="HG11" s="101">
        <v>0</v>
      </c>
      <c r="HH11" s="104">
        <v>13879090</v>
      </c>
      <c r="HI11" s="104">
        <v>10984341</v>
      </c>
      <c r="HJ11" s="104">
        <v>12251486</v>
      </c>
      <c r="HK11" s="104">
        <v>13468879</v>
      </c>
      <c r="HL11" s="104">
        <v>7455154</v>
      </c>
      <c r="HM11" s="103">
        <v>58038950</v>
      </c>
      <c r="HN11" s="99">
        <v>61477366</v>
      </c>
      <c r="HO11" s="306">
        <v>0</v>
      </c>
      <c r="HP11" s="307">
        <v>0</v>
      </c>
      <c r="HQ11" s="308">
        <v>0</v>
      </c>
      <c r="HR11" s="309">
        <v>0</v>
      </c>
      <c r="HS11" s="307">
        <v>0</v>
      </c>
      <c r="HT11" s="307">
        <v>0</v>
      </c>
      <c r="HU11" s="307">
        <v>0</v>
      </c>
      <c r="HV11" s="307">
        <v>0</v>
      </c>
      <c r="HW11" s="307">
        <v>0</v>
      </c>
      <c r="HX11" s="310">
        <v>0</v>
      </c>
      <c r="HY11" s="311">
        <v>0</v>
      </c>
      <c r="HZ11" s="118">
        <v>91608</v>
      </c>
      <c r="IA11" s="119">
        <v>0</v>
      </c>
      <c r="IB11" s="120">
        <v>91608</v>
      </c>
      <c r="IC11" s="133">
        <v>0</v>
      </c>
      <c r="ID11" s="119">
        <v>13224407</v>
      </c>
      <c r="IE11" s="134">
        <v>12618410</v>
      </c>
      <c r="IF11" s="120">
        <v>13437070</v>
      </c>
      <c r="IG11" s="119">
        <v>16125877</v>
      </c>
      <c r="IH11" s="120">
        <v>9863646</v>
      </c>
      <c r="II11" s="135">
        <v>65269410</v>
      </c>
      <c r="IJ11" s="126">
        <v>65361018</v>
      </c>
      <c r="IK11" s="219">
        <v>0</v>
      </c>
      <c r="IL11" s="223">
        <v>0</v>
      </c>
      <c r="IM11" s="224">
        <v>0</v>
      </c>
      <c r="IN11" s="127">
        <v>0</v>
      </c>
      <c r="IO11" s="109">
        <v>220948</v>
      </c>
      <c r="IP11" s="109">
        <v>262821</v>
      </c>
      <c r="IQ11" s="109">
        <v>1170715</v>
      </c>
      <c r="IR11" s="109">
        <v>623269</v>
      </c>
      <c r="IS11" s="109">
        <v>1382061</v>
      </c>
      <c r="IT11" s="128">
        <v>3659814</v>
      </c>
      <c r="IU11" s="298">
        <v>3659814</v>
      </c>
      <c r="IV11" s="129">
        <v>0</v>
      </c>
      <c r="IW11" s="109">
        <v>0</v>
      </c>
      <c r="IX11" s="110">
        <v>0</v>
      </c>
      <c r="IY11" s="131">
        <v>0</v>
      </c>
      <c r="IZ11" s="109">
        <v>52796</v>
      </c>
      <c r="JA11" s="109">
        <v>101276</v>
      </c>
      <c r="JB11" s="109">
        <v>266680</v>
      </c>
      <c r="JC11" s="109">
        <v>94037</v>
      </c>
      <c r="JD11" s="109">
        <v>101998</v>
      </c>
      <c r="JE11" s="110">
        <v>616787</v>
      </c>
      <c r="JF11" s="111">
        <v>616787</v>
      </c>
      <c r="JG11" s="129">
        <v>0</v>
      </c>
      <c r="JH11" s="109">
        <v>0</v>
      </c>
      <c r="JI11" s="128">
        <v>0</v>
      </c>
      <c r="JJ11" s="108">
        <v>0</v>
      </c>
      <c r="JK11" s="109">
        <v>4022814</v>
      </c>
      <c r="JL11" s="109">
        <v>3192549</v>
      </c>
      <c r="JM11" s="109">
        <v>2169872</v>
      </c>
      <c r="JN11" s="109">
        <v>1898190</v>
      </c>
      <c r="JO11" s="109">
        <v>1504535</v>
      </c>
      <c r="JP11" s="110">
        <v>12787960</v>
      </c>
      <c r="JQ11" s="298">
        <v>12787960</v>
      </c>
      <c r="JR11" s="129">
        <v>0</v>
      </c>
      <c r="JS11" s="109">
        <v>0</v>
      </c>
      <c r="JT11" s="128">
        <v>0</v>
      </c>
      <c r="JU11" s="108">
        <v>0</v>
      </c>
      <c r="JV11" s="109">
        <v>1325748</v>
      </c>
      <c r="JW11" s="109">
        <v>1449031</v>
      </c>
      <c r="JX11" s="109">
        <v>1018268</v>
      </c>
      <c r="JY11" s="109">
        <v>481206</v>
      </c>
      <c r="JZ11" s="109">
        <v>910031</v>
      </c>
      <c r="KA11" s="110">
        <v>5184284</v>
      </c>
      <c r="KB11" s="298">
        <v>5184284</v>
      </c>
      <c r="KC11" s="221">
        <v>91608</v>
      </c>
      <c r="KD11" s="217">
        <v>0</v>
      </c>
      <c r="KE11" s="110">
        <v>91608</v>
      </c>
      <c r="KF11" s="108">
        <v>0</v>
      </c>
      <c r="KG11" s="109">
        <v>1693151</v>
      </c>
      <c r="KH11" s="109">
        <v>1686952</v>
      </c>
      <c r="KI11" s="109">
        <v>1838190</v>
      </c>
      <c r="KJ11" s="109">
        <v>3185025</v>
      </c>
      <c r="KK11" s="109">
        <v>1388649</v>
      </c>
      <c r="KL11" s="110">
        <v>9791967</v>
      </c>
      <c r="KM11" s="130">
        <v>9883575</v>
      </c>
      <c r="KN11" s="219">
        <v>0</v>
      </c>
      <c r="KO11" s="223">
        <v>0</v>
      </c>
      <c r="KP11" s="224">
        <v>0</v>
      </c>
      <c r="KQ11" s="127">
        <v>0</v>
      </c>
      <c r="KR11" s="109">
        <v>4998331</v>
      </c>
      <c r="KS11" s="109">
        <v>5540187</v>
      </c>
      <c r="KT11" s="109">
        <v>5394993</v>
      </c>
      <c r="KU11" s="109">
        <v>5420585</v>
      </c>
      <c r="KV11" s="109">
        <v>2953035</v>
      </c>
      <c r="KW11" s="110">
        <v>24307131</v>
      </c>
      <c r="KX11" s="298">
        <v>24307131</v>
      </c>
      <c r="KY11" s="129">
        <v>0</v>
      </c>
      <c r="KZ11" s="109">
        <v>0</v>
      </c>
      <c r="LA11" s="110">
        <v>0</v>
      </c>
      <c r="LB11" s="132">
        <v>0</v>
      </c>
      <c r="LC11" s="109">
        <v>0</v>
      </c>
      <c r="LD11" s="109">
        <v>0</v>
      </c>
      <c r="LE11" s="109">
        <v>0</v>
      </c>
      <c r="LF11" s="109">
        <v>0</v>
      </c>
      <c r="LG11" s="109">
        <v>0</v>
      </c>
      <c r="LH11" s="110">
        <v>0</v>
      </c>
      <c r="LI11" s="111">
        <v>0</v>
      </c>
      <c r="LJ11" s="129">
        <v>0</v>
      </c>
      <c r="LK11" s="109">
        <v>0</v>
      </c>
      <c r="LL11" s="110">
        <v>0</v>
      </c>
      <c r="LM11" s="132">
        <v>0</v>
      </c>
      <c r="LN11" s="109">
        <v>0</v>
      </c>
      <c r="LO11" s="109">
        <v>0</v>
      </c>
      <c r="LP11" s="109">
        <v>1272416</v>
      </c>
      <c r="LQ11" s="109">
        <v>2259503</v>
      </c>
      <c r="LR11" s="109">
        <v>516505</v>
      </c>
      <c r="LS11" s="110">
        <v>4048424</v>
      </c>
      <c r="LT11" s="298">
        <v>4048424</v>
      </c>
      <c r="LU11" s="129">
        <v>0</v>
      </c>
      <c r="LV11" s="109">
        <v>0</v>
      </c>
      <c r="LW11" s="110">
        <v>0</v>
      </c>
      <c r="LX11" s="132">
        <v>0</v>
      </c>
      <c r="LY11" s="109">
        <v>910619</v>
      </c>
      <c r="LZ11" s="109">
        <v>385594</v>
      </c>
      <c r="MA11" s="109">
        <v>305936</v>
      </c>
      <c r="MB11" s="109">
        <v>2164062</v>
      </c>
      <c r="MC11" s="109">
        <v>1106832</v>
      </c>
      <c r="MD11" s="110">
        <v>4873043</v>
      </c>
      <c r="ME11" s="111">
        <v>4873043</v>
      </c>
      <c r="MF11" s="129">
        <v>0</v>
      </c>
      <c r="MG11" s="109">
        <v>0</v>
      </c>
      <c r="MH11" s="110">
        <v>0</v>
      </c>
      <c r="MI11" s="132">
        <v>0</v>
      </c>
      <c r="MJ11" s="109">
        <v>1906721</v>
      </c>
      <c r="MK11" s="109">
        <v>5491277</v>
      </c>
      <c r="ML11" s="109">
        <v>16302644</v>
      </c>
      <c r="MM11" s="109">
        <v>30613889</v>
      </c>
      <c r="MN11" s="109">
        <v>19156997</v>
      </c>
      <c r="MO11" s="110">
        <v>73471528</v>
      </c>
      <c r="MP11" s="130">
        <v>73471528</v>
      </c>
      <c r="MQ11" s="129">
        <v>0</v>
      </c>
      <c r="MR11" s="109">
        <v>0</v>
      </c>
      <c r="MS11" s="110">
        <v>0</v>
      </c>
      <c r="MT11" s="132">
        <v>0</v>
      </c>
      <c r="MU11" s="109">
        <v>215343</v>
      </c>
      <c r="MV11" s="109">
        <v>831937</v>
      </c>
      <c r="MW11" s="109">
        <v>11410927</v>
      </c>
      <c r="MX11" s="109">
        <v>17580480</v>
      </c>
      <c r="MY11" s="109">
        <v>11260420</v>
      </c>
      <c r="MZ11" s="110">
        <v>41299107</v>
      </c>
      <c r="NA11" s="130">
        <v>41299107</v>
      </c>
      <c r="NB11" s="129">
        <v>0</v>
      </c>
      <c r="NC11" s="109">
        <v>0</v>
      </c>
      <c r="ND11" s="110">
        <v>0</v>
      </c>
      <c r="NE11" s="132">
        <v>0</v>
      </c>
      <c r="NF11" s="109">
        <v>1691378</v>
      </c>
      <c r="NG11" s="109">
        <v>4371034</v>
      </c>
      <c r="NH11" s="109">
        <v>4586019</v>
      </c>
      <c r="NI11" s="109">
        <v>10343723</v>
      </c>
      <c r="NJ11" s="109">
        <v>6235630</v>
      </c>
      <c r="NK11" s="110">
        <v>27227784</v>
      </c>
      <c r="NL11" s="298">
        <v>27227784</v>
      </c>
      <c r="NM11" s="129">
        <v>0</v>
      </c>
      <c r="NN11" s="109">
        <v>0</v>
      </c>
      <c r="NO11" s="110">
        <v>0</v>
      </c>
      <c r="NP11" s="132">
        <v>0</v>
      </c>
      <c r="NQ11" s="109">
        <v>0</v>
      </c>
      <c r="NR11" s="109">
        <v>288306</v>
      </c>
      <c r="NS11" s="109">
        <v>305698</v>
      </c>
      <c r="NT11" s="109">
        <v>1635461</v>
      </c>
      <c r="NU11" s="109">
        <v>141904</v>
      </c>
      <c r="NV11" s="110">
        <v>2371369</v>
      </c>
      <c r="NW11" s="111">
        <v>2371369</v>
      </c>
      <c r="NX11" s="129">
        <v>0</v>
      </c>
      <c r="NY11" s="109">
        <v>0</v>
      </c>
      <c r="NZ11" s="110">
        <v>0</v>
      </c>
      <c r="OA11" s="132">
        <v>0</v>
      </c>
      <c r="OB11" s="109">
        <v>0</v>
      </c>
      <c r="OC11" s="109">
        <v>0</v>
      </c>
      <c r="OD11" s="109">
        <v>0</v>
      </c>
      <c r="OE11" s="109">
        <v>1054225</v>
      </c>
      <c r="OF11" s="109">
        <v>1519043</v>
      </c>
      <c r="OG11" s="110">
        <v>2573268</v>
      </c>
      <c r="OH11" s="111">
        <v>2573268</v>
      </c>
      <c r="OI11" s="129">
        <v>4262844</v>
      </c>
      <c r="OJ11" s="109">
        <v>4983757</v>
      </c>
      <c r="OK11" s="128">
        <v>9246601</v>
      </c>
      <c r="OL11" s="108">
        <v>0</v>
      </c>
      <c r="OM11" s="109">
        <v>57939109</v>
      </c>
      <c r="ON11" s="109">
        <v>66222753</v>
      </c>
      <c r="OO11" s="109">
        <v>70500173</v>
      </c>
      <c r="OP11" s="109">
        <v>86019946</v>
      </c>
      <c r="OQ11" s="109">
        <v>57921535</v>
      </c>
      <c r="OR11" s="110">
        <v>338603516</v>
      </c>
      <c r="OS11" s="130">
        <v>347850117</v>
      </c>
    </row>
    <row r="12" spans="1:409" ht="21" customHeight="1" x14ac:dyDescent="0.2">
      <c r="B12" s="472" t="s">
        <v>14</v>
      </c>
      <c r="C12" s="100">
        <v>1505295</v>
      </c>
      <c r="D12" s="104">
        <v>3497029</v>
      </c>
      <c r="E12" s="103">
        <v>5002324</v>
      </c>
      <c r="F12" s="99">
        <v>0</v>
      </c>
      <c r="G12" s="104">
        <v>18122903</v>
      </c>
      <c r="H12" s="104">
        <v>28229258</v>
      </c>
      <c r="I12" s="104">
        <v>25642564</v>
      </c>
      <c r="J12" s="104">
        <v>20093189</v>
      </c>
      <c r="K12" s="104">
        <v>12900585</v>
      </c>
      <c r="L12" s="102">
        <v>104988499</v>
      </c>
      <c r="M12" s="106">
        <v>109990823</v>
      </c>
      <c r="N12" s="100">
        <v>370717</v>
      </c>
      <c r="O12" s="104">
        <v>1018850</v>
      </c>
      <c r="P12" s="103">
        <v>1389567</v>
      </c>
      <c r="Q12" s="100">
        <v>0</v>
      </c>
      <c r="R12" s="104">
        <v>4921049</v>
      </c>
      <c r="S12" s="104">
        <v>9030887</v>
      </c>
      <c r="T12" s="104">
        <v>7684279</v>
      </c>
      <c r="U12" s="104">
        <v>7139624</v>
      </c>
      <c r="V12" s="104">
        <v>6559240</v>
      </c>
      <c r="W12" s="103">
        <v>35335079</v>
      </c>
      <c r="X12" s="106">
        <v>36724646</v>
      </c>
      <c r="Y12" s="100">
        <v>0</v>
      </c>
      <c r="Z12" s="104">
        <v>0</v>
      </c>
      <c r="AA12" s="103">
        <v>0</v>
      </c>
      <c r="AB12" s="100">
        <v>0</v>
      </c>
      <c r="AC12" s="104">
        <v>2137869</v>
      </c>
      <c r="AD12" s="104">
        <v>4286241</v>
      </c>
      <c r="AE12" s="104">
        <v>3693104</v>
      </c>
      <c r="AF12" s="104">
        <v>3541285</v>
      </c>
      <c r="AG12" s="104">
        <v>3649647</v>
      </c>
      <c r="AH12" s="103">
        <v>17308146</v>
      </c>
      <c r="AI12" s="106">
        <v>17308146</v>
      </c>
      <c r="AJ12" s="100">
        <v>0</v>
      </c>
      <c r="AK12" s="104">
        <v>56064</v>
      </c>
      <c r="AL12" s="103">
        <v>56064</v>
      </c>
      <c r="AM12" s="100">
        <v>0</v>
      </c>
      <c r="AN12" s="104">
        <v>0</v>
      </c>
      <c r="AO12" s="104">
        <v>35537</v>
      </c>
      <c r="AP12" s="104">
        <v>96630</v>
      </c>
      <c r="AQ12" s="104">
        <v>267662</v>
      </c>
      <c r="AR12" s="104">
        <v>611947</v>
      </c>
      <c r="AS12" s="103">
        <v>1011776</v>
      </c>
      <c r="AT12" s="106">
        <v>1067840</v>
      </c>
      <c r="AU12" s="100">
        <v>156229</v>
      </c>
      <c r="AV12" s="104">
        <v>631664</v>
      </c>
      <c r="AW12" s="103">
        <v>787893</v>
      </c>
      <c r="AX12" s="100">
        <v>0</v>
      </c>
      <c r="AY12" s="104">
        <v>1744997</v>
      </c>
      <c r="AZ12" s="104">
        <v>3319670</v>
      </c>
      <c r="BA12" s="104">
        <v>2262578</v>
      </c>
      <c r="BB12" s="104">
        <v>1911197</v>
      </c>
      <c r="BC12" s="104">
        <v>1524118</v>
      </c>
      <c r="BD12" s="103">
        <v>10762560</v>
      </c>
      <c r="BE12" s="106">
        <v>11550453</v>
      </c>
      <c r="BF12" s="100">
        <v>0</v>
      </c>
      <c r="BG12" s="104">
        <v>91162</v>
      </c>
      <c r="BH12" s="102">
        <v>91162</v>
      </c>
      <c r="BI12" s="101">
        <v>0</v>
      </c>
      <c r="BJ12" s="104">
        <v>31535</v>
      </c>
      <c r="BK12" s="104">
        <v>16015</v>
      </c>
      <c r="BL12" s="104">
        <v>39375</v>
      </c>
      <c r="BM12" s="104">
        <v>242400</v>
      </c>
      <c r="BN12" s="104">
        <v>0</v>
      </c>
      <c r="BO12" s="103">
        <v>329325</v>
      </c>
      <c r="BP12" s="106">
        <v>420487</v>
      </c>
      <c r="BQ12" s="100">
        <v>214488</v>
      </c>
      <c r="BR12" s="104">
        <v>239960</v>
      </c>
      <c r="BS12" s="103">
        <v>454448</v>
      </c>
      <c r="BT12" s="100">
        <v>0</v>
      </c>
      <c r="BU12" s="104">
        <v>1006648</v>
      </c>
      <c r="BV12" s="104">
        <v>1373424</v>
      </c>
      <c r="BW12" s="104">
        <v>1592592</v>
      </c>
      <c r="BX12" s="104">
        <v>1177080</v>
      </c>
      <c r="BY12" s="104">
        <v>773528</v>
      </c>
      <c r="BZ12" s="103">
        <v>5923272</v>
      </c>
      <c r="CA12" s="106">
        <v>6377720</v>
      </c>
      <c r="CB12" s="100">
        <v>184010</v>
      </c>
      <c r="CC12" s="104">
        <v>536877</v>
      </c>
      <c r="CD12" s="103">
        <v>720887</v>
      </c>
      <c r="CE12" s="100">
        <v>0</v>
      </c>
      <c r="CF12" s="104">
        <v>6213882</v>
      </c>
      <c r="CG12" s="104">
        <v>9998787</v>
      </c>
      <c r="CH12" s="104">
        <v>7900369</v>
      </c>
      <c r="CI12" s="104">
        <v>4480148</v>
      </c>
      <c r="CJ12" s="104">
        <v>1302884</v>
      </c>
      <c r="CK12" s="103">
        <v>29896070</v>
      </c>
      <c r="CL12" s="106">
        <v>30616957</v>
      </c>
      <c r="CM12" s="100">
        <v>0</v>
      </c>
      <c r="CN12" s="104">
        <v>0</v>
      </c>
      <c r="CO12" s="103">
        <v>0</v>
      </c>
      <c r="CP12" s="101">
        <v>0</v>
      </c>
      <c r="CQ12" s="104">
        <v>5648306</v>
      </c>
      <c r="CR12" s="104">
        <v>7722280</v>
      </c>
      <c r="CS12" s="104">
        <v>6712902</v>
      </c>
      <c r="CT12" s="104">
        <v>3564784</v>
      </c>
      <c r="CU12" s="104">
        <v>1302884</v>
      </c>
      <c r="CV12" s="103">
        <v>24951156</v>
      </c>
      <c r="CW12" s="106">
        <v>24951156</v>
      </c>
      <c r="CX12" s="100">
        <v>184010</v>
      </c>
      <c r="CY12" s="104">
        <v>536877</v>
      </c>
      <c r="CZ12" s="103">
        <v>720887</v>
      </c>
      <c r="DA12" s="100">
        <v>0</v>
      </c>
      <c r="DB12" s="104">
        <v>565576</v>
      </c>
      <c r="DC12" s="104">
        <v>2276507</v>
      </c>
      <c r="DD12" s="104">
        <v>1187467</v>
      </c>
      <c r="DE12" s="104">
        <v>915364</v>
      </c>
      <c r="DF12" s="104">
        <v>0</v>
      </c>
      <c r="DG12" s="103">
        <v>4944914</v>
      </c>
      <c r="DH12" s="106">
        <v>5665801</v>
      </c>
      <c r="DI12" s="100">
        <v>0</v>
      </c>
      <c r="DJ12" s="104">
        <v>34853</v>
      </c>
      <c r="DK12" s="102">
        <v>34853</v>
      </c>
      <c r="DL12" s="101">
        <v>0</v>
      </c>
      <c r="DM12" s="104">
        <v>671063</v>
      </c>
      <c r="DN12" s="104">
        <v>1897618</v>
      </c>
      <c r="DO12" s="104">
        <v>1925784</v>
      </c>
      <c r="DP12" s="104">
        <v>2257675</v>
      </c>
      <c r="DQ12" s="104">
        <v>1581459</v>
      </c>
      <c r="DR12" s="103">
        <v>8333599</v>
      </c>
      <c r="DS12" s="106">
        <v>8368452</v>
      </c>
      <c r="DT12" s="100">
        <v>0</v>
      </c>
      <c r="DU12" s="104">
        <v>34853</v>
      </c>
      <c r="DV12" s="103">
        <v>34853</v>
      </c>
      <c r="DW12" s="100">
        <v>0</v>
      </c>
      <c r="DX12" s="104">
        <v>671063</v>
      </c>
      <c r="DY12" s="104">
        <v>1668126</v>
      </c>
      <c r="DZ12" s="104">
        <v>1902479</v>
      </c>
      <c r="EA12" s="104">
        <v>2221857</v>
      </c>
      <c r="EB12" s="104">
        <v>1532942</v>
      </c>
      <c r="EC12" s="103">
        <v>7996467</v>
      </c>
      <c r="ED12" s="106">
        <v>8031320</v>
      </c>
      <c r="EE12" s="100">
        <v>0</v>
      </c>
      <c r="EF12" s="102">
        <v>0</v>
      </c>
      <c r="EG12" s="103">
        <v>0</v>
      </c>
      <c r="EH12" s="100">
        <v>0</v>
      </c>
      <c r="EI12" s="104">
        <v>0</v>
      </c>
      <c r="EJ12" s="104">
        <v>229492</v>
      </c>
      <c r="EK12" s="104">
        <v>23305</v>
      </c>
      <c r="EL12" s="104">
        <v>35818</v>
      </c>
      <c r="EM12" s="104">
        <v>48517</v>
      </c>
      <c r="EN12" s="102">
        <v>337132</v>
      </c>
      <c r="EO12" s="106">
        <v>337132</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v>0</v>
      </c>
      <c r="FE12" s="104">
        <v>0</v>
      </c>
      <c r="FF12" s="104">
        <v>0</v>
      </c>
      <c r="FG12" s="104">
        <v>0</v>
      </c>
      <c r="FH12" s="104">
        <v>0</v>
      </c>
      <c r="FI12" s="104">
        <v>0</v>
      </c>
      <c r="FJ12" s="103">
        <v>0</v>
      </c>
      <c r="FK12" s="106">
        <v>0</v>
      </c>
      <c r="FL12" s="100">
        <v>309712</v>
      </c>
      <c r="FM12" s="104">
        <v>1334512</v>
      </c>
      <c r="FN12" s="103">
        <v>1644224</v>
      </c>
      <c r="FO12" s="100">
        <v>0</v>
      </c>
      <c r="FP12" s="104">
        <v>1238552</v>
      </c>
      <c r="FQ12" s="104">
        <v>3385432</v>
      </c>
      <c r="FR12" s="104">
        <v>2212762</v>
      </c>
      <c r="FS12" s="104">
        <v>1742228</v>
      </c>
      <c r="FT12" s="104">
        <v>1051952</v>
      </c>
      <c r="FU12" s="103">
        <v>9630926</v>
      </c>
      <c r="FV12" s="106">
        <v>11275150</v>
      </c>
      <c r="FW12" s="105">
        <v>140112</v>
      </c>
      <c r="FX12" s="104">
        <v>782368</v>
      </c>
      <c r="FY12" s="102">
        <v>922480</v>
      </c>
      <c r="FZ12" s="101">
        <v>0</v>
      </c>
      <c r="GA12" s="104">
        <v>804472</v>
      </c>
      <c r="GB12" s="104">
        <v>2906920</v>
      </c>
      <c r="GC12" s="104">
        <v>1933824</v>
      </c>
      <c r="GD12" s="104">
        <v>1590552</v>
      </c>
      <c r="GE12" s="104">
        <v>1032152</v>
      </c>
      <c r="GF12" s="103">
        <v>8267920</v>
      </c>
      <c r="GG12" s="296">
        <v>9190400</v>
      </c>
      <c r="GH12" s="105">
        <v>0</v>
      </c>
      <c r="GI12" s="104">
        <v>80944</v>
      </c>
      <c r="GJ12" s="102">
        <v>80944</v>
      </c>
      <c r="GK12" s="101">
        <v>0</v>
      </c>
      <c r="GL12" s="104">
        <v>35360</v>
      </c>
      <c r="GM12" s="104">
        <v>76912</v>
      </c>
      <c r="GN12" s="104">
        <v>97658</v>
      </c>
      <c r="GO12" s="104">
        <v>120476</v>
      </c>
      <c r="GP12" s="104">
        <v>19800</v>
      </c>
      <c r="GQ12" s="103">
        <v>350206</v>
      </c>
      <c r="GR12" s="106">
        <v>431150</v>
      </c>
      <c r="GS12" s="100">
        <v>169600</v>
      </c>
      <c r="GT12" s="104">
        <v>471200</v>
      </c>
      <c r="GU12" s="103">
        <v>640800</v>
      </c>
      <c r="GV12" s="100">
        <v>0</v>
      </c>
      <c r="GW12" s="104">
        <v>398720</v>
      </c>
      <c r="GX12" s="104">
        <v>401600</v>
      </c>
      <c r="GY12" s="104">
        <v>181280</v>
      </c>
      <c r="GZ12" s="104">
        <v>31200</v>
      </c>
      <c r="HA12" s="104">
        <v>0</v>
      </c>
      <c r="HB12" s="102">
        <v>1012800</v>
      </c>
      <c r="HC12" s="106">
        <v>1653600</v>
      </c>
      <c r="HD12" s="100">
        <v>640856</v>
      </c>
      <c r="HE12" s="104">
        <v>571937</v>
      </c>
      <c r="HF12" s="102">
        <v>1212793</v>
      </c>
      <c r="HG12" s="101">
        <v>0</v>
      </c>
      <c r="HH12" s="104">
        <v>5078357</v>
      </c>
      <c r="HI12" s="104">
        <v>3916534</v>
      </c>
      <c r="HJ12" s="104">
        <v>5919370</v>
      </c>
      <c r="HK12" s="104">
        <v>4473514</v>
      </c>
      <c r="HL12" s="104">
        <v>2405050</v>
      </c>
      <c r="HM12" s="103">
        <v>21792825</v>
      </c>
      <c r="HN12" s="99">
        <v>23005618</v>
      </c>
      <c r="HO12" s="306">
        <v>0</v>
      </c>
      <c r="HP12" s="307">
        <v>0</v>
      </c>
      <c r="HQ12" s="308">
        <v>0</v>
      </c>
      <c r="HR12" s="309">
        <v>0</v>
      </c>
      <c r="HS12" s="307">
        <v>0</v>
      </c>
      <c r="HT12" s="307">
        <v>0</v>
      </c>
      <c r="HU12" s="307">
        <v>0</v>
      </c>
      <c r="HV12" s="307">
        <v>0</v>
      </c>
      <c r="HW12" s="307">
        <v>0</v>
      </c>
      <c r="HX12" s="310">
        <v>0</v>
      </c>
      <c r="HY12" s="311">
        <v>0</v>
      </c>
      <c r="HZ12" s="118">
        <v>39910</v>
      </c>
      <c r="IA12" s="119">
        <v>77050</v>
      </c>
      <c r="IB12" s="120">
        <v>116960</v>
      </c>
      <c r="IC12" s="121">
        <v>0</v>
      </c>
      <c r="ID12" s="122">
        <v>5038351</v>
      </c>
      <c r="IE12" s="123">
        <v>8641128</v>
      </c>
      <c r="IF12" s="124">
        <v>7555810</v>
      </c>
      <c r="IG12" s="122">
        <v>6901838</v>
      </c>
      <c r="IH12" s="124">
        <v>3981674</v>
      </c>
      <c r="II12" s="125">
        <v>32118801</v>
      </c>
      <c r="IJ12" s="126">
        <v>32235761</v>
      </c>
      <c r="IK12" s="219">
        <v>0</v>
      </c>
      <c r="IL12" s="223">
        <v>0</v>
      </c>
      <c r="IM12" s="224">
        <v>0</v>
      </c>
      <c r="IN12" s="127">
        <v>0</v>
      </c>
      <c r="IO12" s="109">
        <v>80198</v>
      </c>
      <c r="IP12" s="109">
        <v>216703</v>
      </c>
      <c r="IQ12" s="109">
        <v>136392</v>
      </c>
      <c r="IR12" s="109">
        <v>0</v>
      </c>
      <c r="IS12" s="109">
        <v>0</v>
      </c>
      <c r="IT12" s="128">
        <v>433293</v>
      </c>
      <c r="IU12" s="298">
        <v>433293</v>
      </c>
      <c r="IV12" s="129">
        <v>0</v>
      </c>
      <c r="IW12" s="109">
        <v>0</v>
      </c>
      <c r="IX12" s="110">
        <v>0</v>
      </c>
      <c r="IY12" s="131">
        <v>0</v>
      </c>
      <c r="IZ12" s="109">
        <v>0</v>
      </c>
      <c r="JA12" s="109">
        <v>0</v>
      </c>
      <c r="JB12" s="109">
        <v>0</v>
      </c>
      <c r="JC12" s="109">
        <v>0</v>
      </c>
      <c r="JD12" s="109">
        <v>0</v>
      </c>
      <c r="JE12" s="110">
        <v>0</v>
      </c>
      <c r="JF12" s="111">
        <v>0</v>
      </c>
      <c r="JG12" s="129">
        <v>0</v>
      </c>
      <c r="JH12" s="109">
        <v>0</v>
      </c>
      <c r="JI12" s="128">
        <v>0</v>
      </c>
      <c r="JJ12" s="108">
        <v>0</v>
      </c>
      <c r="JK12" s="109">
        <v>2687251</v>
      </c>
      <c r="JL12" s="109">
        <v>3544552</v>
      </c>
      <c r="JM12" s="109">
        <v>2923089</v>
      </c>
      <c r="JN12" s="109">
        <v>1453705</v>
      </c>
      <c r="JO12" s="109">
        <v>877771</v>
      </c>
      <c r="JP12" s="110">
        <v>11486368</v>
      </c>
      <c r="JQ12" s="298">
        <v>11486368</v>
      </c>
      <c r="JR12" s="129">
        <v>0</v>
      </c>
      <c r="JS12" s="109">
        <v>0</v>
      </c>
      <c r="JT12" s="128">
        <v>0</v>
      </c>
      <c r="JU12" s="108">
        <v>0</v>
      </c>
      <c r="JV12" s="109">
        <v>148744</v>
      </c>
      <c r="JW12" s="109">
        <v>276356</v>
      </c>
      <c r="JX12" s="109">
        <v>190599</v>
      </c>
      <c r="JY12" s="109">
        <v>0</v>
      </c>
      <c r="JZ12" s="109">
        <v>0</v>
      </c>
      <c r="KA12" s="110">
        <v>615699</v>
      </c>
      <c r="KB12" s="298">
        <v>615699</v>
      </c>
      <c r="KC12" s="221">
        <v>39910</v>
      </c>
      <c r="KD12" s="217">
        <v>77050</v>
      </c>
      <c r="KE12" s="110">
        <v>116960</v>
      </c>
      <c r="KF12" s="108">
        <v>0</v>
      </c>
      <c r="KG12" s="109">
        <v>1035840</v>
      </c>
      <c r="KH12" s="109">
        <v>1223660</v>
      </c>
      <c r="KI12" s="109">
        <v>1121386</v>
      </c>
      <c r="KJ12" s="109">
        <v>520702</v>
      </c>
      <c r="KK12" s="109">
        <v>538490</v>
      </c>
      <c r="KL12" s="110">
        <v>4440078</v>
      </c>
      <c r="KM12" s="130">
        <v>4557038</v>
      </c>
      <c r="KN12" s="219">
        <v>0</v>
      </c>
      <c r="KO12" s="223">
        <v>0</v>
      </c>
      <c r="KP12" s="224">
        <v>0</v>
      </c>
      <c r="KQ12" s="127">
        <v>0</v>
      </c>
      <c r="KR12" s="109">
        <v>943790</v>
      </c>
      <c r="KS12" s="109">
        <v>2657530</v>
      </c>
      <c r="KT12" s="109">
        <v>2824072</v>
      </c>
      <c r="KU12" s="109">
        <v>3582484</v>
      </c>
      <c r="KV12" s="109">
        <v>2210853</v>
      </c>
      <c r="KW12" s="110">
        <v>12218729</v>
      </c>
      <c r="KX12" s="298">
        <v>12218729</v>
      </c>
      <c r="KY12" s="129">
        <v>0</v>
      </c>
      <c r="KZ12" s="109">
        <v>0</v>
      </c>
      <c r="LA12" s="110">
        <v>0</v>
      </c>
      <c r="LB12" s="132">
        <v>0</v>
      </c>
      <c r="LC12" s="109">
        <v>0</v>
      </c>
      <c r="LD12" s="109">
        <v>0</v>
      </c>
      <c r="LE12" s="109">
        <v>0</v>
      </c>
      <c r="LF12" s="109">
        <v>0</v>
      </c>
      <c r="LG12" s="109">
        <v>0</v>
      </c>
      <c r="LH12" s="110">
        <v>0</v>
      </c>
      <c r="LI12" s="111">
        <v>0</v>
      </c>
      <c r="LJ12" s="129">
        <v>0</v>
      </c>
      <c r="LK12" s="109">
        <v>0</v>
      </c>
      <c r="LL12" s="110">
        <v>0</v>
      </c>
      <c r="LM12" s="132">
        <v>0</v>
      </c>
      <c r="LN12" s="109">
        <v>0</v>
      </c>
      <c r="LO12" s="109">
        <v>0</v>
      </c>
      <c r="LP12" s="109">
        <v>360272</v>
      </c>
      <c r="LQ12" s="109">
        <v>515952</v>
      </c>
      <c r="LR12" s="109">
        <v>0</v>
      </c>
      <c r="LS12" s="110">
        <v>876224</v>
      </c>
      <c r="LT12" s="298">
        <v>876224</v>
      </c>
      <c r="LU12" s="129">
        <v>0</v>
      </c>
      <c r="LV12" s="109">
        <v>0</v>
      </c>
      <c r="LW12" s="110">
        <v>0</v>
      </c>
      <c r="LX12" s="132">
        <v>0</v>
      </c>
      <c r="LY12" s="109">
        <v>142528</v>
      </c>
      <c r="LZ12" s="109">
        <v>722327</v>
      </c>
      <c r="MA12" s="109">
        <v>0</v>
      </c>
      <c r="MB12" s="109">
        <v>828995</v>
      </c>
      <c r="MC12" s="109">
        <v>354560</v>
      </c>
      <c r="MD12" s="110">
        <v>2048410</v>
      </c>
      <c r="ME12" s="111">
        <v>2048410</v>
      </c>
      <c r="MF12" s="129">
        <v>0</v>
      </c>
      <c r="MG12" s="109">
        <v>0</v>
      </c>
      <c r="MH12" s="110">
        <v>0</v>
      </c>
      <c r="MI12" s="132">
        <v>0</v>
      </c>
      <c r="MJ12" s="109">
        <v>0</v>
      </c>
      <c r="MK12" s="109">
        <v>1792553</v>
      </c>
      <c r="ML12" s="109">
        <v>13261261</v>
      </c>
      <c r="MM12" s="109">
        <v>19443680</v>
      </c>
      <c r="MN12" s="109">
        <v>11101029</v>
      </c>
      <c r="MO12" s="110">
        <v>45598523</v>
      </c>
      <c r="MP12" s="130">
        <v>45598523</v>
      </c>
      <c r="MQ12" s="129">
        <v>0</v>
      </c>
      <c r="MR12" s="109">
        <v>0</v>
      </c>
      <c r="MS12" s="110">
        <v>0</v>
      </c>
      <c r="MT12" s="132">
        <v>0</v>
      </c>
      <c r="MU12" s="109">
        <v>0</v>
      </c>
      <c r="MV12" s="109">
        <v>0</v>
      </c>
      <c r="MW12" s="109">
        <v>9812381</v>
      </c>
      <c r="MX12" s="109">
        <v>13721669</v>
      </c>
      <c r="MY12" s="109">
        <v>7353431</v>
      </c>
      <c r="MZ12" s="110">
        <v>30887481</v>
      </c>
      <c r="NA12" s="130">
        <v>30887481</v>
      </c>
      <c r="NB12" s="129">
        <v>0</v>
      </c>
      <c r="NC12" s="109">
        <v>0</v>
      </c>
      <c r="ND12" s="110">
        <v>0</v>
      </c>
      <c r="NE12" s="132">
        <v>0</v>
      </c>
      <c r="NF12" s="109">
        <v>0</v>
      </c>
      <c r="NG12" s="109">
        <v>1792553</v>
      </c>
      <c r="NH12" s="109">
        <v>3448880</v>
      </c>
      <c r="NI12" s="109">
        <v>4223113</v>
      </c>
      <c r="NJ12" s="109">
        <v>2169749</v>
      </c>
      <c r="NK12" s="110">
        <v>11634295</v>
      </c>
      <c r="NL12" s="298">
        <v>11634295</v>
      </c>
      <c r="NM12" s="129">
        <v>0</v>
      </c>
      <c r="NN12" s="109">
        <v>0</v>
      </c>
      <c r="NO12" s="110">
        <v>0</v>
      </c>
      <c r="NP12" s="132">
        <v>0</v>
      </c>
      <c r="NQ12" s="109">
        <v>0</v>
      </c>
      <c r="NR12" s="109">
        <v>0</v>
      </c>
      <c r="NS12" s="109">
        <v>0</v>
      </c>
      <c r="NT12" s="109">
        <v>0</v>
      </c>
      <c r="NU12" s="109">
        <v>301119</v>
      </c>
      <c r="NV12" s="110">
        <v>301119</v>
      </c>
      <c r="NW12" s="111">
        <v>301119</v>
      </c>
      <c r="NX12" s="129">
        <v>0</v>
      </c>
      <c r="NY12" s="109">
        <v>0</v>
      </c>
      <c r="NZ12" s="110">
        <v>0</v>
      </c>
      <c r="OA12" s="132">
        <v>0</v>
      </c>
      <c r="OB12" s="109">
        <v>0</v>
      </c>
      <c r="OC12" s="109">
        <v>0</v>
      </c>
      <c r="OD12" s="109">
        <v>0</v>
      </c>
      <c r="OE12" s="109">
        <v>1498898</v>
      </c>
      <c r="OF12" s="109">
        <v>1276730</v>
      </c>
      <c r="OG12" s="110">
        <v>2775628</v>
      </c>
      <c r="OH12" s="111">
        <v>2775628</v>
      </c>
      <c r="OI12" s="129">
        <v>1545205</v>
      </c>
      <c r="OJ12" s="109">
        <v>3574079</v>
      </c>
      <c r="OK12" s="128">
        <v>5119284</v>
      </c>
      <c r="OL12" s="108">
        <v>0</v>
      </c>
      <c r="OM12" s="109">
        <v>23161254</v>
      </c>
      <c r="ON12" s="109">
        <v>38662939</v>
      </c>
      <c r="OO12" s="109">
        <v>46459635</v>
      </c>
      <c r="OP12" s="109">
        <v>46438707</v>
      </c>
      <c r="OQ12" s="109">
        <v>27983288</v>
      </c>
      <c r="OR12" s="110">
        <v>182705823</v>
      </c>
      <c r="OS12" s="130">
        <v>187825107</v>
      </c>
    </row>
    <row r="13" spans="1:409" ht="21" customHeight="1" x14ac:dyDescent="0.2">
      <c r="B13" s="472" t="s">
        <v>7</v>
      </c>
      <c r="C13" s="100">
        <v>1019987</v>
      </c>
      <c r="D13" s="104">
        <v>1601759</v>
      </c>
      <c r="E13" s="103">
        <v>2621746</v>
      </c>
      <c r="F13" s="99">
        <v>0</v>
      </c>
      <c r="G13" s="104">
        <v>26129954</v>
      </c>
      <c r="H13" s="104">
        <v>25934028</v>
      </c>
      <c r="I13" s="104">
        <v>21035585</v>
      </c>
      <c r="J13" s="104">
        <v>19066175</v>
      </c>
      <c r="K13" s="104">
        <v>12888357</v>
      </c>
      <c r="L13" s="99">
        <v>105054099</v>
      </c>
      <c r="M13" s="106">
        <v>107675845</v>
      </c>
      <c r="N13" s="100">
        <v>274818</v>
      </c>
      <c r="O13" s="104">
        <v>201590</v>
      </c>
      <c r="P13" s="103">
        <v>476408</v>
      </c>
      <c r="Q13" s="100">
        <v>0</v>
      </c>
      <c r="R13" s="104">
        <v>8063825</v>
      </c>
      <c r="S13" s="104">
        <v>8713327</v>
      </c>
      <c r="T13" s="104">
        <v>7055710</v>
      </c>
      <c r="U13" s="104">
        <v>8210947</v>
      </c>
      <c r="V13" s="104">
        <v>6878750</v>
      </c>
      <c r="W13" s="103">
        <v>38922559</v>
      </c>
      <c r="X13" s="106">
        <v>39398967</v>
      </c>
      <c r="Y13" s="100">
        <v>0</v>
      </c>
      <c r="Z13" s="104">
        <v>0</v>
      </c>
      <c r="AA13" s="103">
        <v>0</v>
      </c>
      <c r="AB13" s="100">
        <v>0</v>
      </c>
      <c r="AC13" s="104">
        <v>3723713</v>
      </c>
      <c r="AD13" s="104">
        <v>4471447</v>
      </c>
      <c r="AE13" s="104">
        <v>3413585</v>
      </c>
      <c r="AF13" s="104">
        <v>4597493</v>
      </c>
      <c r="AG13" s="104">
        <v>3799558</v>
      </c>
      <c r="AH13" s="103">
        <v>20005796</v>
      </c>
      <c r="AI13" s="106">
        <v>20005796</v>
      </c>
      <c r="AJ13" s="100">
        <v>0</v>
      </c>
      <c r="AK13" s="104">
        <v>0</v>
      </c>
      <c r="AL13" s="103">
        <v>0</v>
      </c>
      <c r="AM13" s="100">
        <v>0</v>
      </c>
      <c r="AN13" s="104">
        <v>93526</v>
      </c>
      <c r="AO13" s="104">
        <v>294136</v>
      </c>
      <c r="AP13" s="104">
        <v>435126</v>
      </c>
      <c r="AQ13" s="104">
        <v>772327</v>
      </c>
      <c r="AR13" s="104">
        <v>994468</v>
      </c>
      <c r="AS13" s="103">
        <v>2589583</v>
      </c>
      <c r="AT13" s="106">
        <v>2589583</v>
      </c>
      <c r="AU13" s="100">
        <v>66466</v>
      </c>
      <c r="AV13" s="104">
        <v>47766</v>
      </c>
      <c r="AW13" s="103">
        <v>114232</v>
      </c>
      <c r="AX13" s="100">
        <v>0</v>
      </c>
      <c r="AY13" s="104">
        <v>2447039</v>
      </c>
      <c r="AZ13" s="104">
        <v>2424781</v>
      </c>
      <c r="BA13" s="104">
        <v>1518021</v>
      </c>
      <c r="BB13" s="104">
        <v>1691182</v>
      </c>
      <c r="BC13" s="104">
        <v>1331379</v>
      </c>
      <c r="BD13" s="103">
        <v>9412402</v>
      </c>
      <c r="BE13" s="106">
        <v>9526634</v>
      </c>
      <c r="BF13" s="100">
        <v>0</v>
      </c>
      <c r="BG13" s="104">
        <v>0</v>
      </c>
      <c r="BH13" s="102">
        <v>0</v>
      </c>
      <c r="BI13" s="101">
        <v>0</v>
      </c>
      <c r="BJ13" s="104">
        <v>280445</v>
      </c>
      <c r="BK13" s="104">
        <v>125179</v>
      </c>
      <c r="BL13" s="104">
        <v>340252</v>
      </c>
      <c r="BM13" s="104">
        <v>183777</v>
      </c>
      <c r="BN13" s="104">
        <v>15849</v>
      </c>
      <c r="BO13" s="103">
        <v>945502</v>
      </c>
      <c r="BP13" s="106">
        <v>945502</v>
      </c>
      <c r="BQ13" s="100">
        <v>208352</v>
      </c>
      <c r="BR13" s="104">
        <v>153824</v>
      </c>
      <c r="BS13" s="103">
        <v>362176</v>
      </c>
      <c r="BT13" s="100">
        <v>0</v>
      </c>
      <c r="BU13" s="104">
        <v>1519102</v>
      </c>
      <c r="BV13" s="104">
        <v>1397784</v>
      </c>
      <c r="BW13" s="104">
        <v>1348726</v>
      </c>
      <c r="BX13" s="104">
        <v>966168</v>
      </c>
      <c r="BY13" s="104">
        <v>737496</v>
      </c>
      <c r="BZ13" s="103">
        <v>5969276</v>
      </c>
      <c r="CA13" s="106">
        <v>6331452</v>
      </c>
      <c r="CB13" s="100">
        <v>0</v>
      </c>
      <c r="CC13" s="104">
        <v>111422</v>
      </c>
      <c r="CD13" s="103">
        <v>111422</v>
      </c>
      <c r="CE13" s="100">
        <v>0</v>
      </c>
      <c r="CF13" s="104">
        <v>8080200</v>
      </c>
      <c r="CG13" s="104">
        <v>6323977</v>
      </c>
      <c r="CH13" s="104">
        <v>3823202</v>
      </c>
      <c r="CI13" s="104">
        <v>2073728</v>
      </c>
      <c r="CJ13" s="104">
        <v>915866</v>
      </c>
      <c r="CK13" s="103">
        <v>21216973</v>
      </c>
      <c r="CL13" s="106">
        <v>21328395</v>
      </c>
      <c r="CM13" s="100">
        <v>0</v>
      </c>
      <c r="CN13" s="104">
        <v>0</v>
      </c>
      <c r="CO13" s="103">
        <v>0</v>
      </c>
      <c r="CP13" s="101">
        <v>0</v>
      </c>
      <c r="CQ13" s="104">
        <v>7030207</v>
      </c>
      <c r="CR13" s="104">
        <v>5020572</v>
      </c>
      <c r="CS13" s="104">
        <v>2710744</v>
      </c>
      <c r="CT13" s="104">
        <v>1742419</v>
      </c>
      <c r="CU13" s="104">
        <v>895315</v>
      </c>
      <c r="CV13" s="103">
        <v>17399257</v>
      </c>
      <c r="CW13" s="106">
        <v>17399257</v>
      </c>
      <c r="CX13" s="100">
        <v>0</v>
      </c>
      <c r="CY13" s="104">
        <v>111422</v>
      </c>
      <c r="CZ13" s="103">
        <v>111422</v>
      </c>
      <c r="DA13" s="100">
        <v>0</v>
      </c>
      <c r="DB13" s="104">
        <v>1049993</v>
      </c>
      <c r="DC13" s="104">
        <v>1303405</v>
      </c>
      <c r="DD13" s="104">
        <v>1112458</v>
      </c>
      <c r="DE13" s="104">
        <v>331309</v>
      </c>
      <c r="DF13" s="104">
        <v>20551</v>
      </c>
      <c r="DG13" s="103">
        <v>3817716</v>
      </c>
      <c r="DH13" s="106">
        <v>3929138</v>
      </c>
      <c r="DI13" s="100">
        <v>0</v>
      </c>
      <c r="DJ13" s="104">
        <v>41608</v>
      </c>
      <c r="DK13" s="102">
        <v>41608</v>
      </c>
      <c r="DL13" s="101">
        <v>0</v>
      </c>
      <c r="DM13" s="104">
        <v>855578</v>
      </c>
      <c r="DN13" s="104">
        <v>1880862</v>
      </c>
      <c r="DO13" s="104">
        <v>1883191</v>
      </c>
      <c r="DP13" s="104">
        <v>1240254</v>
      </c>
      <c r="DQ13" s="104">
        <v>1085198</v>
      </c>
      <c r="DR13" s="103">
        <v>6945083</v>
      </c>
      <c r="DS13" s="106">
        <v>6986691</v>
      </c>
      <c r="DT13" s="100">
        <v>0</v>
      </c>
      <c r="DU13" s="104">
        <v>41608</v>
      </c>
      <c r="DV13" s="103">
        <v>41608</v>
      </c>
      <c r="DW13" s="100">
        <v>0</v>
      </c>
      <c r="DX13" s="104">
        <v>855578</v>
      </c>
      <c r="DY13" s="104">
        <v>1729438</v>
      </c>
      <c r="DZ13" s="104">
        <v>1638843</v>
      </c>
      <c r="EA13" s="104">
        <v>1152901</v>
      </c>
      <c r="EB13" s="104">
        <v>1045162</v>
      </c>
      <c r="EC13" s="103">
        <v>6421922</v>
      </c>
      <c r="ED13" s="106">
        <v>6463530</v>
      </c>
      <c r="EE13" s="100">
        <v>0</v>
      </c>
      <c r="EF13" s="102">
        <v>0</v>
      </c>
      <c r="EG13" s="103">
        <v>0</v>
      </c>
      <c r="EH13" s="100">
        <v>0</v>
      </c>
      <c r="EI13" s="104">
        <v>0</v>
      </c>
      <c r="EJ13" s="104">
        <v>151424</v>
      </c>
      <c r="EK13" s="104">
        <v>244348</v>
      </c>
      <c r="EL13" s="104">
        <v>87353</v>
      </c>
      <c r="EM13" s="104">
        <v>40036</v>
      </c>
      <c r="EN13" s="102">
        <v>523161</v>
      </c>
      <c r="EO13" s="106">
        <v>523161</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v>0</v>
      </c>
      <c r="FE13" s="104">
        <v>0</v>
      </c>
      <c r="FF13" s="104">
        <v>0</v>
      </c>
      <c r="FG13" s="104">
        <v>0</v>
      </c>
      <c r="FH13" s="104">
        <v>0</v>
      </c>
      <c r="FI13" s="104">
        <v>0</v>
      </c>
      <c r="FJ13" s="103">
        <v>0</v>
      </c>
      <c r="FK13" s="106">
        <v>0</v>
      </c>
      <c r="FL13" s="100">
        <v>179808</v>
      </c>
      <c r="FM13" s="104">
        <v>503594</v>
      </c>
      <c r="FN13" s="103">
        <v>683402</v>
      </c>
      <c r="FO13" s="100">
        <v>0</v>
      </c>
      <c r="FP13" s="104">
        <v>1370755</v>
      </c>
      <c r="FQ13" s="104">
        <v>2695280</v>
      </c>
      <c r="FR13" s="104">
        <v>1952504</v>
      </c>
      <c r="FS13" s="104">
        <v>1517288</v>
      </c>
      <c r="FT13" s="104">
        <v>984256</v>
      </c>
      <c r="FU13" s="103">
        <v>8520083</v>
      </c>
      <c r="FV13" s="106">
        <v>9203485</v>
      </c>
      <c r="FW13" s="105">
        <v>94448</v>
      </c>
      <c r="FX13" s="104">
        <v>114824</v>
      </c>
      <c r="FY13" s="102">
        <v>209272</v>
      </c>
      <c r="FZ13" s="101">
        <v>0</v>
      </c>
      <c r="GA13" s="104">
        <v>777672</v>
      </c>
      <c r="GB13" s="104">
        <v>2399400</v>
      </c>
      <c r="GC13" s="104">
        <v>1600424</v>
      </c>
      <c r="GD13" s="104">
        <v>1431576</v>
      </c>
      <c r="GE13" s="104">
        <v>898752</v>
      </c>
      <c r="GF13" s="103">
        <v>7107824</v>
      </c>
      <c r="GG13" s="296">
        <v>7317096</v>
      </c>
      <c r="GH13" s="105">
        <v>0</v>
      </c>
      <c r="GI13" s="104">
        <v>54530</v>
      </c>
      <c r="GJ13" s="102">
        <v>54530</v>
      </c>
      <c r="GK13" s="101">
        <v>0</v>
      </c>
      <c r="GL13" s="104">
        <v>40603</v>
      </c>
      <c r="GM13" s="104">
        <v>149480</v>
      </c>
      <c r="GN13" s="104">
        <v>151808</v>
      </c>
      <c r="GO13" s="104">
        <v>85712</v>
      </c>
      <c r="GP13" s="104">
        <v>18304</v>
      </c>
      <c r="GQ13" s="103">
        <v>445907</v>
      </c>
      <c r="GR13" s="106">
        <v>500437</v>
      </c>
      <c r="GS13" s="100">
        <v>85360</v>
      </c>
      <c r="GT13" s="104">
        <v>334240</v>
      </c>
      <c r="GU13" s="103">
        <v>419600</v>
      </c>
      <c r="GV13" s="100">
        <v>0</v>
      </c>
      <c r="GW13" s="104">
        <v>552480</v>
      </c>
      <c r="GX13" s="104">
        <v>146400</v>
      </c>
      <c r="GY13" s="104">
        <v>200272</v>
      </c>
      <c r="GZ13" s="104">
        <v>0</v>
      </c>
      <c r="HA13" s="104">
        <v>67200</v>
      </c>
      <c r="HB13" s="102">
        <v>966352</v>
      </c>
      <c r="HC13" s="106">
        <v>1385952</v>
      </c>
      <c r="HD13" s="100">
        <v>565361</v>
      </c>
      <c r="HE13" s="104">
        <v>743545</v>
      </c>
      <c r="HF13" s="102">
        <v>1308906</v>
      </c>
      <c r="HG13" s="101">
        <v>0</v>
      </c>
      <c r="HH13" s="104">
        <v>7759596</v>
      </c>
      <c r="HI13" s="104">
        <v>6320582</v>
      </c>
      <c r="HJ13" s="104">
        <v>6320978</v>
      </c>
      <c r="HK13" s="104">
        <v>6023958</v>
      </c>
      <c r="HL13" s="104">
        <v>3024287</v>
      </c>
      <c r="HM13" s="103">
        <v>29449401</v>
      </c>
      <c r="HN13" s="99">
        <v>30758307</v>
      </c>
      <c r="HO13" s="306">
        <v>0</v>
      </c>
      <c r="HP13" s="307">
        <v>0</v>
      </c>
      <c r="HQ13" s="308">
        <v>0</v>
      </c>
      <c r="HR13" s="309">
        <v>0</v>
      </c>
      <c r="HS13" s="307">
        <v>0</v>
      </c>
      <c r="HT13" s="307">
        <v>0</v>
      </c>
      <c r="HU13" s="307">
        <v>0</v>
      </c>
      <c r="HV13" s="307">
        <v>0</v>
      </c>
      <c r="HW13" s="307">
        <v>0</v>
      </c>
      <c r="HX13" s="310">
        <v>0</v>
      </c>
      <c r="HY13" s="311">
        <v>0</v>
      </c>
      <c r="HZ13" s="118">
        <v>0</v>
      </c>
      <c r="IA13" s="119">
        <v>0</v>
      </c>
      <c r="IB13" s="120">
        <v>0</v>
      </c>
      <c r="IC13" s="133">
        <v>0</v>
      </c>
      <c r="ID13" s="119">
        <v>6114600</v>
      </c>
      <c r="IE13" s="134">
        <v>5114550</v>
      </c>
      <c r="IF13" s="120">
        <v>7199749</v>
      </c>
      <c r="IG13" s="119">
        <v>2693029</v>
      </c>
      <c r="IH13" s="120">
        <v>2539211</v>
      </c>
      <c r="II13" s="135">
        <v>23661139</v>
      </c>
      <c r="IJ13" s="126">
        <v>23661139</v>
      </c>
      <c r="IK13" s="219">
        <v>0</v>
      </c>
      <c r="IL13" s="223">
        <v>0</v>
      </c>
      <c r="IM13" s="224">
        <v>0</v>
      </c>
      <c r="IN13" s="127">
        <v>0</v>
      </c>
      <c r="IO13" s="109">
        <v>0</v>
      </c>
      <c r="IP13" s="109">
        <v>0</v>
      </c>
      <c r="IQ13" s="109">
        <v>0</v>
      </c>
      <c r="IR13" s="109">
        <v>0</v>
      </c>
      <c r="IS13" s="109">
        <v>276282</v>
      </c>
      <c r="IT13" s="128">
        <v>276282</v>
      </c>
      <c r="IU13" s="298">
        <v>276282</v>
      </c>
      <c r="IV13" s="129">
        <v>0</v>
      </c>
      <c r="IW13" s="109">
        <v>0</v>
      </c>
      <c r="IX13" s="110">
        <v>0</v>
      </c>
      <c r="IY13" s="131">
        <v>0</v>
      </c>
      <c r="IZ13" s="109">
        <v>0</v>
      </c>
      <c r="JA13" s="109">
        <v>0</v>
      </c>
      <c r="JB13" s="109">
        <v>0</v>
      </c>
      <c r="JC13" s="109">
        <v>0</v>
      </c>
      <c r="JD13" s="109">
        <v>0</v>
      </c>
      <c r="JE13" s="110">
        <v>0</v>
      </c>
      <c r="JF13" s="111">
        <v>0</v>
      </c>
      <c r="JG13" s="129">
        <v>0</v>
      </c>
      <c r="JH13" s="109">
        <v>0</v>
      </c>
      <c r="JI13" s="128">
        <v>0</v>
      </c>
      <c r="JJ13" s="108">
        <v>0</v>
      </c>
      <c r="JK13" s="109">
        <v>3123599</v>
      </c>
      <c r="JL13" s="109">
        <v>2418182</v>
      </c>
      <c r="JM13" s="109">
        <v>1580362</v>
      </c>
      <c r="JN13" s="109">
        <v>551727</v>
      </c>
      <c r="JO13" s="109">
        <v>319673</v>
      </c>
      <c r="JP13" s="110">
        <v>7993543</v>
      </c>
      <c r="JQ13" s="298">
        <v>7993543</v>
      </c>
      <c r="JR13" s="129">
        <v>0</v>
      </c>
      <c r="JS13" s="109">
        <v>0</v>
      </c>
      <c r="JT13" s="128">
        <v>0</v>
      </c>
      <c r="JU13" s="108">
        <v>0</v>
      </c>
      <c r="JV13" s="109">
        <v>677927</v>
      </c>
      <c r="JW13" s="109">
        <v>1097900</v>
      </c>
      <c r="JX13" s="109">
        <v>440969</v>
      </c>
      <c r="JY13" s="109">
        <v>785537</v>
      </c>
      <c r="JZ13" s="109">
        <v>221346</v>
      </c>
      <c r="KA13" s="110">
        <v>3223679</v>
      </c>
      <c r="KB13" s="298">
        <v>3223679</v>
      </c>
      <c r="KC13" s="221">
        <v>0</v>
      </c>
      <c r="KD13" s="217">
        <v>0</v>
      </c>
      <c r="KE13" s="110">
        <v>0</v>
      </c>
      <c r="KF13" s="108">
        <v>0</v>
      </c>
      <c r="KG13" s="109">
        <v>437154</v>
      </c>
      <c r="KH13" s="109">
        <v>635090</v>
      </c>
      <c r="KI13" s="109">
        <v>600766</v>
      </c>
      <c r="KJ13" s="109">
        <v>244692</v>
      </c>
      <c r="KK13" s="109">
        <v>0</v>
      </c>
      <c r="KL13" s="110">
        <v>1917702</v>
      </c>
      <c r="KM13" s="130">
        <v>1917702</v>
      </c>
      <c r="KN13" s="219">
        <v>0</v>
      </c>
      <c r="KO13" s="223">
        <v>0</v>
      </c>
      <c r="KP13" s="224">
        <v>0</v>
      </c>
      <c r="KQ13" s="127">
        <v>0</v>
      </c>
      <c r="KR13" s="109">
        <v>1717029</v>
      </c>
      <c r="KS13" s="109">
        <v>963378</v>
      </c>
      <c r="KT13" s="109">
        <v>4293149</v>
      </c>
      <c r="KU13" s="109">
        <v>773365</v>
      </c>
      <c r="KV13" s="109">
        <v>1012016</v>
      </c>
      <c r="KW13" s="110">
        <v>8758937</v>
      </c>
      <c r="KX13" s="298">
        <v>8758937</v>
      </c>
      <c r="KY13" s="129">
        <v>0</v>
      </c>
      <c r="KZ13" s="109">
        <v>0</v>
      </c>
      <c r="LA13" s="110">
        <v>0</v>
      </c>
      <c r="LB13" s="132">
        <v>0</v>
      </c>
      <c r="LC13" s="109">
        <v>0</v>
      </c>
      <c r="LD13" s="109">
        <v>0</v>
      </c>
      <c r="LE13" s="109">
        <v>0</v>
      </c>
      <c r="LF13" s="109">
        <v>0</v>
      </c>
      <c r="LG13" s="109">
        <v>0</v>
      </c>
      <c r="LH13" s="110">
        <v>0</v>
      </c>
      <c r="LI13" s="111">
        <v>0</v>
      </c>
      <c r="LJ13" s="129">
        <v>0</v>
      </c>
      <c r="LK13" s="109">
        <v>0</v>
      </c>
      <c r="LL13" s="110">
        <v>0</v>
      </c>
      <c r="LM13" s="132">
        <v>0</v>
      </c>
      <c r="LN13" s="109">
        <v>0</v>
      </c>
      <c r="LO13" s="109">
        <v>0</v>
      </c>
      <c r="LP13" s="109">
        <v>0</v>
      </c>
      <c r="LQ13" s="109">
        <v>0</v>
      </c>
      <c r="LR13" s="109">
        <v>0</v>
      </c>
      <c r="LS13" s="110">
        <v>0</v>
      </c>
      <c r="LT13" s="298">
        <v>0</v>
      </c>
      <c r="LU13" s="129">
        <v>0</v>
      </c>
      <c r="LV13" s="109">
        <v>0</v>
      </c>
      <c r="LW13" s="110">
        <v>0</v>
      </c>
      <c r="LX13" s="132">
        <v>0</v>
      </c>
      <c r="LY13" s="109">
        <v>158891</v>
      </c>
      <c r="LZ13" s="109">
        <v>0</v>
      </c>
      <c r="MA13" s="109">
        <v>284503</v>
      </c>
      <c r="MB13" s="109">
        <v>337708</v>
      </c>
      <c r="MC13" s="109">
        <v>709894</v>
      </c>
      <c r="MD13" s="110">
        <v>1490996</v>
      </c>
      <c r="ME13" s="111">
        <v>1490996</v>
      </c>
      <c r="MF13" s="129">
        <v>0</v>
      </c>
      <c r="MG13" s="109">
        <v>0</v>
      </c>
      <c r="MH13" s="110">
        <v>0</v>
      </c>
      <c r="MI13" s="132">
        <v>0</v>
      </c>
      <c r="MJ13" s="109">
        <v>4373092</v>
      </c>
      <c r="MK13" s="109">
        <v>2869707</v>
      </c>
      <c r="ML13" s="109">
        <v>6841634</v>
      </c>
      <c r="MM13" s="109">
        <v>17144737</v>
      </c>
      <c r="MN13" s="109">
        <v>9312734</v>
      </c>
      <c r="MO13" s="110">
        <v>40541904</v>
      </c>
      <c r="MP13" s="130">
        <v>40541904</v>
      </c>
      <c r="MQ13" s="129">
        <v>0</v>
      </c>
      <c r="MR13" s="109">
        <v>0</v>
      </c>
      <c r="MS13" s="110">
        <v>0</v>
      </c>
      <c r="MT13" s="132">
        <v>0</v>
      </c>
      <c r="MU13" s="109">
        <v>0</v>
      </c>
      <c r="MV13" s="109">
        <v>653097</v>
      </c>
      <c r="MW13" s="109">
        <v>4509215</v>
      </c>
      <c r="MX13" s="109">
        <v>11289523</v>
      </c>
      <c r="MY13" s="109">
        <v>7906688</v>
      </c>
      <c r="MZ13" s="110">
        <v>24358523</v>
      </c>
      <c r="NA13" s="130">
        <v>24358523</v>
      </c>
      <c r="NB13" s="129">
        <v>0</v>
      </c>
      <c r="NC13" s="109">
        <v>0</v>
      </c>
      <c r="ND13" s="110">
        <v>0</v>
      </c>
      <c r="NE13" s="132">
        <v>0</v>
      </c>
      <c r="NF13" s="109">
        <v>4373092</v>
      </c>
      <c r="NG13" s="109">
        <v>2216610</v>
      </c>
      <c r="NH13" s="109">
        <v>2332419</v>
      </c>
      <c r="NI13" s="109">
        <v>5855214</v>
      </c>
      <c r="NJ13" s="109">
        <v>1406046</v>
      </c>
      <c r="NK13" s="110">
        <v>16183381</v>
      </c>
      <c r="NL13" s="298">
        <v>16183381</v>
      </c>
      <c r="NM13" s="129">
        <v>0</v>
      </c>
      <c r="NN13" s="109">
        <v>0</v>
      </c>
      <c r="NO13" s="110">
        <v>0</v>
      </c>
      <c r="NP13" s="132">
        <v>0</v>
      </c>
      <c r="NQ13" s="109">
        <v>0</v>
      </c>
      <c r="NR13" s="109">
        <v>0</v>
      </c>
      <c r="NS13" s="109">
        <v>0</v>
      </c>
      <c r="NT13" s="109">
        <v>0</v>
      </c>
      <c r="NU13" s="109">
        <v>0</v>
      </c>
      <c r="NV13" s="110">
        <v>0</v>
      </c>
      <c r="NW13" s="111">
        <v>0</v>
      </c>
      <c r="NX13" s="129">
        <v>0</v>
      </c>
      <c r="NY13" s="109">
        <v>0</v>
      </c>
      <c r="NZ13" s="110">
        <v>0</v>
      </c>
      <c r="OA13" s="132">
        <v>0</v>
      </c>
      <c r="OB13" s="109">
        <v>0</v>
      </c>
      <c r="OC13" s="109">
        <v>0</v>
      </c>
      <c r="OD13" s="109">
        <v>0</v>
      </c>
      <c r="OE13" s="109">
        <v>0</v>
      </c>
      <c r="OF13" s="109">
        <v>0</v>
      </c>
      <c r="OG13" s="110">
        <v>0</v>
      </c>
      <c r="OH13" s="111">
        <v>0</v>
      </c>
      <c r="OI13" s="129">
        <v>1019987</v>
      </c>
      <c r="OJ13" s="109">
        <v>1601759</v>
      </c>
      <c r="OK13" s="128">
        <v>2621746</v>
      </c>
      <c r="OL13" s="108">
        <v>0</v>
      </c>
      <c r="OM13" s="109">
        <v>36617646</v>
      </c>
      <c r="ON13" s="109">
        <v>33918285</v>
      </c>
      <c r="OO13" s="109">
        <v>35076968</v>
      </c>
      <c r="OP13" s="109">
        <v>38903941</v>
      </c>
      <c r="OQ13" s="109">
        <v>24740302</v>
      </c>
      <c r="OR13" s="110">
        <v>169257142</v>
      </c>
      <c r="OS13" s="130">
        <v>171878888</v>
      </c>
    </row>
    <row r="14" spans="1:409" ht="21" customHeight="1" x14ac:dyDescent="0.2">
      <c r="B14" s="472" t="s">
        <v>8</v>
      </c>
      <c r="C14" s="100">
        <v>836735</v>
      </c>
      <c r="D14" s="104">
        <v>943722</v>
      </c>
      <c r="E14" s="103">
        <v>1780457</v>
      </c>
      <c r="F14" s="99">
        <v>0</v>
      </c>
      <c r="G14" s="104">
        <v>7312462</v>
      </c>
      <c r="H14" s="104">
        <v>8628552</v>
      </c>
      <c r="I14" s="104">
        <v>10475033</v>
      </c>
      <c r="J14" s="104">
        <v>6178372</v>
      </c>
      <c r="K14" s="104">
        <v>6912622</v>
      </c>
      <c r="L14" s="99">
        <v>39507041</v>
      </c>
      <c r="M14" s="106">
        <v>41287498</v>
      </c>
      <c r="N14" s="100">
        <v>179801</v>
      </c>
      <c r="O14" s="104">
        <v>233861</v>
      </c>
      <c r="P14" s="103">
        <v>413662</v>
      </c>
      <c r="Q14" s="100">
        <v>0</v>
      </c>
      <c r="R14" s="104">
        <v>2037516</v>
      </c>
      <c r="S14" s="104">
        <v>3486654</v>
      </c>
      <c r="T14" s="104">
        <v>3482625</v>
      </c>
      <c r="U14" s="104">
        <v>2419053</v>
      </c>
      <c r="V14" s="104">
        <v>3186467</v>
      </c>
      <c r="W14" s="103">
        <v>14612315</v>
      </c>
      <c r="X14" s="106">
        <v>15025977</v>
      </c>
      <c r="Y14" s="100">
        <v>0</v>
      </c>
      <c r="Z14" s="104">
        <v>0</v>
      </c>
      <c r="AA14" s="103">
        <v>0</v>
      </c>
      <c r="AB14" s="100">
        <v>0</v>
      </c>
      <c r="AC14" s="104">
        <v>600549</v>
      </c>
      <c r="AD14" s="104">
        <v>2002253</v>
      </c>
      <c r="AE14" s="104">
        <v>1900182</v>
      </c>
      <c r="AF14" s="104">
        <v>1519761</v>
      </c>
      <c r="AG14" s="104">
        <v>1881170</v>
      </c>
      <c r="AH14" s="103">
        <v>7903915</v>
      </c>
      <c r="AI14" s="106">
        <v>7903915</v>
      </c>
      <c r="AJ14" s="100">
        <v>0</v>
      </c>
      <c r="AK14" s="104">
        <v>0</v>
      </c>
      <c r="AL14" s="103">
        <v>0</v>
      </c>
      <c r="AM14" s="100">
        <v>0</v>
      </c>
      <c r="AN14" s="104">
        <v>0</v>
      </c>
      <c r="AO14" s="104">
        <v>0</v>
      </c>
      <c r="AP14" s="104">
        <v>0</v>
      </c>
      <c r="AQ14" s="104">
        <v>25456</v>
      </c>
      <c r="AR14" s="104">
        <v>353285</v>
      </c>
      <c r="AS14" s="103">
        <v>378741</v>
      </c>
      <c r="AT14" s="106">
        <v>378741</v>
      </c>
      <c r="AU14" s="100">
        <v>45025</v>
      </c>
      <c r="AV14" s="104">
        <v>82115</v>
      </c>
      <c r="AW14" s="103">
        <v>127140</v>
      </c>
      <c r="AX14" s="100">
        <v>0</v>
      </c>
      <c r="AY14" s="104">
        <v>892805</v>
      </c>
      <c r="AZ14" s="104">
        <v>1018325</v>
      </c>
      <c r="BA14" s="104">
        <v>1038414</v>
      </c>
      <c r="BB14" s="104">
        <v>537896</v>
      </c>
      <c r="BC14" s="104">
        <v>603468</v>
      </c>
      <c r="BD14" s="103">
        <v>4090908</v>
      </c>
      <c r="BE14" s="106">
        <v>4218048</v>
      </c>
      <c r="BF14" s="100">
        <v>0</v>
      </c>
      <c r="BG14" s="104">
        <v>113914</v>
      </c>
      <c r="BH14" s="102">
        <v>113914</v>
      </c>
      <c r="BI14" s="101">
        <v>0</v>
      </c>
      <c r="BJ14" s="104">
        <v>84178</v>
      </c>
      <c r="BK14" s="104">
        <v>151404</v>
      </c>
      <c r="BL14" s="104">
        <v>131509</v>
      </c>
      <c r="BM14" s="104">
        <v>108148</v>
      </c>
      <c r="BN14" s="104">
        <v>0</v>
      </c>
      <c r="BO14" s="103">
        <v>475239</v>
      </c>
      <c r="BP14" s="106">
        <v>589153</v>
      </c>
      <c r="BQ14" s="100">
        <v>134776</v>
      </c>
      <c r="BR14" s="104">
        <v>37832</v>
      </c>
      <c r="BS14" s="103">
        <v>172608</v>
      </c>
      <c r="BT14" s="100">
        <v>0</v>
      </c>
      <c r="BU14" s="104">
        <v>459984</v>
      </c>
      <c r="BV14" s="104">
        <v>314672</v>
      </c>
      <c r="BW14" s="104">
        <v>412520</v>
      </c>
      <c r="BX14" s="104">
        <v>227792</v>
      </c>
      <c r="BY14" s="104">
        <v>348544</v>
      </c>
      <c r="BZ14" s="103">
        <v>1763512</v>
      </c>
      <c r="CA14" s="106">
        <v>1936120</v>
      </c>
      <c r="CB14" s="100">
        <v>103803</v>
      </c>
      <c r="CC14" s="104">
        <v>80060</v>
      </c>
      <c r="CD14" s="103">
        <v>183863</v>
      </c>
      <c r="CE14" s="100">
        <v>0</v>
      </c>
      <c r="CF14" s="104">
        <v>2089733</v>
      </c>
      <c r="CG14" s="104">
        <v>2636370</v>
      </c>
      <c r="CH14" s="104">
        <v>2692460</v>
      </c>
      <c r="CI14" s="104">
        <v>1409904</v>
      </c>
      <c r="CJ14" s="104">
        <v>810803</v>
      </c>
      <c r="CK14" s="103">
        <v>9639270</v>
      </c>
      <c r="CL14" s="106">
        <v>9823133</v>
      </c>
      <c r="CM14" s="100">
        <v>0</v>
      </c>
      <c r="CN14" s="104">
        <v>0</v>
      </c>
      <c r="CO14" s="103">
        <v>0</v>
      </c>
      <c r="CP14" s="101">
        <v>0</v>
      </c>
      <c r="CQ14" s="104">
        <v>1706509</v>
      </c>
      <c r="CR14" s="104">
        <v>2126465</v>
      </c>
      <c r="CS14" s="104">
        <v>2257408</v>
      </c>
      <c r="CT14" s="104">
        <v>1167981</v>
      </c>
      <c r="CU14" s="104">
        <v>710233</v>
      </c>
      <c r="CV14" s="103">
        <v>7968596</v>
      </c>
      <c r="CW14" s="106">
        <v>7968596</v>
      </c>
      <c r="CX14" s="100">
        <v>103803</v>
      </c>
      <c r="CY14" s="104">
        <v>80060</v>
      </c>
      <c r="CZ14" s="103">
        <v>183863</v>
      </c>
      <c r="DA14" s="100">
        <v>0</v>
      </c>
      <c r="DB14" s="104">
        <v>383224</v>
      </c>
      <c r="DC14" s="104">
        <v>509905</v>
      </c>
      <c r="DD14" s="104">
        <v>435052</v>
      </c>
      <c r="DE14" s="104">
        <v>241923</v>
      </c>
      <c r="DF14" s="104">
        <v>100570</v>
      </c>
      <c r="DG14" s="103">
        <v>1670674</v>
      </c>
      <c r="DH14" s="106">
        <v>1854537</v>
      </c>
      <c r="DI14" s="100">
        <v>29100</v>
      </c>
      <c r="DJ14" s="104">
        <v>0</v>
      </c>
      <c r="DK14" s="102">
        <v>29100</v>
      </c>
      <c r="DL14" s="101">
        <v>0</v>
      </c>
      <c r="DM14" s="104">
        <v>204108</v>
      </c>
      <c r="DN14" s="104">
        <v>263922</v>
      </c>
      <c r="DO14" s="104">
        <v>1866160</v>
      </c>
      <c r="DP14" s="104">
        <v>656056</v>
      </c>
      <c r="DQ14" s="104">
        <v>480401</v>
      </c>
      <c r="DR14" s="103">
        <v>3470647</v>
      </c>
      <c r="DS14" s="106">
        <v>3499747</v>
      </c>
      <c r="DT14" s="100">
        <v>29100</v>
      </c>
      <c r="DU14" s="104">
        <v>0</v>
      </c>
      <c r="DV14" s="103">
        <v>29100</v>
      </c>
      <c r="DW14" s="100">
        <v>0</v>
      </c>
      <c r="DX14" s="104">
        <v>204108</v>
      </c>
      <c r="DY14" s="104">
        <v>263922</v>
      </c>
      <c r="DZ14" s="104">
        <v>1780270</v>
      </c>
      <c r="EA14" s="104">
        <v>656056</v>
      </c>
      <c r="EB14" s="104">
        <v>480401</v>
      </c>
      <c r="EC14" s="103">
        <v>3384757</v>
      </c>
      <c r="ED14" s="106">
        <v>3413857</v>
      </c>
      <c r="EE14" s="100">
        <v>0</v>
      </c>
      <c r="EF14" s="102">
        <v>0</v>
      </c>
      <c r="EG14" s="103">
        <v>0</v>
      </c>
      <c r="EH14" s="100">
        <v>0</v>
      </c>
      <c r="EI14" s="104">
        <v>0</v>
      </c>
      <c r="EJ14" s="104">
        <v>0</v>
      </c>
      <c r="EK14" s="104">
        <v>85890</v>
      </c>
      <c r="EL14" s="104">
        <v>0</v>
      </c>
      <c r="EM14" s="104">
        <v>0</v>
      </c>
      <c r="EN14" s="102">
        <v>85890</v>
      </c>
      <c r="EO14" s="106">
        <v>85890</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v>0</v>
      </c>
      <c r="FE14" s="104">
        <v>0</v>
      </c>
      <c r="FF14" s="104">
        <v>0</v>
      </c>
      <c r="FG14" s="104">
        <v>0</v>
      </c>
      <c r="FH14" s="104">
        <v>0</v>
      </c>
      <c r="FI14" s="104">
        <v>0</v>
      </c>
      <c r="FJ14" s="103">
        <v>0</v>
      </c>
      <c r="FK14" s="106">
        <v>0</v>
      </c>
      <c r="FL14" s="100">
        <v>102416</v>
      </c>
      <c r="FM14" s="104">
        <v>347708</v>
      </c>
      <c r="FN14" s="103">
        <v>450124</v>
      </c>
      <c r="FO14" s="100">
        <v>0</v>
      </c>
      <c r="FP14" s="104">
        <v>343024</v>
      </c>
      <c r="FQ14" s="104">
        <v>1080822</v>
      </c>
      <c r="FR14" s="104">
        <v>1075260</v>
      </c>
      <c r="FS14" s="104">
        <v>840564</v>
      </c>
      <c r="FT14" s="104">
        <v>593811</v>
      </c>
      <c r="FU14" s="103">
        <v>3933481</v>
      </c>
      <c r="FV14" s="106">
        <v>4383605</v>
      </c>
      <c r="FW14" s="105">
        <v>60816</v>
      </c>
      <c r="FX14" s="104">
        <v>121920</v>
      </c>
      <c r="FY14" s="102">
        <v>182736</v>
      </c>
      <c r="FZ14" s="101">
        <v>0</v>
      </c>
      <c r="GA14" s="104">
        <v>343024</v>
      </c>
      <c r="GB14" s="104">
        <v>972664</v>
      </c>
      <c r="GC14" s="104">
        <v>996808</v>
      </c>
      <c r="GD14" s="104">
        <v>751200</v>
      </c>
      <c r="GE14" s="104">
        <v>435848</v>
      </c>
      <c r="GF14" s="103">
        <v>3499544</v>
      </c>
      <c r="GG14" s="296">
        <v>3682280</v>
      </c>
      <c r="GH14" s="105">
        <v>0</v>
      </c>
      <c r="GI14" s="104">
        <v>0</v>
      </c>
      <c r="GJ14" s="102">
        <v>0</v>
      </c>
      <c r="GK14" s="101">
        <v>0</v>
      </c>
      <c r="GL14" s="104">
        <v>0</v>
      </c>
      <c r="GM14" s="104">
        <v>33528</v>
      </c>
      <c r="GN14" s="104">
        <v>78452</v>
      </c>
      <c r="GO14" s="104">
        <v>89364</v>
      </c>
      <c r="GP14" s="104">
        <v>0</v>
      </c>
      <c r="GQ14" s="103">
        <v>201344</v>
      </c>
      <c r="GR14" s="106">
        <v>201344</v>
      </c>
      <c r="GS14" s="100">
        <v>41600</v>
      </c>
      <c r="GT14" s="104">
        <v>225788</v>
      </c>
      <c r="GU14" s="103">
        <v>267388</v>
      </c>
      <c r="GV14" s="100">
        <v>0</v>
      </c>
      <c r="GW14" s="104">
        <v>0</v>
      </c>
      <c r="GX14" s="104">
        <v>74630</v>
      </c>
      <c r="GY14" s="104">
        <v>0</v>
      </c>
      <c r="GZ14" s="104">
        <v>0</v>
      </c>
      <c r="HA14" s="104">
        <v>157963</v>
      </c>
      <c r="HB14" s="102">
        <v>232593</v>
      </c>
      <c r="HC14" s="106">
        <v>499981</v>
      </c>
      <c r="HD14" s="100">
        <v>421615</v>
      </c>
      <c r="HE14" s="104">
        <v>282093</v>
      </c>
      <c r="HF14" s="102">
        <v>703708</v>
      </c>
      <c r="HG14" s="101">
        <v>0</v>
      </c>
      <c r="HH14" s="104">
        <v>2638081</v>
      </c>
      <c r="HI14" s="104">
        <v>1160784</v>
      </c>
      <c r="HJ14" s="104">
        <v>1358528</v>
      </c>
      <c r="HK14" s="104">
        <v>852795</v>
      </c>
      <c r="HL14" s="104">
        <v>1841140</v>
      </c>
      <c r="HM14" s="103">
        <v>7851328</v>
      </c>
      <c r="HN14" s="99">
        <v>8555036</v>
      </c>
      <c r="HO14" s="306">
        <v>0</v>
      </c>
      <c r="HP14" s="307">
        <v>0</v>
      </c>
      <c r="HQ14" s="308">
        <v>0</v>
      </c>
      <c r="HR14" s="309">
        <v>0</v>
      </c>
      <c r="HS14" s="307">
        <v>0</v>
      </c>
      <c r="HT14" s="307">
        <v>0</v>
      </c>
      <c r="HU14" s="307">
        <v>0</v>
      </c>
      <c r="HV14" s="307">
        <v>0</v>
      </c>
      <c r="HW14" s="307">
        <v>0</v>
      </c>
      <c r="HX14" s="310">
        <v>0</v>
      </c>
      <c r="HY14" s="311">
        <v>0</v>
      </c>
      <c r="HZ14" s="118">
        <v>0</v>
      </c>
      <c r="IA14" s="119">
        <v>79588</v>
      </c>
      <c r="IB14" s="120">
        <v>79588</v>
      </c>
      <c r="IC14" s="121">
        <v>0</v>
      </c>
      <c r="ID14" s="122">
        <v>3623816</v>
      </c>
      <c r="IE14" s="123">
        <v>2283732</v>
      </c>
      <c r="IF14" s="124">
        <v>3518359</v>
      </c>
      <c r="IG14" s="122">
        <v>2837859</v>
      </c>
      <c r="IH14" s="124">
        <v>1510246</v>
      </c>
      <c r="II14" s="125">
        <v>13774012</v>
      </c>
      <c r="IJ14" s="126">
        <v>13853600</v>
      </c>
      <c r="IK14" s="219">
        <v>0</v>
      </c>
      <c r="IL14" s="223">
        <v>0</v>
      </c>
      <c r="IM14" s="224">
        <v>0</v>
      </c>
      <c r="IN14" s="127">
        <v>0</v>
      </c>
      <c r="IO14" s="109">
        <v>0</v>
      </c>
      <c r="IP14" s="109">
        <v>0</v>
      </c>
      <c r="IQ14" s="109">
        <v>0</v>
      </c>
      <c r="IR14" s="109">
        <v>198335</v>
      </c>
      <c r="IS14" s="109">
        <v>0</v>
      </c>
      <c r="IT14" s="128">
        <v>198335</v>
      </c>
      <c r="IU14" s="298">
        <v>198335</v>
      </c>
      <c r="IV14" s="129">
        <v>0</v>
      </c>
      <c r="IW14" s="109">
        <v>0</v>
      </c>
      <c r="IX14" s="110">
        <v>0</v>
      </c>
      <c r="IY14" s="131">
        <v>0</v>
      </c>
      <c r="IZ14" s="109">
        <v>0</v>
      </c>
      <c r="JA14" s="109">
        <v>0</v>
      </c>
      <c r="JB14" s="109">
        <v>0</v>
      </c>
      <c r="JC14" s="109">
        <v>0</v>
      </c>
      <c r="JD14" s="109">
        <v>0</v>
      </c>
      <c r="JE14" s="110">
        <v>0</v>
      </c>
      <c r="JF14" s="111">
        <v>0</v>
      </c>
      <c r="JG14" s="129">
        <v>0</v>
      </c>
      <c r="JH14" s="109">
        <v>0</v>
      </c>
      <c r="JI14" s="128">
        <v>0</v>
      </c>
      <c r="JJ14" s="108">
        <v>0</v>
      </c>
      <c r="JK14" s="109">
        <v>1631628</v>
      </c>
      <c r="JL14" s="109">
        <v>1311431</v>
      </c>
      <c r="JM14" s="109">
        <v>1108939</v>
      </c>
      <c r="JN14" s="109">
        <v>517999</v>
      </c>
      <c r="JO14" s="109">
        <v>331572</v>
      </c>
      <c r="JP14" s="110">
        <v>4901569</v>
      </c>
      <c r="JQ14" s="298">
        <v>4901569</v>
      </c>
      <c r="JR14" s="129">
        <v>0</v>
      </c>
      <c r="JS14" s="109">
        <v>0</v>
      </c>
      <c r="JT14" s="128">
        <v>0</v>
      </c>
      <c r="JU14" s="108">
        <v>0</v>
      </c>
      <c r="JV14" s="109">
        <v>90232</v>
      </c>
      <c r="JW14" s="109">
        <v>0</v>
      </c>
      <c r="JX14" s="109">
        <v>0</v>
      </c>
      <c r="JY14" s="109">
        <v>0</v>
      </c>
      <c r="JZ14" s="109">
        <v>77816</v>
      </c>
      <c r="KA14" s="110">
        <v>168048</v>
      </c>
      <c r="KB14" s="298">
        <v>168048</v>
      </c>
      <c r="KC14" s="221">
        <v>0</v>
      </c>
      <c r="KD14" s="217">
        <v>79588</v>
      </c>
      <c r="KE14" s="110">
        <v>79588</v>
      </c>
      <c r="KF14" s="108">
        <v>0</v>
      </c>
      <c r="KG14" s="109">
        <v>130000</v>
      </c>
      <c r="KH14" s="109">
        <v>252852</v>
      </c>
      <c r="KI14" s="109">
        <v>526468</v>
      </c>
      <c r="KJ14" s="109">
        <v>273269</v>
      </c>
      <c r="KK14" s="109">
        <v>285280</v>
      </c>
      <c r="KL14" s="110">
        <v>1467869</v>
      </c>
      <c r="KM14" s="130">
        <v>1547457</v>
      </c>
      <c r="KN14" s="219">
        <v>0</v>
      </c>
      <c r="KO14" s="223">
        <v>0</v>
      </c>
      <c r="KP14" s="224">
        <v>0</v>
      </c>
      <c r="KQ14" s="127">
        <v>0</v>
      </c>
      <c r="KR14" s="109">
        <v>1352820</v>
      </c>
      <c r="KS14" s="109">
        <v>719449</v>
      </c>
      <c r="KT14" s="109">
        <v>983600</v>
      </c>
      <c r="KU14" s="109">
        <v>1011256</v>
      </c>
      <c r="KV14" s="109">
        <v>256902</v>
      </c>
      <c r="KW14" s="110">
        <v>4324027</v>
      </c>
      <c r="KX14" s="298">
        <v>4324027</v>
      </c>
      <c r="KY14" s="129">
        <v>0</v>
      </c>
      <c r="KZ14" s="109">
        <v>0</v>
      </c>
      <c r="LA14" s="110">
        <v>0</v>
      </c>
      <c r="LB14" s="132">
        <v>0</v>
      </c>
      <c r="LC14" s="109">
        <v>0</v>
      </c>
      <c r="LD14" s="109">
        <v>0</v>
      </c>
      <c r="LE14" s="109">
        <v>380496</v>
      </c>
      <c r="LF14" s="109">
        <v>0</v>
      </c>
      <c r="LG14" s="109">
        <v>231964</v>
      </c>
      <c r="LH14" s="110">
        <v>612460</v>
      </c>
      <c r="LI14" s="111">
        <v>612460</v>
      </c>
      <c r="LJ14" s="129">
        <v>0</v>
      </c>
      <c r="LK14" s="109">
        <v>0</v>
      </c>
      <c r="LL14" s="110">
        <v>0</v>
      </c>
      <c r="LM14" s="132">
        <v>0</v>
      </c>
      <c r="LN14" s="109">
        <v>0</v>
      </c>
      <c r="LO14" s="109">
        <v>0</v>
      </c>
      <c r="LP14" s="109">
        <v>0</v>
      </c>
      <c r="LQ14" s="109">
        <v>240901</v>
      </c>
      <c r="LR14" s="109">
        <v>0</v>
      </c>
      <c r="LS14" s="110">
        <v>240901</v>
      </c>
      <c r="LT14" s="298">
        <v>240901</v>
      </c>
      <c r="LU14" s="129">
        <v>0</v>
      </c>
      <c r="LV14" s="109">
        <v>0</v>
      </c>
      <c r="LW14" s="110">
        <v>0</v>
      </c>
      <c r="LX14" s="132">
        <v>0</v>
      </c>
      <c r="LY14" s="109">
        <v>419136</v>
      </c>
      <c r="LZ14" s="109">
        <v>0</v>
      </c>
      <c r="MA14" s="109">
        <v>518856</v>
      </c>
      <c r="MB14" s="109">
        <v>596099</v>
      </c>
      <c r="MC14" s="109">
        <v>326712</v>
      </c>
      <c r="MD14" s="110">
        <v>1860803</v>
      </c>
      <c r="ME14" s="111">
        <v>1860803</v>
      </c>
      <c r="MF14" s="129">
        <v>0</v>
      </c>
      <c r="MG14" s="109">
        <v>0</v>
      </c>
      <c r="MH14" s="110">
        <v>0</v>
      </c>
      <c r="MI14" s="132">
        <v>0</v>
      </c>
      <c r="MJ14" s="109">
        <v>609626</v>
      </c>
      <c r="MK14" s="109">
        <v>839099</v>
      </c>
      <c r="ML14" s="109">
        <v>4503519</v>
      </c>
      <c r="MM14" s="109">
        <v>5936982</v>
      </c>
      <c r="MN14" s="109">
        <v>2740932</v>
      </c>
      <c r="MO14" s="110">
        <v>14630158</v>
      </c>
      <c r="MP14" s="130">
        <v>14630158</v>
      </c>
      <c r="MQ14" s="129">
        <v>0</v>
      </c>
      <c r="MR14" s="109">
        <v>0</v>
      </c>
      <c r="MS14" s="110">
        <v>0</v>
      </c>
      <c r="MT14" s="132">
        <v>0</v>
      </c>
      <c r="MU14" s="109">
        <v>196785</v>
      </c>
      <c r="MV14" s="109">
        <v>199010</v>
      </c>
      <c r="MW14" s="109">
        <v>2902617</v>
      </c>
      <c r="MX14" s="109">
        <v>3059526</v>
      </c>
      <c r="MY14" s="109">
        <v>1424506</v>
      </c>
      <c r="MZ14" s="110">
        <v>7782444</v>
      </c>
      <c r="NA14" s="130">
        <v>7782444</v>
      </c>
      <c r="NB14" s="129">
        <v>0</v>
      </c>
      <c r="NC14" s="109">
        <v>0</v>
      </c>
      <c r="ND14" s="110">
        <v>0</v>
      </c>
      <c r="NE14" s="132">
        <v>0</v>
      </c>
      <c r="NF14" s="109">
        <v>412841</v>
      </c>
      <c r="NG14" s="109">
        <v>640089</v>
      </c>
      <c r="NH14" s="109">
        <v>1600902</v>
      </c>
      <c r="NI14" s="109">
        <v>2287824</v>
      </c>
      <c r="NJ14" s="109">
        <v>1316426</v>
      </c>
      <c r="NK14" s="110">
        <v>6258082</v>
      </c>
      <c r="NL14" s="298">
        <v>6258082</v>
      </c>
      <c r="NM14" s="129">
        <v>0</v>
      </c>
      <c r="NN14" s="109">
        <v>0</v>
      </c>
      <c r="NO14" s="110">
        <v>0</v>
      </c>
      <c r="NP14" s="132">
        <v>0</v>
      </c>
      <c r="NQ14" s="109">
        <v>0</v>
      </c>
      <c r="NR14" s="109">
        <v>0</v>
      </c>
      <c r="NS14" s="109">
        <v>0</v>
      </c>
      <c r="NT14" s="109">
        <v>0</v>
      </c>
      <c r="NU14" s="109">
        <v>0</v>
      </c>
      <c r="NV14" s="110">
        <v>0</v>
      </c>
      <c r="NW14" s="111">
        <v>0</v>
      </c>
      <c r="NX14" s="129">
        <v>0</v>
      </c>
      <c r="NY14" s="109">
        <v>0</v>
      </c>
      <c r="NZ14" s="110">
        <v>0</v>
      </c>
      <c r="OA14" s="132">
        <v>0</v>
      </c>
      <c r="OB14" s="109">
        <v>0</v>
      </c>
      <c r="OC14" s="109">
        <v>0</v>
      </c>
      <c r="OD14" s="109">
        <v>0</v>
      </c>
      <c r="OE14" s="109">
        <v>589632</v>
      </c>
      <c r="OF14" s="109">
        <v>0</v>
      </c>
      <c r="OG14" s="110">
        <v>589632</v>
      </c>
      <c r="OH14" s="111">
        <v>589632</v>
      </c>
      <c r="OI14" s="129">
        <v>836735</v>
      </c>
      <c r="OJ14" s="109">
        <v>1023310</v>
      </c>
      <c r="OK14" s="128">
        <v>1860045</v>
      </c>
      <c r="OL14" s="108">
        <v>0</v>
      </c>
      <c r="OM14" s="109">
        <v>11545904</v>
      </c>
      <c r="ON14" s="109">
        <v>11751383</v>
      </c>
      <c r="OO14" s="109">
        <v>18496911</v>
      </c>
      <c r="OP14" s="109">
        <v>14953213</v>
      </c>
      <c r="OQ14" s="109">
        <v>11163800</v>
      </c>
      <c r="OR14" s="110">
        <v>67911211</v>
      </c>
      <c r="OS14" s="130">
        <v>69771256</v>
      </c>
    </row>
    <row r="15" spans="1:409" ht="21" customHeight="1" x14ac:dyDescent="0.2">
      <c r="B15" s="472" t="s">
        <v>9</v>
      </c>
      <c r="C15" s="100">
        <v>1113756</v>
      </c>
      <c r="D15" s="104">
        <v>789532</v>
      </c>
      <c r="E15" s="103">
        <v>1903288</v>
      </c>
      <c r="F15" s="101">
        <v>0</v>
      </c>
      <c r="G15" s="104">
        <v>11487318</v>
      </c>
      <c r="H15" s="104">
        <v>12868119</v>
      </c>
      <c r="I15" s="104">
        <v>13268215</v>
      </c>
      <c r="J15" s="104">
        <v>13122646</v>
      </c>
      <c r="K15" s="104">
        <v>8251450</v>
      </c>
      <c r="L15" s="99">
        <v>58997748</v>
      </c>
      <c r="M15" s="106">
        <v>60901036</v>
      </c>
      <c r="N15" s="100">
        <v>263391</v>
      </c>
      <c r="O15" s="104">
        <v>260654</v>
      </c>
      <c r="P15" s="103">
        <v>524045</v>
      </c>
      <c r="Q15" s="100">
        <v>0</v>
      </c>
      <c r="R15" s="104">
        <v>4369989</v>
      </c>
      <c r="S15" s="104">
        <v>5018527</v>
      </c>
      <c r="T15" s="104">
        <v>5923244</v>
      </c>
      <c r="U15" s="104">
        <v>6031759</v>
      </c>
      <c r="V15" s="104">
        <v>5109117</v>
      </c>
      <c r="W15" s="103">
        <v>26452636</v>
      </c>
      <c r="X15" s="106">
        <v>26976681</v>
      </c>
      <c r="Y15" s="100">
        <v>0</v>
      </c>
      <c r="Z15" s="104">
        <v>0</v>
      </c>
      <c r="AA15" s="103">
        <v>0</v>
      </c>
      <c r="AB15" s="100">
        <v>0</v>
      </c>
      <c r="AC15" s="104">
        <v>1780871</v>
      </c>
      <c r="AD15" s="104">
        <v>2433224</v>
      </c>
      <c r="AE15" s="104">
        <v>3084669</v>
      </c>
      <c r="AF15" s="104">
        <v>3576481</v>
      </c>
      <c r="AG15" s="104">
        <v>3202214</v>
      </c>
      <c r="AH15" s="103">
        <v>14077459</v>
      </c>
      <c r="AI15" s="106">
        <v>14077459</v>
      </c>
      <c r="AJ15" s="100">
        <v>0</v>
      </c>
      <c r="AK15" s="104">
        <v>0</v>
      </c>
      <c r="AL15" s="103">
        <v>0</v>
      </c>
      <c r="AM15" s="100">
        <v>0</v>
      </c>
      <c r="AN15" s="104">
        <v>0</v>
      </c>
      <c r="AO15" s="104">
        <v>11845</v>
      </c>
      <c r="AP15" s="104">
        <v>193948</v>
      </c>
      <c r="AQ15" s="104">
        <v>221256</v>
      </c>
      <c r="AR15" s="104">
        <v>342624</v>
      </c>
      <c r="AS15" s="103">
        <v>769673</v>
      </c>
      <c r="AT15" s="106">
        <v>769673</v>
      </c>
      <c r="AU15" s="100">
        <v>114585</v>
      </c>
      <c r="AV15" s="104">
        <v>191230</v>
      </c>
      <c r="AW15" s="103">
        <v>305815</v>
      </c>
      <c r="AX15" s="100">
        <v>0</v>
      </c>
      <c r="AY15" s="104">
        <v>1717114</v>
      </c>
      <c r="AZ15" s="104">
        <v>1821424</v>
      </c>
      <c r="BA15" s="104">
        <v>1749955</v>
      </c>
      <c r="BB15" s="104">
        <v>1494641</v>
      </c>
      <c r="BC15" s="104">
        <v>1144263</v>
      </c>
      <c r="BD15" s="103">
        <v>7927397</v>
      </c>
      <c r="BE15" s="106">
        <v>8233212</v>
      </c>
      <c r="BF15" s="100">
        <v>21694</v>
      </c>
      <c r="BG15" s="104">
        <v>0</v>
      </c>
      <c r="BH15" s="102">
        <v>21694</v>
      </c>
      <c r="BI15" s="101">
        <v>0</v>
      </c>
      <c r="BJ15" s="104">
        <v>60556</v>
      </c>
      <c r="BK15" s="104">
        <v>165786</v>
      </c>
      <c r="BL15" s="104">
        <v>92080</v>
      </c>
      <c r="BM15" s="104">
        <v>133781</v>
      </c>
      <c r="BN15" s="104">
        <v>40952</v>
      </c>
      <c r="BO15" s="103">
        <v>493155</v>
      </c>
      <c r="BP15" s="106">
        <v>514849</v>
      </c>
      <c r="BQ15" s="100">
        <v>127112</v>
      </c>
      <c r="BR15" s="104">
        <v>69424</v>
      </c>
      <c r="BS15" s="103">
        <v>196536</v>
      </c>
      <c r="BT15" s="100">
        <v>0</v>
      </c>
      <c r="BU15" s="104">
        <v>811448</v>
      </c>
      <c r="BV15" s="104">
        <v>586248</v>
      </c>
      <c r="BW15" s="104">
        <v>802592</v>
      </c>
      <c r="BX15" s="104">
        <v>605600</v>
      </c>
      <c r="BY15" s="104">
        <v>379064</v>
      </c>
      <c r="BZ15" s="103">
        <v>3184952</v>
      </c>
      <c r="CA15" s="106">
        <v>3381488</v>
      </c>
      <c r="CB15" s="100">
        <v>87504</v>
      </c>
      <c r="CC15" s="104">
        <v>153716</v>
      </c>
      <c r="CD15" s="103">
        <v>241220</v>
      </c>
      <c r="CE15" s="100">
        <v>0</v>
      </c>
      <c r="CF15" s="104">
        <v>2978331</v>
      </c>
      <c r="CG15" s="104">
        <v>2833200</v>
      </c>
      <c r="CH15" s="104">
        <v>2844304</v>
      </c>
      <c r="CI15" s="104">
        <v>1646630</v>
      </c>
      <c r="CJ15" s="104">
        <v>425330</v>
      </c>
      <c r="CK15" s="103">
        <v>10727795</v>
      </c>
      <c r="CL15" s="106">
        <v>10969015</v>
      </c>
      <c r="CM15" s="100">
        <v>0</v>
      </c>
      <c r="CN15" s="104">
        <v>0</v>
      </c>
      <c r="CO15" s="103">
        <v>0</v>
      </c>
      <c r="CP15" s="101">
        <v>0</v>
      </c>
      <c r="CQ15" s="104">
        <v>1936970</v>
      </c>
      <c r="CR15" s="104">
        <v>2168112</v>
      </c>
      <c r="CS15" s="104">
        <v>1680749</v>
      </c>
      <c r="CT15" s="104">
        <v>1160372</v>
      </c>
      <c r="CU15" s="104">
        <v>197349</v>
      </c>
      <c r="CV15" s="103">
        <v>7143552</v>
      </c>
      <c r="CW15" s="106">
        <v>7143552</v>
      </c>
      <c r="CX15" s="100">
        <v>87504</v>
      </c>
      <c r="CY15" s="104">
        <v>153716</v>
      </c>
      <c r="CZ15" s="103">
        <v>241220</v>
      </c>
      <c r="DA15" s="100">
        <v>0</v>
      </c>
      <c r="DB15" s="104">
        <v>1041361</v>
      </c>
      <c r="DC15" s="104">
        <v>665088</v>
      </c>
      <c r="DD15" s="104">
        <v>1163555</v>
      </c>
      <c r="DE15" s="104">
        <v>486258</v>
      </c>
      <c r="DF15" s="104">
        <v>227981</v>
      </c>
      <c r="DG15" s="103">
        <v>3584243</v>
      </c>
      <c r="DH15" s="106">
        <v>3825463</v>
      </c>
      <c r="DI15" s="100">
        <v>0</v>
      </c>
      <c r="DJ15" s="104">
        <v>0</v>
      </c>
      <c r="DK15" s="102">
        <v>0</v>
      </c>
      <c r="DL15" s="101">
        <v>0</v>
      </c>
      <c r="DM15" s="104">
        <v>376461</v>
      </c>
      <c r="DN15" s="104">
        <v>551432</v>
      </c>
      <c r="DO15" s="104">
        <v>896541</v>
      </c>
      <c r="DP15" s="104">
        <v>1510929</v>
      </c>
      <c r="DQ15" s="104">
        <v>271417</v>
      </c>
      <c r="DR15" s="103">
        <v>3606780</v>
      </c>
      <c r="DS15" s="106">
        <v>3606780</v>
      </c>
      <c r="DT15" s="100">
        <v>0</v>
      </c>
      <c r="DU15" s="104">
        <v>0</v>
      </c>
      <c r="DV15" s="103">
        <v>0</v>
      </c>
      <c r="DW15" s="100">
        <v>0</v>
      </c>
      <c r="DX15" s="104">
        <v>376461</v>
      </c>
      <c r="DY15" s="104">
        <v>435826</v>
      </c>
      <c r="DZ15" s="104">
        <v>697238</v>
      </c>
      <c r="EA15" s="104">
        <v>1223040</v>
      </c>
      <c r="EB15" s="104">
        <v>209329</v>
      </c>
      <c r="EC15" s="103">
        <v>2941894</v>
      </c>
      <c r="ED15" s="106">
        <v>2941894</v>
      </c>
      <c r="EE15" s="100">
        <v>0</v>
      </c>
      <c r="EF15" s="102">
        <v>0</v>
      </c>
      <c r="EG15" s="103">
        <v>0</v>
      </c>
      <c r="EH15" s="100">
        <v>0</v>
      </c>
      <c r="EI15" s="104">
        <v>0</v>
      </c>
      <c r="EJ15" s="104">
        <v>115606</v>
      </c>
      <c r="EK15" s="104">
        <v>199303</v>
      </c>
      <c r="EL15" s="104">
        <v>287889</v>
      </c>
      <c r="EM15" s="104">
        <v>62088</v>
      </c>
      <c r="EN15" s="102">
        <v>664886</v>
      </c>
      <c r="EO15" s="106">
        <v>664886</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v>0</v>
      </c>
      <c r="FE15" s="104">
        <v>0</v>
      </c>
      <c r="FF15" s="104">
        <v>0</v>
      </c>
      <c r="FG15" s="104">
        <v>0</v>
      </c>
      <c r="FH15" s="104">
        <v>0</v>
      </c>
      <c r="FI15" s="104">
        <v>0</v>
      </c>
      <c r="FJ15" s="103">
        <v>0</v>
      </c>
      <c r="FK15" s="106">
        <v>0</v>
      </c>
      <c r="FL15" s="100">
        <v>321816</v>
      </c>
      <c r="FM15" s="104">
        <v>179096</v>
      </c>
      <c r="FN15" s="103">
        <v>500912</v>
      </c>
      <c r="FO15" s="100">
        <v>0</v>
      </c>
      <c r="FP15" s="104">
        <v>699703</v>
      </c>
      <c r="FQ15" s="104">
        <v>1385016</v>
      </c>
      <c r="FR15" s="104">
        <v>1152146</v>
      </c>
      <c r="FS15" s="104">
        <v>958152</v>
      </c>
      <c r="FT15" s="104">
        <v>620448</v>
      </c>
      <c r="FU15" s="103">
        <v>4815465</v>
      </c>
      <c r="FV15" s="106">
        <v>5316377</v>
      </c>
      <c r="FW15" s="105">
        <v>166936</v>
      </c>
      <c r="FX15" s="104">
        <v>179096</v>
      </c>
      <c r="FY15" s="102">
        <v>346032</v>
      </c>
      <c r="FZ15" s="101">
        <v>0</v>
      </c>
      <c r="GA15" s="104">
        <v>574392</v>
      </c>
      <c r="GB15" s="104">
        <v>1077928</v>
      </c>
      <c r="GC15" s="104">
        <v>1108880</v>
      </c>
      <c r="GD15" s="104">
        <v>902536</v>
      </c>
      <c r="GE15" s="104">
        <v>620448</v>
      </c>
      <c r="GF15" s="103">
        <v>4284184</v>
      </c>
      <c r="GG15" s="296">
        <v>4630216</v>
      </c>
      <c r="GH15" s="105">
        <v>0</v>
      </c>
      <c r="GI15" s="104">
        <v>0</v>
      </c>
      <c r="GJ15" s="102">
        <v>0</v>
      </c>
      <c r="GK15" s="101">
        <v>0</v>
      </c>
      <c r="GL15" s="104">
        <v>67311</v>
      </c>
      <c r="GM15" s="104">
        <v>55088</v>
      </c>
      <c r="GN15" s="104">
        <v>7666</v>
      </c>
      <c r="GO15" s="104">
        <v>55616</v>
      </c>
      <c r="GP15" s="104">
        <v>0</v>
      </c>
      <c r="GQ15" s="103">
        <v>185681</v>
      </c>
      <c r="GR15" s="106">
        <v>185681</v>
      </c>
      <c r="GS15" s="100">
        <v>154880</v>
      </c>
      <c r="GT15" s="104">
        <v>0</v>
      </c>
      <c r="GU15" s="103">
        <v>154880</v>
      </c>
      <c r="GV15" s="100">
        <v>0</v>
      </c>
      <c r="GW15" s="104">
        <v>58000</v>
      </c>
      <c r="GX15" s="104">
        <v>252000</v>
      </c>
      <c r="GY15" s="104">
        <v>35600</v>
      </c>
      <c r="GZ15" s="104">
        <v>0</v>
      </c>
      <c r="HA15" s="104">
        <v>0</v>
      </c>
      <c r="HB15" s="102">
        <v>345600</v>
      </c>
      <c r="HC15" s="106">
        <v>500480</v>
      </c>
      <c r="HD15" s="100">
        <v>441045</v>
      </c>
      <c r="HE15" s="104">
        <v>196066</v>
      </c>
      <c r="HF15" s="102">
        <v>637111</v>
      </c>
      <c r="HG15" s="101">
        <v>0</v>
      </c>
      <c r="HH15" s="104">
        <v>3062834</v>
      </c>
      <c r="HI15" s="104">
        <v>3079944</v>
      </c>
      <c r="HJ15" s="104">
        <v>2451980</v>
      </c>
      <c r="HK15" s="104">
        <v>2975176</v>
      </c>
      <c r="HL15" s="104">
        <v>1825138</v>
      </c>
      <c r="HM15" s="103">
        <v>13395072</v>
      </c>
      <c r="HN15" s="99">
        <v>14032183</v>
      </c>
      <c r="HO15" s="306">
        <v>0</v>
      </c>
      <c r="HP15" s="307">
        <v>0</v>
      </c>
      <c r="HQ15" s="308">
        <v>0</v>
      </c>
      <c r="HR15" s="309">
        <v>0</v>
      </c>
      <c r="HS15" s="307">
        <v>0</v>
      </c>
      <c r="HT15" s="307">
        <v>0</v>
      </c>
      <c r="HU15" s="307">
        <v>0</v>
      </c>
      <c r="HV15" s="307">
        <v>0</v>
      </c>
      <c r="HW15" s="307">
        <v>0</v>
      </c>
      <c r="HX15" s="310">
        <v>0</v>
      </c>
      <c r="HY15" s="311">
        <v>0</v>
      </c>
      <c r="HZ15" s="115">
        <v>40157</v>
      </c>
      <c r="IA15" s="136">
        <v>0</v>
      </c>
      <c r="IB15" s="116">
        <v>40157</v>
      </c>
      <c r="IC15" s="133">
        <v>0</v>
      </c>
      <c r="ID15" s="119">
        <v>2745346</v>
      </c>
      <c r="IE15" s="134">
        <v>3151846</v>
      </c>
      <c r="IF15" s="120">
        <v>4166613</v>
      </c>
      <c r="IG15" s="119">
        <v>1266410</v>
      </c>
      <c r="IH15" s="120">
        <v>1626374</v>
      </c>
      <c r="II15" s="135">
        <v>12956589</v>
      </c>
      <c r="IJ15" s="117">
        <v>12996746</v>
      </c>
      <c r="IK15" s="219">
        <v>0</v>
      </c>
      <c r="IL15" s="223">
        <v>0</v>
      </c>
      <c r="IM15" s="224">
        <v>0</v>
      </c>
      <c r="IN15" s="127">
        <v>0</v>
      </c>
      <c r="IO15" s="109">
        <v>0</v>
      </c>
      <c r="IP15" s="109">
        <v>0</v>
      </c>
      <c r="IQ15" s="109">
        <v>0</v>
      </c>
      <c r="IR15" s="109">
        <v>0</v>
      </c>
      <c r="IS15" s="109">
        <v>0</v>
      </c>
      <c r="IT15" s="128">
        <v>0</v>
      </c>
      <c r="IU15" s="298">
        <v>0</v>
      </c>
      <c r="IV15" s="129">
        <v>0</v>
      </c>
      <c r="IW15" s="109">
        <v>0</v>
      </c>
      <c r="IX15" s="110">
        <v>0</v>
      </c>
      <c r="IY15" s="131">
        <v>0</v>
      </c>
      <c r="IZ15" s="109">
        <v>0</v>
      </c>
      <c r="JA15" s="109">
        <v>0</v>
      </c>
      <c r="JB15" s="109">
        <v>0</v>
      </c>
      <c r="JC15" s="109">
        <v>0</v>
      </c>
      <c r="JD15" s="109">
        <v>0</v>
      </c>
      <c r="JE15" s="110">
        <v>0</v>
      </c>
      <c r="JF15" s="111">
        <v>0</v>
      </c>
      <c r="JG15" s="129">
        <v>0</v>
      </c>
      <c r="JH15" s="109">
        <v>0</v>
      </c>
      <c r="JI15" s="128">
        <v>0</v>
      </c>
      <c r="JJ15" s="108">
        <v>0</v>
      </c>
      <c r="JK15" s="109">
        <v>2005779</v>
      </c>
      <c r="JL15" s="109">
        <v>1022812</v>
      </c>
      <c r="JM15" s="109">
        <v>1188773</v>
      </c>
      <c r="JN15" s="109">
        <v>462462</v>
      </c>
      <c r="JO15" s="109">
        <v>390313</v>
      </c>
      <c r="JP15" s="110">
        <v>5070139</v>
      </c>
      <c r="JQ15" s="298">
        <v>5070139</v>
      </c>
      <c r="JR15" s="129">
        <v>0</v>
      </c>
      <c r="JS15" s="109">
        <v>0</v>
      </c>
      <c r="JT15" s="128">
        <v>0</v>
      </c>
      <c r="JU15" s="108">
        <v>0</v>
      </c>
      <c r="JV15" s="109">
        <v>0</v>
      </c>
      <c r="JW15" s="109">
        <v>0</v>
      </c>
      <c r="JX15" s="109">
        <v>0</v>
      </c>
      <c r="JY15" s="109">
        <v>0</v>
      </c>
      <c r="JZ15" s="109">
        <v>189792</v>
      </c>
      <c r="KA15" s="110">
        <v>189792</v>
      </c>
      <c r="KB15" s="298">
        <v>189792</v>
      </c>
      <c r="KC15" s="221">
        <v>40157</v>
      </c>
      <c r="KD15" s="217">
        <v>0</v>
      </c>
      <c r="KE15" s="110">
        <v>40157</v>
      </c>
      <c r="KF15" s="108">
        <v>0</v>
      </c>
      <c r="KG15" s="109">
        <v>118514</v>
      </c>
      <c r="KH15" s="109">
        <v>1212642</v>
      </c>
      <c r="KI15" s="109">
        <v>714768</v>
      </c>
      <c r="KJ15" s="109">
        <v>0</v>
      </c>
      <c r="KK15" s="109">
        <v>0</v>
      </c>
      <c r="KL15" s="110">
        <v>2045924</v>
      </c>
      <c r="KM15" s="130">
        <v>2086081</v>
      </c>
      <c r="KN15" s="219">
        <v>0</v>
      </c>
      <c r="KO15" s="223">
        <v>0</v>
      </c>
      <c r="KP15" s="224">
        <v>0</v>
      </c>
      <c r="KQ15" s="127">
        <v>0</v>
      </c>
      <c r="KR15" s="109">
        <v>463007</v>
      </c>
      <c r="KS15" s="109">
        <v>724871</v>
      </c>
      <c r="KT15" s="109">
        <v>2021642</v>
      </c>
      <c r="KU15" s="109">
        <v>514416</v>
      </c>
      <c r="KV15" s="109">
        <v>526189</v>
      </c>
      <c r="KW15" s="110">
        <v>4250125</v>
      </c>
      <c r="KX15" s="298">
        <v>4250125</v>
      </c>
      <c r="KY15" s="129">
        <v>0</v>
      </c>
      <c r="KZ15" s="109">
        <v>0</v>
      </c>
      <c r="LA15" s="110">
        <v>0</v>
      </c>
      <c r="LB15" s="132">
        <v>0</v>
      </c>
      <c r="LC15" s="109">
        <v>158046</v>
      </c>
      <c r="LD15" s="109">
        <v>0</v>
      </c>
      <c r="LE15" s="109">
        <v>0</v>
      </c>
      <c r="LF15" s="109">
        <v>0</v>
      </c>
      <c r="LG15" s="109">
        <v>0</v>
      </c>
      <c r="LH15" s="110">
        <v>158046</v>
      </c>
      <c r="LI15" s="111">
        <v>158046</v>
      </c>
      <c r="LJ15" s="129">
        <v>0</v>
      </c>
      <c r="LK15" s="109">
        <v>0</v>
      </c>
      <c r="LL15" s="110">
        <v>0</v>
      </c>
      <c r="LM15" s="132">
        <v>0</v>
      </c>
      <c r="LN15" s="109">
        <v>0</v>
      </c>
      <c r="LO15" s="109">
        <v>0</v>
      </c>
      <c r="LP15" s="109">
        <v>0</v>
      </c>
      <c r="LQ15" s="109">
        <v>0</v>
      </c>
      <c r="LR15" s="109">
        <v>0</v>
      </c>
      <c r="LS15" s="110">
        <v>0</v>
      </c>
      <c r="LT15" s="298">
        <v>0</v>
      </c>
      <c r="LU15" s="129">
        <v>0</v>
      </c>
      <c r="LV15" s="109">
        <v>0</v>
      </c>
      <c r="LW15" s="110">
        <v>0</v>
      </c>
      <c r="LX15" s="132">
        <v>0</v>
      </c>
      <c r="LY15" s="109">
        <v>0</v>
      </c>
      <c r="LZ15" s="109">
        <v>191521</v>
      </c>
      <c r="MA15" s="109">
        <v>241430</v>
      </c>
      <c r="MB15" s="109">
        <v>289532</v>
      </c>
      <c r="MC15" s="109">
        <v>520080</v>
      </c>
      <c r="MD15" s="110">
        <v>1242563</v>
      </c>
      <c r="ME15" s="111">
        <v>1242563</v>
      </c>
      <c r="MF15" s="129">
        <v>0</v>
      </c>
      <c r="MG15" s="109">
        <v>0</v>
      </c>
      <c r="MH15" s="110">
        <v>0</v>
      </c>
      <c r="MI15" s="132">
        <v>0</v>
      </c>
      <c r="MJ15" s="109">
        <v>423328</v>
      </c>
      <c r="MK15" s="109">
        <v>1068475</v>
      </c>
      <c r="ML15" s="109">
        <v>4281384</v>
      </c>
      <c r="MM15" s="109">
        <v>8875678</v>
      </c>
      <c r="MN15" s="109">
        <v>4541686</v>
      </c>
      <c r="MO15" s="110">
        <v>19190551</v>
      </c>
      <c r="MP15" s="130">
        <v>19190551</v>
      </c>
      <c r="MQ15" s="129">
        <v>0</v>
      </c>
      <c r="MR15" s="109">
        <v>0</v>
      </c>
      <c r="MS15" s="110">
        <v>0</v>
      </c>
      <c r="MT15" s="132">
        <v>0</v>
      </c>
      <c r="MU15" s="109">
        <v>0</v>
      </c>
      <c r="MV15" s="109">
        <v>0</v>
      </c>
      <c r="MW15" s="109">
        <v>3168079</v>
      </c>
      <c r="MX15" s="109">
        <v>5743560</v>
      </c>
      <c r="MY15" s="109">
        <v>2860181</v>
      </c>
      <c r="MZ15" s="110">
        <v>11771820</v>
      </c>
      <c r="NA15" s="130">
        <v>11771820</v>
      </c>
      <c r="NB15" s="129">
        <v>0</v>
      </c>
      <c r="NC15" s="109">
        <v>0</v>
      </c>
      <c r="ND15" s="110">
        <v>0</v>
      </c>
      <c r="NE15" s="132">
        <v>0</v>
      </c>
      <c r="NF15" s="109">
        <v>423328</v>
      </c>
      <c r="NG15" s="109">
        <v>1068475</v>
      </c>
      <c r="NH15" s="109">
        <v>1113305</v>
      </c>
      <c r="NI15" s="109">
        <v>2795092</v>
      </c>
      <c r="NJ15" s="109">
        <v>1681505</v>
      </c>
      <c r="NK15" s="110">
        <v>7081705</v>
      </c>
      <c r="NL15" s="298">
        <v>7081705</v>
      </c>
      <c r="NM15" s="129">
        <v>0</v>
      </c>
      <c r="NN15" s="109">
        <v>0</v>
      </c>
      <c r="NO15" s="110">
        <v>0</v>
      </c>
      <c r="NP15" s="132">
        <v>0</v>
      </c>
      <c r="NQ15" s="109">
        <v>0</v>
      </c>
      <c r="NR15" s="109">
        <v>0</v>
      </c>
      <c r="NS15" s="109">
        <v>0</v>
      </c>
      <c r="NT15" s="109">
        <v>0</v>
      </c>
      <c r="NU15" s="109">
        <v>0</v>
      </c>
      <c r="NV15" s="110">
        <v>0</v>
      </c>
      <c r="NW15" s="111">
        <v>0</v>
      </c>
      <c r="NX15" s="129">
        <v>0</v>
      </c>
      <c r="NY15" s="109">
        <v>0</v>
      </c>
      <c r="NZ15" s="110">
        <v>0</v>
      </c>
      <c r="OA15" s="132">
        <v>0</v>
      </c>
      <c r="OB15" s="109">
        <v>0</v>
      </c>
      <c r="OC15" s="109">
        <v>0</v>
      </c>
      <c r="OD15" s="109">
        <v>0</v>
      </c>
      <c r="OE15" s="109">
        <v>337026</v>
      </c>
      <c r="OF15" s="109">
        <v>0</v>
      </c>
      <c r="OG15" s="110">
        <v>337026</v>
      </c>
      <c r="OH15" s="111">
        <v>337026</v>
      </c>
      <c r="OI15" s="129">
        <v>1153913</v>
      </c>
      <c r="OJ15" s="109">
        <v>789532</v>
      </c>
      <c r="OK15" s="128">
        <v>1943445</v>
      </c>
      <c r="OL15" s="108">
        <v>0</v>
      </c>
      <c r="OM15" s="109">
        <v>14655992</v>
      </c>
      <c r="ON15" s="109">
        <v>17088440</v>
      </c>
      <c r="OO15" s="109">
        <v>21716212</v>
      </c>
      <c r="OP15" s="109">
        <v>23264734</v>
      </c>
      <c r="OQ15" s="109">
        <v>14419510</v>
      </c>
      <c r="OR15" s="110">
        <v>91144888</v>
      </c>
      <c r="OS15" s="130">
        <v>93088333</v>
      </c>
    </row>
    <row r="16" spans="1:409" ht="21" customHeight="1" x14ac:dyDescent="0.2">
      <c r="B16" s="472" t="s">
        <v>10</v>
      </c>
      <c r="C16" s="100">
        <v>1536707</v>
      </c>
      <c r="D16" s="104">
        <v>1705587</v>
      </c>
      <c r="E16" s="103">
        <v>3242294</v>
      </c>
      <c r="F16" s="159">
        <v>0</v>
      </c>
      <c r="G16" s="104">
        <v>21559740</v>
      </c>
      <c r="H16" s="104">
        <v>15269283</v>
      </c>
      <c r="I16" s="104">
        <v>12117425</v>
      </c>
      <c r="J16" s="104">
        <v>15644469</v>
      </c>
      <c r="K16" s="104">
        <v>9494696</v>
      </c>
      <c r="L16" s="99">
        <v>74085613</v>
      </c>
      <c r="M16" s="106">
        <v>77327907</v>
      </c>
      <c r="N16" s="100">
        <v>477530</v>
      </c>
      <c r="O16" s="104">
        <v>775180</v>
      </c>
      <c r="P16" s="103">
        <v>1252710</v>
      </c>
      <c r="Q16" s="100">
        <v>0</v>
      </c>
      <c r="R16" s="104">
        <v>7747044</v>
      </c>
      <c r="S16" s="104">
        <v>5651977</v>
      </c>
      <c r="T16" s="104">
        <v>3545730</v>
      </c>
      <c r="U16" s="104">
        <v>6434208</v>
      </c>
      <c r="V16" s="104">
        <v>4823550</v>
      </c>
      <c r="W16" s="103">
        <v>28202509</v>
      </c>
      <c r="X16" s="106">
        <v>29455219</v>
      </c>
      <c r="Y16" s="100">
        <v>0</v>
      </c>
      <c r="Z16" s="104">
        <v>0</v>
      </c>
      <c r="AA16" s="103">
        <v>0</v>
      </c>
      <c r="AB16" s="100">
        <v>0</v>
      </c>
      <c r="AC16" s="104">
        <v>3468371</v>
      </c>
      <c r="AD16" s="104">
        <v>2773528</v>
      </c>
      <c r="AE16" s="104">
        <v>1632077</v>
      </c>
      <c r="AF16" s="104">
        <v>3545202</v>
      </c>
      <c r="AG16" s="104">
        <v>2743639</v>
      </c>
      <c r="AH16" s="103">
        <v>14162817</v>
      </c>
      <c r="AI16" s="106">
        <v>14162817</v>
      </c>
      <c r="AJ16" s="100">
        <v>0</v>
      </c>
      <c r="AK16" s="104">
        <v>0</v>
      </c>
      <c r="AL16" s="103">
        <v>0</v>
      </c>
      <c r="AM16" s="100">
        <v>0</v>
      </c>
      <c r="AN16" s="104">
        <v>0</v>
      </c>
      <c r="AO16" s="104">
        <v>73502</v>
      </c>
      <c r="AP16" s="104">
        <v>142920</v>
      </c>
      <c r="AQ16" s="104">
        <v>496830</v>
      </c>
      <c r="AR16" s="104">
        <v>621329</v>
      </c>
      <c r="AS16" s="103">
        <v>1334581</v>
      </c>
      <c r="AT16" s="106">
        <v>1334581</v>
      </c>
      <c r="AU16" s="100">
        <v>233772</v>
      </c>
      <c r="AV16" s="104">
        <v>595571</v>
      </c>
      <c r="AW16" s="103">
        <v>829343</v>
      </c>
      <c r="AX16" s="100">
        <v>0</v>
      </c>
      <c r="AY16" s="104">
        <v>2760476</v>
      </c>
      <c r="AZ16" s="104">
        <v>1597060</v>
      </c>
      <c r="BA16" s="104">
        <v>929438</v>
      </c>
      <c r="BB16" s="104">
        <v>1392069</v>
      </c>
      <c r="BC16" s="104">
        <v>633177</v>
      </c>
      <c r="BD16" s="103">
        <v>7312220</v>
      </c>
      <c r="BE16" s="106">
        <v>8141563</v>
      </c>
      <c r="BF16" s="100">
        <v>32030</v>
      </c>
      <c r="BG16" s="104">
        <v>92065</v>
      </c>
      <c r="BH16" s="102">
        <v>124095</v>
      </c>
      <c r="BI16" s="101">
        <v>0</v>
      </c>
      <c r="BJ16" s="104">
        <v>275029</v>
      </c>
      <c r="BK16" s="104">
        <v>313279</v>
      </c>
      <c r="BL16" s="104">
        <v>87783</v>
      </c>
      <c r="BM16" s="104">
        <v>189027</v>
      </c>
      <c r="BN16" s="104">
        <v>167629</v>
      </c>
      <c r="BO16" s="103">
        <v>1032747</v>
      </c>
      <c r="BP16" s="106">
        <v>1156842</v>
      </c>
      <c r="BQ16" s="100">
        <v>211728</v>
      </c>
      <c r="BR16" s="104">
        <v>87544</v>
      </c>
      <c r="BS16" s="103">
        <v>299272</v>
      </c>
      <c r="BT16" s="100">
        <v>0</v>
      </c>
      <c r="BU16" s="104">
        <v>1243168</v>
      </c>
      <c r="BV16" s="104">
        <v>894608</v>
      </c>
      <c r="BW16" s="104">
        <v>753512</v>
      </c>
      <c r="BX16" s="104">
        <v>811080</v>
      </c>
      <c r="BY16" s="104">
        <v>657776</v>
      </c>
      <c r="BZ16" s="103">
        <v>4360144</v>
      </c>
      <c r="CA16" s="106">
        <v>4659416</v>
      </c>
      <c r="CB16" s="100">
        <v>101351</v>
      </c>
      <c r="CC16" s="104">
        <v>197811</v>
      </c>
      <c r="CD16" s="103">
        <v>299162</v>
      </c>
      <c r="CE16" s="100">
        <v>0</v>
      </c>
      <c r="CF16" s="104">
        <v>7228298</v>
      </c>
      <c r="CG16" s="104">
        <v>4507435</v>
      </c>
      <c r="CH16" s="104">
        <v>2855108</v>
      </c>
      <c r="CI16" s="104">
        <v>2484007</v>
      </c>
      <c r="CJ16" s="104">
        <v>900806</v>
      </c>
      <c r="CK16" s="103">
        <v>17975654</v>
      </c>
      <c r="CL16" s="106">
        <v>18274816</v>
      </c>
      <c r="CM16" s="100">
        <v>0</v>
      </c>
      <c r="CN16" s="104">
        <v>0</v>
      </c>
      <c r="CO16" s="103">
        <v>0</v>
      </c>
      <c r="CP16" s="101">
        <v>0</v>
      </c>
      <c r="CQ16" s="104">
        <v>5958022</v>
      </c>
      <c r="CR16" s="104">
        <v>3817442</v>
      </c>
      <c r="CS16" s="104">
        <v>2438107</v>
      </c>
      <c r="CT16" s="104">
        <v>2175110</v>
      </c>
      <c r="CU16" s="104">
        <v>578015</v>
      </c>
      <c r="CV16" s="103">
        <v>14966696</v>
      </c>
      <c r="CW16" s="106">
        <v>14966696</v>
      </c>
      <c r="CX16" s="100">
        <v>101351</v>
      </c>
      <c r="CY16" s="104">
        <v>197811</v>
      </c>
      <c r="CZ16" s="103">
        <v>299162</v>
      </c>
      <c r="DA16" s="100">
        <v>0</v>
      </c>
      <c r="DB16" s="104">
        <v>1270276</v>
      </c>
      <c r="DC16" s="104">
        <v>689993</v>
      </c>
      <c r="DD16" s="104">
        <v>417001</v>
      </c>
      <c r="DE16" s="104">
        <v>308897</v>
      </c>
      <c r="DF16" s="104">
        <v>322791</v>
      </c>
      <c r="DG16" s="103">
        <v>3008958</v>
      </c>
      <c r="DH16" s="106">
        <v>3308120</v>
      </c>
      <c r="DI16" s="100">
        <v>0</v>
      </c>
      <c r="DJ16" s="104">
        <v>87844</v>
      </c>
      <c r="DK16" s="102">
        <v>87844</v>
      </c>
      <c r="DL16" s="101">
        <v>0</v>
      </c>
      <c r="DM16" s="104">
        <v>650570</v>
      </c>
      <c r="DN16" s="104">
        <v>857224</v>
      </c>
      <c r="DO16" s="104">
        <v>1731774</v>
      </c>
      <c r="DP16" s="104">
        <v>1838549</v>
      </c>
      <c r="DQ16" s="104">
        <v>107396</v>
      </c>
      <c r="DR16" s="103">
        <v>5185513</v>
      </c>
      <c r="DS16" s="106">
        <v>5273357</v>
      </c>
      <c r="DT16" s="100">
        <v>0</v>
      </c>
      <c r="DU16" s="104">
        <v>87844</v>
      </c>
      <c r="DV16" s="103">
        <v>87844</v>
      </c>
      <c r="DW16" s="100">
        <v>0</v>
      </c>
      <c r="DX16" s="104">
        <v>650570</v>
      </c>
      <c r="DY16" s="104">
        <v>725218</v>
      </c>
      <c r="DZ16" s="104">
        <v>1288119</v>
      </c>
      <c r="EA16" s="104">
        <v>1770320</v>
      </c>
      <c r="EB16" s="104">
        <v>65962</v>
      </c>
      <c r="EC16" s="103">
        <v>4500189</v>
      </c>
      <c r="ED16" s="106">
        <v>4588033</v>
      </c>
      <c r="EE16" s="100">
        <v>0</v>
      </c>
      <c r="EF16" s="102">
        <v>0</v>
      </c>
      <c r="EG16" s="103">
        <v>0</v>
      </c>
      <c r="EH16" s="100">
        <v>0</v>
      </c>
      <c r="EI16" s="104">
        <v>0</v>
      </c>
      <c r="EJ16" s="104">
        <v>132006</v>
      </c>
      <c r="EK16" s="104">
        <v>443655</v>
      </c>
      <c r="EL16" s="104">
        <v>68229</v>
      </c>
      <c r="EM16" s="104">
        <v>41434</v>
      </c>
      <c r="EN16" s="102">
        <v>685324</v>
      </c>
      <c r="EO16" s="106">
        <v>68532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v>0</v>
      </c>
      <c r="FE16" s="104">
        <v>0</v>
      </c>
      <c r="FF16" s="104">
        <v>0</v>
      </c>
      <c r="FG16" s="104">
        <v>0</v>
      </c>
      <c r="FH16" s="104">
        <v>0</v>
      </c>
      <c r="FI16" s="104">
        <v>0</v>
      </c>
      <c r="FJ16" s="103">
        <v>0</v>
      </c>
      <c r="FK16" s="106">
        <v>0</v>
      </c>
      <c r="FL16" s="100">
        <v>521068</v>
      </c>
      <c r="FM16" s="104">
        <v>644752</v>
      </c>
      <c r="FN16" s="103">
        <v>1165820</v>
      </c>
      <c r="FO16" s="100">
        <v>0</v>
      </c>
      <c r="FP16" s="104">
        <v>1189332</v>
      </c>
      <c r="FQ16" s="104">
        <v>1319616</v>
      </c>
      <c r="FR16" s="104">
        <v>999832</v>
      </c>
      <c r="FS16" s="104">
        <v>1134584</v>
      </c>
      <c r="FT16" s="104">
        <v>669504</v>
      </c>
      <c r="FU16" s="103">
        <v>5312868</v>
      </c>
      <c r="FV16" s="106">
        <v>6478688</v>
      </c>
      <c r="FW16" s="105">
        <v>284920</v>
      </c>
      <c r="FX16" s="104">
        <v>428512</v>
      </c>
      <c r="FY16" s="102">
        <v>713432</v>
      </c>
      <c r="FZ16" s="101">
        <v>0</v>
      </c>
      <c r="GA16" s="104">
        <v>891232</v>
      </c>
      <c r="GB16" s="104">
        <v>1319616</v>
      </c>
      <c r="GC16" s="104">
        <v>882792</v>
      </c>
      <c r="GD16" s="104">
        <v>1134584</v>
      </c>
      <c r="GE16" s="104">
        <v>669504</v>
      </c>
      <c r="GF16" s="103">
        <v>4897728</v>
      </c>
      <c r="GG16" s="296">
        <v>5611160</v>
      </c>
      <c r="GH16" s="105">
        <v>12812</v>
      </c>
      <c r="GI16" s="104">
        <v>0</v>
      </c>
      <c r="GJ16" s="102">
        <v>12812</v>
      </c>
      <c r="GK16" s="101">
        <v>0</v>
      </c>
      <c r="GL16" s="104">
        <v>146100</v>
      </c>
      <c r="GM16" s="104">
        <v>0</v>
      </c>
      <c r="GN16" s="104">
        <v>0</v>
      </c>
      <c r="GO16" s="104">
        <v>0</v>
      </c>
      <c r="GP16" s="104">
        <v>0</v>
      </c>
      <c r="GQ16" s="103">
        <v>146100</v>
      </c>
      <c r="GR16" s="106">
        <v>158912</v>
      </c>
      <c r="GS16" s="100">
        <v>223336</v>
      </c>
      <c r="GT16" s="104">
        <v>216240</v>
      </c>
      <c r="GU16" s="103">
        <v>439576</v>
      </c>
      <c r="GV16" s="100">
        <v>0</v>
      </c>
      <c r="GW16" s="104">
        <v>152000</v>
      </c>
      <c r="GX16" s="104">
        <v>0</v>
      </c>
      <c r="GY16" s="104">
        <v>117040</v>
      </c>
      <c r="GZ16" s="104">
        <v>0</v>
      </c>
      <c r="HA16" s="104">
        <v>0</v>
      </c>
      <c r="HB16" s="102">
        <v>269040</v>
      </c>
      <c r="HC16" s="106">
        <v>708616</v>
      </c>
      <c r="HD16" s="100">
        <v>436758</v>
      </c>
      <c r="HE16" s="104">
        <v>0</v>
      </c>
      <c r="HF16" s="102">
        <v>436758</v>
      </c>
      <c r="HG16" s="101">
        <v>0</v>
      </c>
      <c r="HH16" s="104">
        <v>4744496</v>
      </c>
      <c r="HI16" s="104">
        <v>2933031</v>
      </c>
      <c r="HJ16" s="104">
        <v>2984981</v>
      </c>
      <c r="HK16" s="104">
        <v>3753121</v>
      </c>
      <c r="HL16" s="104">
        <v>2993440</v>
      </c>
      <c r="HM16" s="103">
        <v>17409069</v>
      </c>
      <c r="HN16" s="99">
        <v>17845827</v>
      </c>
      <c r="HO16" s="306">
        <v>0</v>
      </c>
      <c r="HP16" s="307">
        <v>0</v>
      </c>
      <c r="HQ16" s="308">
        <v>0</v>
      </c>
      <c r="HR16" s="309">
        <v>0</v>
      </c>
      <c r="HS16" s="307">
        <v>0</v>
      </c>
      <c r="HT16" s="307">
        <v>0</v>
      </c>
      <c r="HU16" s="307">
        <v>0</v>
      </c>
      <c r="HV16" s="307">
        <v>0</v>
      </c>
      <c r="HW16" s="307">
        <v>0</v>
      </c>
      <c r="HX16" s="310">
        <v>0</v>
      </c>
      <c r="HY16" s="311">
        <v>0</v>
      </c>
      <c r="HZ16" s="137">
        <v>0</v>
      </c>
      <c r="IA16" s="122">
        <v>0</v>
      </c>
      <c r="IB16" s="137">
        <v>0</v>
      </c>
      <c r="IC16" s="121">
        <v>0</v>
      </c>
      <c r="ID16" s="122">
        <v>4080468</v>
      </c>
      <c r="IE16" s="123">
        <v>4936881</v>
      </c>
      <c r="IF16" s="124">
        <v>7023546</v>
      </c>
      <c r="IG16" s="122">
        <v>5120144</v>
      </c>
      <c r="IH16" s="124">
        <v>3909118</v>
      </c>
      <c r="II16" s="125">
        <v>25070157</v>
      </c>
      <c r="IJ16" s="137">
        <v>25070157</v>
      </c>
      <c r="IK16" s="219">
        <v>0</v>
      </c>
      <c r="IL16" s="223">
        <v>0</v>
      </c>
      <c r="IM16" s="224">
        <v>0</v>
      </c>
      <c r="IN16" s="127">
        <v>0</v>
      </c>
      <c r="IO16" s="109">
        <v>209487</v>
      </c>
      <c r="IP16" s="109">
        <v>226164</v>
      </c>
      <c r="IQ16" s="109">
        <v>376416</v>
      </c>
      <c r="IR16" s="109">
        <v>0</v>
      </c>
      <c r="IS16" s="109">
        <v>0</v>
      </c>
      <c r="IT16" s="128">
        <v>812067</v>
      </c>
      <c r="IU16" s="298">
        <v>812067</v>
      </c>
      <c r="IV16" s="129">
        <v>0</v>
      </c>
      <c r="IW16" s="109">
        <v>0</v>
      </c>
      <c r="IX16" s="110">
        <v>0</v>
      </c>
      <c r="IY16" s="131">
        <v>0</v>
      </c>
      <c r="IZ16" s="109">
        <v>10692</v>
      </c>
      <c r="JA16" s="109">
        <v>0</v>
      </c>
      <c r="JB16" s="109">
        <v>27749</v>
      </c>
      <c r="JC16" s="109">
        <v>0</v>
      </c>
      <c r="JD16" s="109">
        <v>0</v>
      </c>
      <c r="JE16" s="110">
        <v>38441</v>
      </c>
      <c r="JF16" s="111">
        <v>38441</v>
      </c>
      <c r="JG16" s="129">
        <v>0</v>
      </c>
      <c r="JH16" s="109">
        <v>0</v>
      </c>
      <c r="JI16" s="128">
        <v>0</v>
      </c>
      <c r="JJ16" s="108">
        <v>0</v>
      </c>
      <c r="JK16" s="109">
        <v>1508353</v>
      </c>
      <c r="JL16" s="109">
        <v>1338484</v>
      </c>
      <c r="JM16" s="109">
        <v>745105</v>
      </c>
      <c r="JN16" s="109">
        <v>495165</v>
      </c>
      <c r="JO16" s="109">
        <v>0</v>
      </c>
      <c r="JP16" s="110">
        <v>4087107</v>
      </c>
      <c r="JQ16" s="298">
        <v>4087107</v>
      </c>
      <c r="JR16" s="129">
        <v>0</v>
      </c>
      <c r="JS16" s="109">
        <v>0</v>
      </c>
      <c r="JT16" s="128">
        <v>0</v>
      </c>
      <c r="JU16" s="108">
        <v>0</v>
      </c>
      <c r="JV16" s="109">
        <v>251513</v>
      </c>
      <c r="JW16" s="109">
        <v>105064</v>
      </c>
      <c r="JX16" s="109">
        <v>161920</v>
      </c>
      <c r="JY16" s="109">
        <v>140106</v>
      </c>
      <c r="JZ16" s="109">
        <v>175778</v>
      </c>
      <c r="KA16" s="110">
        <v>834381</v>
      </c>
      <c r="KB16" s="298">
        <v>834381</v>
      </c>
      <c r="KC16" s="221">
        <v>0</v>
      </c>
      <c r="KD16" s="217">
        <v>0</v>
      </c>
      <c r="KE16" s="110">
        <v>0</v>
      </c>
      <c r="KF16" s="108">
        <v>0</v>
      </c>
      <c r="KG16" s="109">
        <v>399492</v>
      </c>
      <c r="KH16" s="109">
        <v>531121</v>
      </c>
      <c r="KI16" s="109">
        <v>916220</v>
      </c>
      <c r="KJ16" s="109">
        <v>1075685</v>
      </c>
      <c r="KK16" s="109">
        <v>287188</v>
      </c>
      <c r="KL16" s="110">
        <v>3209706</v>
      </c>
      <c r="KM16" s="130">
        <v>3209706</v>
      </c>
      <c r="KN16" s="219">
        <v>0</v>
      </c>
      <c r="KO16" s="223">
        <v>0</v>
      </c>
      <c r="KP16" s="224">
        <v>0</v>
      </c>
      <c r="KQ16" s="127">
        <v>0</v>
      </c>
      <c r="KR16" s="109">
        <v>1138839</v>
      </c>
      <c r="KS16" s="109">
        <v>2349535</v>
      </c>
      <c r="KT16" s="109">
        <v>2267668</v>
      </c>
      <c r="KU16" s="109">
        <v>572572</v>
      </c>
      <c r="KV16" s="109">
        <v>1301677</v>
      </c>
      <c r="KW16" s="110">
        <v>7630291</v>
      </c>
      <c r="KX16" s="298">
        <v>7630291</v>
      </c>
      <c r="KY16" s="129">
        <v>0</v>
      </c>
      <c r="KZ16" s="109">
        <v>0</v>
      </c>
      <c r="LA16" s="110">
        <v>0</v>
      </c>
      <c r="LB16" s="132">
        <v>0</v>
      </c>
      <c r="LC16" s="109">
        <v>266189</v>
      </c>
      <c r="LD16" s="109">
        <v>344496</v>
      </c>
      <c r="LE16" s="109">
        <v>1151014</v>
      </c>
      <c r="LF16" s="109">
        <v>0</v>
      </c>
      <c r="LG16" s="109">
        <v>658808</v>
      </c>
      <c r="LH16" s="110">
        <v>2420507</v>
      </c>
      <c r="LI16" s="111">
        <v>2420507</v>
      </c>
      <c r="LJ16" s="129">
        <v>0</v>
      </c>
      <c r="LK16" s="109">
        <v>0</v>
      </c>
      <c r="LL16" s="110">
        <v>0</v>
      </c>
      <c r="LM16" s="132">
        <v>0</v>
      </c>
      <c r="LN16" s="109">
        <v>0</v>
      </c>
      <c r="LO16" s="109">
        <v>206120</v>
      </c>
      <c r="LP16" s="109">
        <v>226348</v>
      </c>
      <c r="LQ16" s="109">
        <v>1045330</v>
      </c>
      <c r="LR16" s="109">
        <v>796947</v>
      </c>
      <c r="LS16" s="110">
        <v>2274745</v>
      </c>
      <c r="LT16" s="298">
        <v>2274745</v>
      </c>
      <c r="LU16" s="129">
        <v>0</v>
      </c>
      <c r="LV16" s="109">
        <v>0</v>
      </c>
      <c r="LW16" s="110">
        <v>0</v>
      </c>
      <c r="LX16" s="132">
        <v>0</v>
      </c>
      <c r="LY16" s="109">
        <v>295903</v>
      </c>
      <c r="LZ16" s="109">
        <v>-164103</v>
      </c>
      <c r="MA16" s="109">
        <v>1151106</v>
      </c>
      <c r="MB16" s="109">
        <v>1791286</v>
      </c>
      <c r="MC16" s="109">
        <v>688720</v>
      </c>
      <c r="MD16" s="110">
        <v>3762912</v>
      </c>
      <c r="ME16" s="111">
        <v>3762912</v>
      </c>
      <c r="MF16" s="129">
        <v>0</v>
      </c>
      <c r="MG16" s="109">
        <v>0</v>
      </c>
      <c r="MH16" s="110">
        <v>0</v>
      </c>
      <c r="MI16" s="132">
        <v>0</v>
      </c>
      <c r="MJ16" s="109">
        <v>1486237</v>
      </c>
      <c r="MK16" s="109">
        <v>1578099</v>
      </c>
      <c r="ML16" s="109">
        <v>8195859</v>
      </c>
      <c r="MM16" s="109">
        <v>11765872</v>
      </c>
      <c r="MN16" s="109">
        <v>6603502</v>
      </c>
      <c r="MO16" s="110">
        <v>29629569</v>
      </c>
      <c r="MP16" s="130">
        <v>29629569</v>
      </c>
      <c r="MQ16" s="129">
        <v>0</v>
      </c>
      <c r="MR16" s="109">
        <v>0</v>
      </c>
      <c r="MS16" s="110">
        <v>0</v>
      </c>
      <c r="MT16" s="132">
        <v>0</v>
      </c>
      <c r="MU16" s="109">
        <v>208404</v>
      </c>
      <c r="MV16" s="109">
        <v>0</v>
      </c>
      <c r="MW16" s="109">
        <v>5212644</v>
      </c>
      <c r="MX16" s="109">
        <v>8462331</v>
      </c>
      <c r="MY16" s="109">
        <v>3469367</v>
      </c>
      <c r="MZ16" s="110">
        <v>17352746</v>
      </c>
      <c r="NA16" s="130">
        <v>17352746</v>
      </c>
      <c r="NB16" s="129">
        <v>0</v>
      </c>
      <c r="NC16" s="109">
        <v>0</v>
      </c>
      <c r="ND16" s="110">
        <v>0</v>
      </c>
      <c r="NE16" s="132">
        <v>0</v>
      </c>
      <c r="NF16" s="109">
        <v>1277833</v>
      </c>
      <c r="NG16" s="109">
        <v>1578099</v>
      </c>
      <c r="NH16" s="109">
        <v>2983215</v>
      </c>
      <c r="NI16" s="109">
        <v>3303541</v>
      </c>
      <c r="NJ16" s="109">
        <v>2422822</v>
      </c>
      <c r="NK16" s="110">
        <v>11565510</v>
      </c>
      <c r="NL16" s="298">
        <v>11565510</v>
      </c>
      <c r="NM16" s="129">
        <v>0</v>
      </c>
      <c r="NN16" s="109">
        <v>0</v>
      </c>
      <c r="NO16" s="110">
        <v>0</v>
      </c>
      <c r="NP16" s="132">
        <v>0</v>
      </c>
      <c r="NQ16" s="109">
        <v>0</v>
      </c>
      <c r="NR16" s="109">
        <v>0</v>
      </c>
      <c r="NS16" s="109">
        <v>0</v>
      </c>
      <c r="NT16" s="109">
        <v>0</v>
      </c>
      <c r="NU16" s="109">
        <v>0</v>
      </c>
      <c r="NV16" s="110">
        <v>0</v>
      </c>
      <c r="NW16" s="111">
        <v>0</v>
      </c>
      <c r="NX16" s="129">
        <v>0</v>
      </c>
      <c r="NY16" s="109">
        <v>0</v>
      </c>
      <c r="NZ16" s="110">
        <v>0</v>
      </c>
      <c r="OA16" s="132">
        <v>0</v>
      </c>
      <c r="OB16" s="109">
        <v>0</v>
      </c>
      <c r="OC16" s="109">
        <v>0</v>
      </c>
      <c r="OD16" s="109">
        <v>0</v>
      </c>
      <c r="OE16" s="109">
        <v>0</v>
      </c>
      <c r="OF16" s="109">
        <v>711313</v>
      </c>
      <c r="OG16" s="110">
        <v>711313</v>
      </c>
      <c r="OH16" s="111">
        <v>711313</v>
      </c>
      <c r="OI16" s="129">
        <v>1536707</v>
      </c>
      <c r="OJ16" s="109">
        <v>1705587</v>
      </c>
      <c r="OK16" s="128">
        <v>3242294</v>
      </c>
      <c r="OL16" s="108">
        <v>0</v>
      </c>
      <c r="OM16" s="109">
        <v>27126445</v>
      </c>
      <c r="ON16" s="109">
        <v>21784263</v>
      </c>
      <c r="OO16" s="109">
        <v>27336830</v>
      </c>
      <c r="OP16" s="109">
        <v>32530485</v>
      </c>
      <c r="OQ16" s="109">
        <v>20007316</v>
      </c>
      <c r="OR16" s="110">
        <v>128785339</v>
      </c>
      <c r="OS16" s="130">
        <v>132027633</v>
      </c>
    </row>
    <row r="17" spans="2:409" ht="21" customHeight="1" x14ac:dyDescent="0.2">
      <c r="B17" s="472" t="s">
        <v>11</v>
      </c>
      <c r="C17" s="100">
        <v>589128</v>
      </c>
      <c r="D17" s="104">
        <v>685023</v>
      </c>
      <c r="E17" s="158">
        <v>1274151</v>
      </c>
      <c r="F17" s="101">
        <v>0</v>
      </c>
      <c r="G17" s="104">
        <v>6256423</v>
      </c>
      <c r="H17" s="104">
        <v>6838611</v>
      </c>
      <c r="I17" s="104">
        <v>5895864</v>
      </c>
      <c r="J17" s="104">
        <v>8331483</v>
      </c>
      <c r="K17" s="104">
        <v>4022989</v>
      </c>
      <c r="L17" s="99">
        <v>31345370</v>
      </c>
      <c r="M17" s="106">
        <v>32619521</v>
      </c>
      <c r="N17" s="100">
        <v>185518</v>
      </c>
      <c r="O17" s="104">
        <v>219413</v>
      </c>
      <c r="P17" s="103">
        <v>404931</v>
      </c>
      <c r="Q17" s="100">
        <v>0</v>
      </c>
      <c r="R17" s="104">
        <v>1280672</v>
      </c>
      <c r="S17" s="104">
        <v>1544856</v>
      </c>
      <c r="T17" s="104">
        <v>1527228</v>
      </c>
      <c r="U17" s="104">
        <v>2607293</v>
      </c>
      <c r="V17" s="104">
        <v>2005124</v>
      </c>
      <c r="W17" s="103">
        <v>8965173</v>
      </c>
      <c r="X17" s="106">
        <v>9370104</v>
      </c>
      <c r="Y17" s="100">
        <v>0</v>
      </c>
      <c r="Z17" s="104">
        <v>0</v>
      </c>
      <c r="AA17" s="103">
        <v>0</v>
      </c>
      <c r="AB17" s="100">
        <v>0</v>
      </c>
      <c r="AC17" s="104">
        <v>293594</v>
      </c>
      <c r="AD17" s="104">
        <v>530851</v>
      </c>
      <c r="AE17" s="104">
        <v>802081</v>
      </c>
      <c r="AF17" s="104">
        <v>1323686</v>
      </c>
      <c r="AG17" s="104">
        <v>1247188</v>
      </c>
      <c r="AH17" s="103">
        <v>4197400</v>
      </c>
      <c r="AI17" s="106">
        <v>4197400</v>
      </c>
      <c r="AJ17" s="100">
        <v>0</v>
      </c>
      <c r="AK17" s="104">
        <v>0</v>
      </c>
      <c r="AL17" s="103">
        <v>0</v>
      </c>
      <c r="AM17" s="100">
        <v>0</v>
      </c>
      <c r="AN17" s="104">
        <v>0</v>
      </c>
      <c r="AO17" s="104">
        <v>149884</v>
      </c>
      <c r="AP17" s="104">
        <v>23060</v>
      </c>
      <c r="AQ17" s="104">
        <v>242466</v>
      </c>
      <c r="AR17" s="104">
        <v>185157</v>
      </c>
      <c r="AS17" s="103">
        <v>600567</v>
      </c>
      <c r="AT17" s="106">
        <v>600567</v>
      </c>
      <c r="AU17" s="100">
        <v>144142</v>
      </c>
      <c r="AV17" s="104">
        <v>105156</v>
      </c>
      <c r="AW17" s="103">
        <v>249298</v>
      </c>
      <c r="AX17" s="100">
        <v>0</v>
      </c>
      <c r="AY17" s="104">
        <v>681228</v>
      </c>
      <c r="AZ17" s="104">
        <v>574938</v>
      </c>
      <c r="BA17" s="104">
        <v>459786</v>
      </c>
      <c r="BB17" s="104">
        <v>570127</v>
      </c>
      <c r="BC17" s="104">
        <v>323181</v>
      </c>
      <c r="BD17" s="103">
        <v>2609260</v>
      </c>
      <c r="BE17" s="106">
        <v>2858558</v>
      </c>
      <c r="BF17" s="100">
        <v>0</v>
      </c>
      <c r="BG17" s="104">
        <v>57553</v>
      </c>
      <c r="BH17" s="102">
        <v>57553</v>
      </c>
      <c r="BI17" s="101">
        <v>0</v>
      </c>
      <c r="BJ17" s="104">
        <v>98930</v>
      </c>
      <c r="BK17" s="104">
        <v>47095</v>
      </c>
      <c r="BL17" s="104">
        <v>69837</v>
      </c>
      <c r="BM17" s="104">
        <v>146190</v>
      </c>
      <c r="BN17" s="104">
        <v>41862</v>
      </c>
      <c r="BO17" s="103">
        <v>403914</v>
      </c>
      <c r="BP17" s="106">
        <v>461467</v>
      </c>
      <c r="BQ17" s="100">
        <v>41376</v>
      </c>
      <c r="BR17" s="104">
        <v>56704</v>
      </c>
      <c r="BS17" s="103">
        <v>98080</v>
      </c>
      <c r="BT17" s="100">
        <v>0</v>
      </c>
      <c r="BU17" s="104">
        <v>206920</v>
      </c>
      <c r="BV17" s="104">
        <v>242088</v>
      </c>
      <c r="BW17" s="104">
        <v>172464</v>
      </c>
      <c r="BX17" s="104">
        <v>324824</v>
      </c>
      <c r="BY17" s="104">
        <v>207736</v>
      </c>
      <c r="BZ17" s="103">
        <v>1154032</v>
      </c>
      <c r="CA17" s="106">
        <v>1252112</v>
      </c>
      <c r="CB17" s="100">
        <v>145746</v>
      </c>
      <c r="CC17" s="104">
        <v>75689</v>
      </c>
      <c r="CD17" s="103">
        <v>221435</v>
      </c>
      <c r="CE17" s="100">
        <v>0</v>
      </c>
      <c r="CF17" s="104">
        <v>2518131</v>
      </c>
      <c r="CG17" s="104">
        <v>2272672</v>
      </c>
      <c r="CH17" s="104">
        <v>1843753</v>
      </c>
      <c r="CI17" s="104">
        <v>2067181</v>
      </c>
      <c r="CJ17" s="104">
        <v>372050</v>
      </c>
      <c r="CK17" s="103">
        <v>9073787</v>
      </c>
      <c r="CL17" s="106">
        <v>9295222</v>
      </c>
      <c r="CM17" s="100">
        <v>0</v>
      </c>
      <c r="CN17" s="104">
        <v>0</v>
      </c>
      <c r="CO17" s="103">
        <v>0</v>
      </c>
      <c r="CP17" s="101">
        <v>0</v>
      </c>
      <c r="CQ17" s="104">
        <v>1699487</v>
      </c>
      <c r="CR17" s="104">
        <v>1652396</v>
      </c>
      <c r="CS17" s="104">
        <v>1402751</v>
      </c>
      <c r="CT17" s="104">
        <v>1137829</v>
      </c>
      <c r="CU17" s="104">
        <v>333970</v>
      </c>
      <c r="CV17" s="103">
        <v>6226433</v>
      </c>
      <c r="CW17" s="106">
        <v>6226433</v>
      </c>
      <c r="CX17" s="100">
        <v>145746</v>
      </c>
      <c r="CY17" s="104">
        <v>75689</v>
      </c>
      <c r="CZ17" s="103">
        <v>221435</v>
      </c>
      <c r="DA17" s="100">
        <v>0</v>
      </c>
      <c r="DB17" s="104">
        <v>818644</v>
      </c>
      <c r="DC17" s="104">
        <v>620276</v>
      </c>
      <c r="DD17" s="104">
        <v>441002</v>
      </c>
      <c r="DE17" s="104">
        <v>929352</v>
      </c>
      <c r="DF17" s="104">
        <v>38080</v>
      </c>
      <c r="DG17" s="103">
        <v>2847354</v>
      </c>
      <c r="DH17" s="106">
        <v>3068789</v>
      </c>
      <c r="DI17" s="100">
        <v>0</v>
      </c>
      <c r="DJ17" s="104">
        <v>0</v>
      </c>
      <c r="DK17" s="102">
        <v>0</v>
      </c>
      <c r="DL17" s="101">
        <v>0</v>
      </c>
      <c r="DM17" s="104">
        <v>296839</v>
      </c>
      <c r="DN17" s="104">
        <v>604976</v>
      </c>
      <c r="DO17" s="104">
        <v>592216</v>
      </c>
      <c r="DP17" s="104">
        <v>218635</v>
      </c>
      <c r="DQ17" s="104">
        <v>0</v>
      </c>
      <c r="DR17" s="103">
        <v>1712666</v>
      </c>
      <c r="DS17" s="106">
        <v>1712666</v>
      </c>
      <c r="DT17" s="100">
        <v>0</v>
      </c>
      <c r="DU17" s="104">
        <v>0</v>
      </c>
      <c r="DV17" s="103">
        <v>0</v>
      </c>
      <c r="DW17" s="100">
        <v>0</v>
      </c>
      <c r="DX17" s="104">
        <v>296839</v>
      </c>
      <c r="DY17" s="104">
        <v>485278</v>
      </c>
      <c r="DZ17" s="104">
        <v>573950</v>
      </c>
      <c r="EA17" s="104">
        <v>157767</v>
      </c>
      <c r="EB17" s="104">
        <v>0</v>
      </c>
      <c r="EC17" s="103">
        <v>1513834</v>
      </c>
      <c r="ED17" s="106">
        <v>1513834</v>
      </c>
      <c r="EE17" s="100">
        <v>0</v>
      </c>
      <c r="EF17" s="102">
        <v>0</v>
      </c>
      <c r="EG17" s="103">
        <v>0</v>
      </c>
      <c r="EH17" s="100">
        <v>0</v>
      </c>
      <c r="EI17" s="104">
        <v>0</v>
      </c>
      <c r="EJ17" s="104">
        <v>119698</v>
      </c>
      <c r="EK17" s="104">
        <v>18266</v>
      </c>
      <c r="EL17" s="104">
        <v>60868</v>
      </c>
      <c r="EM17" s="104">
        <v>0</v>
      </c>
      <c r="EN17" s="102">
        <v>198832</v>
      </c>
      <c r="EO17" s="106">
        <v>198832</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v>0</v>
      </c>
      <c r="FE17" s="104">
        <v>0</v>
      </c>
      <c r="FF17" s="104">
        <v>0</v>
      </c>
      <c r="FG17" s="104">
        <v>0</v>
      </c>
      <c r="FH17" s="104">
        <v>0</v>
      </c>
      <c r="FI17" s="104">
        <v>0</v>
      </c>
      <c r="FJ17" s="103">
        <v>0</v>
      </c>
      <c r="FK17" s="106">
        <v>0</v>
      </c>
      <c r="FL17" s="100">
        <v>196160</v>
      </c>
      <c r="FM17" s="104">
        <v>196168</v>
      </c>
      <c r="FN17" s="103">
        <v>392328</v>
      </c>
      <c r="FO17" s="100">
        <v>0</v>
      </c>
      <c r="FP17" s="104">
        <v>350736</v>
      </c>
      <c r="FQ17" s="104">
        <v>721576</v>
      </c>
      <c r="FR17" s="104">
        <v>370592</v>
      </c>
      <c r="FS17" s="104">
        <v>745144</v>
      </c>
      <c r="FT17" s="104">
        <v>263272</v>
      </c>
      <c r="FU17" s="103">
        <v>2451320</v>
      </c>
      <c r="FV17" s="106">
        <v>2843648</v>
      </c>
      <c r="FW17" s="105">
        <v>72160</v>
      </c>
      <c r="FX17" s="104">
        <v>196168</v>
      </c>
      <c r="FY17" s="102">
        <v>268328</v>
      </c>
      <c r="FZ17" s="101">
        <v>0</v>
      </c>
      <c r="GA17" s="104">
        <v>271624</v>
      </c>
      <c r="GB17" s="104">
        <v>617736</v>
      </c>
      <c r="GC17" s="104">
        <v>370592</v>
      </c>
      <c r="GD17" s="104">
        <v>665144</v>
      </c>
      <c r="GE17" s="104">
        <v>263272</v>
      </c>
      <c r="GF17" s="103">
        <v>2188368</v>
      </c>
      <c r="GG17" s="296">
        <v>2456696</v>
      </c>
      <c r="GH17" s="105">
        <v>0</v>
      </c>
      <c r="GI17" s="104">
        <v>0</v>
      </c>
      <c r="GJ17" s="102">
        <v>0</v>
      </c>
      <c r="GK17" s="101">
        <v>0</v>
      </c>
      <c r="GL17" s="104">
        <v>45408</v>
      </c>
      <c r="GM17" s="104">
        <v>0</v>
      </c>
      <c r="GN17" s="104">
        <v>0</v>
      </c>
      <c r="GO17" s="104">
        <v>80000</v>
      </c>
      <c r="GP17" s="104">
        <v>0</v>
      </c>
      <c r="GQ17" s="103">
        <v>125408</v>
      </c>
      <c r="GR17" s="106">
        <v>125408</v>
      </c>
      <c r="GS17" s="100">
        <v>124000</v>
      </c>
      <c r="GT17" s="104">
        <v>0</v>
      </c>
      <c r="GU17" s="103">
        <v>124000</v>
      </c>
      <c r="GV17" s="100">
        <v>0</v>
      </c>
      <c r="GW17" s="104">
        <v>33704</v>
      </c>
      <c r="GX17" s="104">
        <v>103840</v>
      </c>
      <c r="GY17" s="104">
        <v>0</v>
      </c>
      <c r="GZ17" s="104">
        <v>0</v>
      </c>
      <c r="HA17" s="104">
        <v>0</v>
      </c>
      <c r="HB17" s="102">
        <v>137544</v>
      </c>
      <c r="HC17" s="106">
        <v>261544</v>
      </c>
      <c r="HD17" s="100">
        <v>61704</v>
      </c>
      <c r="HE17" s="104">
        <v>193753</v>
      </c>
      <c r="HF17" s="102">
        <v>255457</v>
      </c>
      <c r="HG17" s="101">
        <v>0</v>
      </c>
      <c r="HH17" s="104">
        <v>1810045</v>
      </c>
      <c r="HI17" s="104">
        <v>1694531</v>
      </c>
      <c r="HJ17" s="104">
        <v>1562075</v>
      </c>
      <c r="HK17" s="104">
        <v>2693230</v>
      </c>
      <c r="HL17" s="104">
        <v>1382543</v>
      </c>
      <c r="HM17" s="103">
        <v>9142424</v>
      </c>
      <c r="HN17" s="99">
        <v>9397881</v>
      </c>
      <c r="HO17" s="306">
        <v>0</v>
      </c>
      <c r="HP17" s="307">
        <v>0</v>
      </c>
      <c r="HQ17" s="308">
        <v>0</v>
      </c>
      <c r="HR17" s="309">
        <v>0</v>
      </c>
      <c r="HS17" s="307">
        <v>0</v>
      </c>
      <c r="HT17" s="307">
        <v>0</v>
      </c>
      <c r="HU17" s="307">
        <v>0</v>
      </c>
      <c r="HV17" s="307">
        <v>0</v>
      </c>
      <c r="HW17" s="307">
        <v>0</v>
      </c>
      <c r="HX17" s="310">
        <v>0</v>
      </c>
      <c r="HY17" s="311">
        <v>0</v>
      </c>
      <c r="HZ17" s="118">
        <v>29497</v>
      </c>
      <c r="IA17" s="119">
        <v>0</v>
      </c>
      <c r="IB17" s="120">
        <v>29497</v>
      </c>
      <c r="IC17" s="133">
        <v>0</v>
      </c>
      <c r="ID17" s="119">
        <v>910096</v>
      </c>
      <c r="IE17" s="134">
        <v>1776656</v>
      </c>
      <c r="IF17" s="120">
        <v>2527952</v>
      </c>
      <c r="IG17" s="119">
        <v>1528715</v>
      </c>
      <c r="IH17" s="120">
        <v>461724</v>
      </c>
      <c r="II17" s="135">
        <v>7205143</v>
      </c>
      <c r="IJ17" s="126">
        <v>7234640</v>
      </c>
      <c r="IK17" s="219">
        <v>0</v>
      </c>
      <c r="IL17" s="223">
        <v>0</v>
      </c>
      <c r="IM17" s="224">
        <v>0</v>
      </c>
      <c r="IN17" s="127">
        <v>0</v>
      </c>
      <c r="IO17" s="109">
        <v>74780</v>
      </c>
      <c r="IP17" s="109">
        <v>0</v>
      </c>
      <c r="IQ17" s="109">
        <v>152080</v>
      </c>
      <c r="IR17" s="109">
        <v>0</v>
      </c>
      <c r="IS17" s="109">
        <v>277180</v>
      </c>
      <c r="IT17" s="128">
        <v>504040</v>
      </c>
      <c r="IU17" s="298">
        <v>504040</v>
      </c>
      <c r="IV17" s="129">
        <v>0</v>
      </c>
      <c r="IW17" s="109">
        <v>0</v>
      </c>
      <c r="IX17" s="110">
        <v>0</v>
      </c>
      <c r="IY17" s="131">
        <v>0</v>
      </c>
      <c r="IZ17" s="109">
        <v>0</v>
      </c>
      <c r="JA17" s="109">
        <v>0</v>
      </c>
      <c r="JB17" s="109">
        <v>0</v>
      </c>
      <c r="JC17" s="109">
        <v>0</v>
      </c>
      <c r="JD17" s="109">
        <v>0</v>
      </c>
      <c r="JE17" s="110">
        <v>0</v>
      </c>
      <c r="JF17" s="111">
        <v>0</v>
      </c>
      <c r="JG17" s="129">
        <v>0</v>
      </c>
      <c r="JH17" s="109">
        <v>0</v>
      </c>
      <c r="JI17" s="128">
        <v>0</v>
      </c>
      <c r="JJ17" s="108">
        <v>0</v>
      </c>
      <c r="JK17" s="109">
        <v>700192</v>
      </c>
      <c r="JL17" s="109">
        <v>344024</v>
      </c>
      <c r="JM17" s="109">
        <v>327184</v>
      </c>
      <c r="JN17" s="109">
        <v>229138</v>
      </c>
      <c r="JO17" s="109">
        <v>140480</v>
      </c>
      <c r="JP17" s="110">
        <v>1741018</v>
      </c>
      <c r="JQ17" s="298">
        <v>1741018</v>
      </c>
      <c r="JR17" s="129">
        <v>29497</v>
      </c>
      <c r="JS17" s="109">
        <v>0</v>
      </c>
      <c r="JT17" s="128">
        <v>29497</v>
      </c>
      <c r="JU17" s="108">
        <v>0</v>
      </c>
      <c r="JV17" s="109">
        <v>0</v>
      </c>
      <c r="JW17" s="109">
        <v>264339</v>
      </c>
      <c r="JX17" s="109">
        <v>184582</v>
      </c>
      <c r="JY17" s="109">
        <v>0</v>
      </c>
      <c r="JZ17" s="109">
        <v>0</v>
      </c>
      <c r="KA17" s="110">
        <v>448921</v>
      </c>
      <c r="KB17" s="298">
        <v>478418</v>
      </c>
      <c r="KC17" s="221">
        <v>0</v>
      </c>
      <c r="KD17" s="217">
        <v>0</v>
      </c>
      <c r="KE17" s="110">
        <v>0</v>
      </c>
      <c r="KF17" s="108">
        <v>0</v>
      </c>
      <c r="KG17" s="109">
        <v>0</v>
      </c>
      <c r="KH17" s="109">
        <v>505612</v>
      </c>
      <c r="KI17" s="109">
        <v>1411890</v>
      </c>
      <c r="KJ17" s="109">
        <v>0</v>
      </c>
      <c r="KK17" s="109">
        <v>0</v>
      </c>
      <c r="KL17" s="110">
        <v>1917502</v>
      </c>
      <c r="KM17" s="130">
        <v>1917502</v>
      </c>
      <c r="KN17" s="219">
        <v>0</v>
      </c>
      <c r="KO17" s="223">
        <v>0</v>
      </c>
      <c r="KP17" s="224">
        <v>0</v>
      </c>
      <c r="KQ17" s="127">
        <v>0</v>
      </c>
      <c r="KR17" s="109">
        <v>0</v>
      </c>
      <c r="KS17" s="109">
        <v>472748</v>
      </c>
      <c r="KT17" s="109">
        <v>452216</v>
      </c>
      <c r="KU17" s="109">
        <v>1017935</v>
      </c>
      <c r="KV17" s="109">
        <v>44064</v>
      </c>
      <c r="KW17" s="110">
        <v>1986963</v>
      </c>
      <c r="KX17" s="298">
        <v>1986963</v>
      </c>
      <c r="KY17" s="129">
        <v>0</v>
      </c>
      <c r="KZ17" s="109">
        <v>0</v>
      </c>
      <c r="LA17" s="110">
        <v>0</v>
      </c>
      <c r="LB17" s="132">
        <v>0</v>
      </c>
      <c r="LC17" s="109">
        <v>0</v>
      </c>
      <c r="LD17" s="109">
        <v>0</v>
      </c>
      <c r="LE17" s="109">
        <v>0</v>
      </c>
      <c r="LF17" s="109">
        <v>0</v>
      </c>
      <c r="LG17" s="109">
        <v>0</v>
      </c>
      <c r="LH17" s="110">
        <v>0</v>
      </c>
      <c r="LI17" s="111">
        <v>0</v>
      </c>
      <c r="LJ17" s="129">
        <v>0</v>
      </c>
      <c r="LK17" s="109">
        <v>0</v>
      </c>
      <c r="LL17" s="110">
        <v>0</v>
      </c>
      <c r="LM17" s="132">
        <v>0</v>
      </c>
      <c r="LN17" s="109">
        <v>0</v>
      </c>
      <c r="LO17" s="109">
        <v>0</v>
      </c>
      <c r="LP17" s="109">
        <v>0</v>
      </c>
      <c r="LQ17" s="109">
        <v>0</v>
      </c>
      <c r="LR17" s="109">
        <v>0</v>
      </c>
      <c r="LS17" s="110">
        <v>0</v>
      </c>
      <c r="LT17" s="298">
        <v>0</v>
      </c>
      <c r="LU17" s="129">
        <v>0</v>
      </c>
      <c r="LV17" s="109">
        <v>0</v>
      </c>
      <c r="LW17" s="110">
        <v>0</v>
      </c>
      <c r="LX17" s="132">
        <v>0</v>
      </c>
      <c r="LY17" s="109">
        <v>135124</v>
      </c>
      <c r="LZ17" s="109">
        <v>189933</v>
      </c>
      <c r="MA17" s="109">
        <v>0</v>
      </c>
      <c r="MB17" s="109">
        <v>281642</v>
      </c>
      <c r="MC17" s="109">
        <v>0</v>
      </c>
      <c r="MD17" s="110">
        <v>606699</v>
      </c>
      <c r="ME17" s="111">
        <v>606699</v>
      </c>
      <c r="MF17" s="129">
        <v>0</v>
      </c>
      <c r="MG17" s="109">
        <v>0</v>
      </c>
      <c r="MH17" s="110">
        <v>0</v>
      </c>
      <c r="MI17" s="132">
        <v>0</v>
      </c>
      <c r="MJ17" s="109">
        <v>233176</v>
      </c>
      <c r="MK17" s="109">
        <v>245767</v>
      </c>
      <c r="ML17" s="109">
        <v>2508608</v>
      </c>
      <c r="MM17" s="109">
        <v>6144154</v>
      </c>
      <c r="MN17" s="109">
        <v>2749060</v>
      </c>
      <c r="MO17" s="110">
        <v>11880765</v>
      </c>
      <c r="MP17" s="130">
        <v>11880765</v>
      </c>
      <c r="MQ17" s="129">
        <v>0</v>
      </c>
      <c r="MR17" s="109">
        <v>0</v>
      </c>
      <c r="MS17" s="110">
        <v>0</v>
      </c>
      <c r="MT17" s="132">
        <v>0</v>
      </c>
      <c r="MU17" s="109">
        <v>0</v>
      </c>
      <c r="MV17" s="109">
        <v>0</v>
      </c>
      <c r="MW17" s="109">
        <v>1137689</v>
      </c>
      <c r="MX17" s="109">
        <v>4653905</v>
      </c>
      <c r="MY17" s="109">
        <v>1111186</v>
      </c>
      <c r="MZ17" s="110">
        <v>6902780</v>
      </c>
      <c r="NA17" s="130">
        <v>6902780</v>
      </c>
      <c r="NB17" s="129">
        <v>0</v>
      </c>
      <c r="NC17" s="109">
        <v>0</v>
      </c>
      <c r="ND17" s="110">
        <v>0</v>
      </c>
      <c r="NE17" s="132">
        <v>0</v>
      </c>
      <c r="NF17" s="109">
        <v>233176</v>
      </c>
      <c r="NG17" s="109">
        <v>245767</v>
      </c>
      <c r="NH17" s="109">
        <v>1370919</v>
      </c>
      <c r="NI17" s="109">
        <v>1153426</v>
      </c>
      <c r="NJ17" s="109">
        <v>1637874</v>
      </c>
      <c r="NK17" s="110">
        <v>4641162</v>
      </c>
      <c r="NL17" s="298">
        <v>4641162</v>
      </c>
      <c r="NM17" s="129">
        <v>0</v>
      </c>
      <c r="NN17" s="109">
        <v>0</v>
      </c>
      <c r="NO17" s="110">
        <v>0</v>
      </c>
      <c r="NP17" s="132">
        <v>0</v>
      </c>
      <c r="NQ17" s="109">
        <v>0</v>
      </c>
      <c r="NR17" s="109">
        <v>0</v>
      </c>
      <c r="NS17" s="109">
        <v>0</v>
      </c>
      <c r="NT17" s="109">
        <v>0</v>
      </c>
      <c r="NU17" s="109">
        <v>0</v>
      </c>
      <c r="NV17" s="110">
        <v>0</v>
      </c>
      <c r="NW17" s="111">
        <v>0</v>
      </c>
      <c r="NX17" s="129">
        <v>0</v>
      </c>
      <c r="NY17" s="109">
        <v>0</v>
      </c>
      <c r="NZ17" s="110">
        <v>0</v>
      </c>
      <c r="OA17" s="132">
        <v>0</v>
      </c>
      <c r="OB17" s="109">
        <v>0</v>
      </c>
      <c r="OC17" s="109">
        <v>0</v>
      </c>
      <c r="OD17" s="109">
        <v>0</v>
      </c>
      <c r="OE17" s="109">
        <v>336823</v>
      </c>
      <c r="OF17" s="109">
        <v>0</v>
      </c>
      <c r="OG17" s="110">
        <v>336823</v>
      </c>
      <c r="OH17" s="111">
        <v>336823</v>
      </c>
      <c r="OI17" s="129">
        <v>618625</v>
      </c>
      <c r="OJ17" s="109">
        <v>685023</v>
      </c>
      <c r="OK17" s="128">
        <v>1303648</v>
      </c>
      <c r="OL17" s="108">
        <v>0</v>
      </c>
      <c r="OM17" s="109">
        <v>7399695</v>
      </c>
      <c r="ON17" s="109">
        <v>8861034</v>
      </c>
      <c r="OO17" s="109">
        <v>10932424</v>
      </c>
      <c r="OP17" s="109">
        <v>16004352</v>
      </c>
      <c r="OQ17" s="109">
        <v>7233773</v>
      </c>
      <c r="OR17" s="110">
        <v>50431278</v>
      </c>
      <c r="OS17" s="130">
        <v>51734926</v>
      </c>
    </row>
    <row r="18" spans="2:409" ht="21" customHeight="1" x14ac:dyDescent="0.2">
      <c r="B18" s="472" t="s">
        <v>12</v>
      </c>
      <c r="C18" s="100">
        <v>971418</v>
      </c>
      <c r="D18" s="104">
        <v>2075025</v>
      </c>
      <c r="E18" s="103">
        <v>3046443</v>
      </c>
      <c r="F18" s="99">
        <v>0</v>
      </c>
      <c r="G18" s="104">
        <v>7276874</v>
      </c>
      <c r="H18" s="157">
        <v>10258101</v>
      </c>
      <c r="I18" s="157">
        <v>9310805</v>
      </c>
      <c r="J18" s="157">
        <v>10040324</v>
      </c>
      <c r="K18" s="157">
        <v>3797793</v>
      </c>
      <c r="L18" s="102">
        <v>40683897</v>
      </c>
      <c r="M18" s="106">
        <v>43730340</v>
      </c>
      <c r="N18" s="100">
        <v>321166</v>
      </c>
      <c r="O18" s="104">
        <v>637576</v>
      </c>
      <c r="P18" s="103">
        <v>958742</v>
      </c>
      <c r="Q18" s="100">
        <v>0</v>
      </c>
      <c r="R18" s="104">
        <v>2245438</v>
      </c>
      <c r="S18" s="104">
        <v>3988409</v>
      </c>
      <c r="T18" s="104">
        <v>3082492</v>
      </c>
      <c r="U18" s="104">
        <v>4219083</v>
      </c>
      <c r="V18" s="104">
        <v>2152260</v>
      </c>
      <c r="W18" s="103">
        <v>15687682</v>
      </c>
      <c r="X18" s="106">
        <v>16646424</v>
      </c>
      <c r="Y18" s="100">
        <v>0</v>
      </c>
      <c r="Z18" s="104">
        <v>0</v>
      </c>
      <c r="AA18" s="103">
        <v>0</v>
      </c>
      <c r="AB18" s="100">
        <v>0</v>
      </c>
      <c r="AC18" s="104">
        <v>1375302</v>
      </c>
      <c r="AD18" s="104">
        <v>1958103</v>
      </c>
      <c r="AE18" s="104">
        <v>1823163</v>
      </c>
      <c r="AF18" s="104">
        <v>2637490</v>
      </c>
      <c r="AG18" s="104">
        <v>1218293</v>
      </c>
      <c r="AH18" s="103">
        <v>9012351</v>
      </c>
      <c r="AI18" s="106">
        <v>9012351</v>
      </c>
      <c r="AJ18" s="100">
        <v>0</v>
      </c>
      <c r="AK18" s="104">
        <v>0</v>
      </c>
      <c r="AL18" s="103">
        <v>0</v>
      </c>
      <c r="AM18" s="100">
        <v>0</v>
      </c>
      <c r="AN18" s="104">
        <v>0</v>
      </c>
      <c r="AO18" s="104">
        <v>92361</v>
      </c>
      <c r="AP18" s="104">
        <v>48672</v>
      </c>
      <c r="AQ18" s="104">
        <v>340877</v>
      </c>
      <c r="AR18" s="104">
        <v>151989</v>
      </c>
      <c r="AS18" s="103">
        <v>633899</v>
      </c>
      <c r="AT18" s="106">
        <v>633899</v>
      </c>
      <c r="AU18" s="100">
        <v>276526</v>
      </c>
      <c r="AV18" s="104">
        <v>497266</v>
      </c>
      <c r="AW18" s="103">
        <v>773792</v>
      </c>
      <c r="AX18" s="100">
        <v>0</v>
      </c>
      <c r="AY18" s="104">
        <v>663464</v>
      </c>
      <c r="AZ18" s="104">
        <v>1341755</v>
      </c>
      <c r="BA18" s="104">
        <v>751470</v>
      </c>
      <c r="BB18" s="104">
        <v>806212</v>
      </c>
      <c r="BC18" s="104">
        <v>572267</v>
      </c>
      <c r="BD18" s="103">
        <v>4135168</v>
      </c>
      <c r="BE18" s="106">
        <v>4908960</v>
      </c>
      <c r="BF18" s="100">
        <v>0</v>
      </c>
      <c r="BG18" s="104">
        <v>47550</v>
      </c>
      <c r="BH18" s="102">
        <v>47550</v>
      </c>
      <c r="BI18" s="101">
        <v>0</v>
      </c>
      <c r="BJ18" s="104">
        <v>0</v>
      </c>
      <c r="BK18" s="104">
        <v>143822</v>
      </c>
      <c r="BL18" s="104">
        <v>47195</v>
      </c>
      <c r="BM18" s="104">
        <v>0</v>
      </c>
      <c r="BN18" s="104">
        <v>24023</v>
      </c>
      <c r="BO18" s="103">
        <v>215040</v>
      </c>
      <c r="BP18" s="106">
        <v>262590</v>
      </c>
      <c r="BQ18" s="100">
        <v>44640</v>
      </c>
      <c r="BR18" s="104">
        <v>92760</v>
      </c>
      <c r="BS18" s="103">
        <v>137400</v>
      </c>
      <c r="BT18" s="100">
        <v>0</v>
      </c>
      <c r="BU18" s="104">
        <v>206672</v>
      </c>
      <c r="BV18" s="104">
        <v>452368</v>
      </c>
      <c r="BW18" s="104">
        <v>411992</v>
      </c>
      <c r="BX18" s="104">
        <v>434504</v>
      </c>
      <c r="BY18" s="104">
        <v>185688</v>
      </c>
      <c r="BZ18" s="103">
        <v>1691224</v>
      </c>
      <c r="CA18" s="106">
        <v>1828624</v>
      </c>
      <c r="CB18" s="100">
        <v>253207</v>
      </c>
      <c r="CC18" s="104">
        <v>470151</v>
      </c>
      <c r="CD18" s="103">
        <v>723358</v>
      </c>
      <c r="CE18" s="100">
        <v>0</v>
      </c>
      <c r="CF18" s="104">
        <v>2872425</v>
      </c>
      <c r="CG18" s="104">
        <v>3001799</v>
      </c>
      <c r="CH18" s="104">
        <v>3028475</v>
      </c>
      <c r="CI18" s="104">
        <v>1450494</v>
      </c>
      <c r="CJ18" s="104">
        <v>59856</v>
      </c>
      <c r="CK18" s="103">
        <v>10413049</v>
      </c>
      <c r="CL18" s="106">
        <v>11136407</v>
      </c>
      <c r="CM18" s="100">
        <v>0</v>
      </c>
      <c r="CN18" s="104">
        <v>0</v>
      </c>
      <c r="CO18" s="103">
        <v>0</v>
      </c>
      <c r="CP18" s="101">
        <v>0</v>
      </c>
      <c r="CQ18" s="104">
        <v>2520720</v>
      </c>
      <c r="CR18" s="104">
        <v>2188878</v>
      </c>
      <c r="CS18" s="104">
        <v>1940673</v>
      </c>
      <c r="CT18" s="104">
        <v>900195</v>
      </c>
      <c r="CU18" s="104">
        <v>0</v>
      </c>
      <c r="CV18" s="103">
        <v>7550466</v>
      </c>
      <c r="CW18" s="106">
        <v>7550466</v>
      </c>
      <c r="CX18" s="100">
        <v>253207</v>
      </c>
      <c r="CY18" s="104">
        <v>470151</v>
      </c>
      <c r="CZ18" s="103">
        <v>723358</v>
      </c>
      <c r="DA18" s="100">
        <v>0</v>
      </c>
      <c r="DB18" s="104">
        <v>351705</v>
      </c>
      <c r="DC18" s="104">
        <v>812921</v>
      </c>
      <c r="DD18" s="104">
        <v>1087802</v>
      </c>
      <c r="DE18" s="104">
        <v>550299</v>
      </c>
      <c r="DF18" s="104">
        <v>59856</v>
      </c>
      <c r="DG18" s="103">
        <v>2862583</v>
      </c>
      <c r="DH18" s="106">
        <v>3585941</v>
      </c>
      <c r="DI18" s="100">
        <v>25800</v>
      </c>
      <c r="DJ18" s="104">
        <v>62944</v>
      </c>
      <c r="DK18" s="102">
        <v>88744</v>
      </c>
      <c r="DL18" s="101">
        <v>0</v>
      </c>
      <c r="DM18" s="104">
        <v>482759</v>
      </c>
      <c r="DN18" s="104">
        <v>276719</v>
      </c>
      <c r="DO18" s="104">
        <v>317604</v>
      </c>
      <c r="DP18" s="104">
        <v>553398</v>
      </c>
      <c r="DQ18" s="104">
        <v>267480</v>
      </c>
      <c r="DR18" s="103">
        <v>1897960</v>
      </c>
      <c r="DS18" s="106">
        <v>1986704</v>
      </c>
      <c r="DT18" s="100">
        <v>25800</v>
      </c>
      <c r="DU18" s="104">
        <v>62944</v>
      </c>
      <c r="DV18" s="103">
        <v>88744</v>
      </c>
      <c r="DW18" s="100">
        <v>0</v>
      </c>
      <c r="DX18" s="104">
        <v>482759</v>
      </c>
      <c r="DY18" s="104">
        <v>276719</v>
      </c>
      <c r="DZ18" s="104">
        <v>227290</v>
      </c>
      <c r="EA18" s="104">
        <v>553398</v>
      </c>
      <c r="EB18" s="104">
        <v>267480</v>
      </c>
      <c r="EC18" s="103">
        <v>1807646</v>
      </c>
      <c r="ED18" s="106">
        <v>1896390</v>
      </c>
      <c r="EE18" s="100">
        <v>0</v>
      </c>
      <c r="EF18" s="102">
        <v>0</v>
      </c>
      <c r="EG18" s="103">
        <v>0</v>
      </c>
      <c r="EH18" s="100">
        <v>0</v>
      </c>
      <c r="EI18" s="104">
        <v>0</v>
      </c>
      <c r="EJ18" s="104">
        <v>0</v>
      </c>
      <c r="EK18" s="104">
        <v>90314</v>
      </c>
      <c r="EL18" s="104">
        <v>0</v>
      </c>
      <c r="EM18" s="104">
        <v>0</v>
      </c>
      <c r="EN18" s="102">
        <v>90314</v>
      </c>
      <c r="EO18" s="106">
        <v>90314</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v>0</v>
      </c>
      <c r="FE18" s="104">
        <v>0</v>
      </c>
      <c r="FF18" s="104">
        <v>0</v>
      </c>
      <c r="FG18" s="104">
        <v>0</v>
      </c>
      <c r="FH18" s="104">
        <v>0</v>
      </c>
      <c r="FI18" s="104">
        <v>0</v>
      </c>
      <c r="FJ18" s="103">
        <v>0</v>
      </c>
      <c r="FK18" s="106">
        <v>0</v>
      </c>
      <c r="FL18" s="100">
        <v>286384</v>
      </c>
      <c r="FM18" s="104">
        <v>448168</v>
      </c>
      <c r="FN18" s="103">
        <v>734552</v>
      </c>
      <c r="FO18" s="100">
        <v>0</v>
      </c>
      <c r="FP18" s="104">
        <v>404856</v>
      </c>
      <c r="FQ18" s="104">
        <v>1203040</v>
      </c>
      <c r="FR18" s="104">
        <v>774888</v>
      </c>
      <c r="FS18" s="104">
        <v>1280048</v>
      </c>
      <c r="FT18" s="104">
        <v>387432</v>
      </c>
      <c r="FU18" s="103">
        <v>4050264</v>
      </c>
      <c r="FV18" s="106">
        <v>4784816</v>
      </c>
      <c r="FW18" s="105">
        <v>77104</v>
      </c>
      <c r="FX18" s="104">
        <v>310152</v>
      </c>
      <c r="FY18" s="102">
        <v>387256</v>
      </c>
      <c r="FZ18" s="101">
        <v>0</v>
      </c>
      <c r="GA18" s="104">
        <v>221896</v>
      </c>
      <c r="GB18" s="104">
        <v>1014000</v>
      </c>
      <c r="GC18" s="104">
        <v>705616</v>
      </c>
      <c r="GD18" s="104">
        <v>1177728</v>
      </c>
      <c r="GE18" s="104">
        <v>387432</v>
      </c>
      <c r="GF18" s="103">
        <v>3506672</v>
      </c>
      <c r="GG18" s="296">
        <v>3893928</v>
      </c>
      <c r="GH18" s="105">
        <v>49280</v>
      </c>
      <c r="GI18" s="104">
        <v>20416</v>
      </c>
      <c r="GJ18" s="102">
        <v>69696</v>
      </c>
      <c r="GK18" s="101">
        <v>0</v>
      </c>
      <c r="GL18" s="104">
        <v>40480</v>
      </c>
      <c r="GM18" s="104">
        <v>29040</v>
      </c>
      <c r="GN18" s="104">
        <v>57920</v>
      </c>
      <c r="GO18" s="104">
        <v>39120</v>
      </c>
      <c r="GP18" s="104">
        <v>0</v>
      </c>
      <c r="GQ18" s="103">
        <v>166560</v>
      </c>
      <c r="GR18" s="106">
        <v>236256</v>
      </c>
      <c r="GS18" s="100">
        <v>160000</v>
      </c>
      <c r="GT18" s="104">
        <v>117600</v>
      </c>
      <c r="GU18" s="103">
        <v>277600</v>
      </c>
      <c r="GV18" s="100">
        <v>0</v>
      </c>
      <c r="GW18" s="104">
        <v>142480</v>
      </c>
      <c r="GX18" s="104">
        <v>160000</v>
      </c>
      <c r="GY18" s="104">
        <v>11352</v>
      </c>
      <c r="GZ18" s="104">
        <v>63200</v>
      </c>
      <c r="HA18" s="104">
        <v>0</v>
      </c>
      <c r="HB18" s="102">
        <v>377032</v>
      </c>
      <c r="HC18" s="106">
        <v>654632</v>
      </c>
      <c r="HD18" s="100">
        <v>84861</v>
      </c>
      <c r="HE18" s="104">
        <v>456186</v>
      </c>
      <c r="HF18" s="102">
        <v>541047</v>
      </c>
      <c r="HG18" s="101">
        <v>0</v>
      </c>
      <c r="HH18" s="104">
        <v>1271396</v>
      </c>
      <c r="HI18" s="104">
        <v>1788134</v>
      </c>
      <c r="HJ18" s="104">
        <v>2107346</v>
      </c>
      <c r="HK18" s="104">
        <v>2537301</v>
      </c>
      <c r="HL18" s="104">
        <v>930765</v>
      </c>
      <c r="HM18" s="103">
        <v>8634942</v>
      </c>
      <c r="HN18" s="99">
        <v>9175989</v>
      </c>
      <c r="HO18" s="306">
        <v>0</v>
      </c>
      <c r="HP18" s="307">
        <v>0</v>
      </c>
      <c r="HQ18" s="308">
        <v>0</v>
      </c>
      <c r="HR18" s="309">
        <v>0</v>
      </c>
      <c r="HS18" s="307">
        <v>0</v>
      </c>
      <c r="HT18" s="307">
        <v>0</v>
      </c>
      <c r="HU18" s="307">
        <v>0</v>
      </c>
      <c r="HV18" s="307">
        <v>0</v>
      </c>
      <c r="HW18" s="307">
        <v>0</v>
      </c>
      <c r="HX18" s="310">
        <v>0</v>
      </c>
      <c r="HY18" s="311">
        <v>0</v>
      </c>
      <c r="HZ18" s="137">
        <v>0</v>
      </c>
      <c r="IA18" s="122">
        <v>0</v>
      </c>
      <c r="IB18" s="137">
        <v>0</v>
      </c>
      <c r="IC18" s="121">
        <v>0</v>
      </c>
      <c r="ID18" s="122">
        <v>2316145</v>
      </c>
      <c r="IE18" s="123">
        <v>3875465</v>
      </c>
      <c r="IF18" s="124">
        <v>2811824</v>
      </c>
      <c r="IG18" s="122">
        <v>2851585</v>
      </c>
      <c r="IH18" s="124">
        <v>2012071</v>
      </c>
      <c r="II18" s="125">
        <v>13867090</v>
      </c>
      <c r="IJ18" s="137">
        <v>13867090</v>
      </c>
      <c r="IK18" s="219">
        <v>0</v>
      </c>
      <c r="IL18" s="223">
        <v>0</v>
      </c>
      <c r="IM18" s="224">
        <v>0</v>
      </c>
      <c r="IN18" s="127">
        <v>0</v>
      </c>
      <c r="IO18" s="109">
        <v>72177</v>
      </c>
      <c r="IP18" s="109">
        <v>206928</v>
      </c>
      <c r="IQ18" s="109">
        <v>0</v>
      </c>
      <c r="IR18" s="109">
        <v>226052</v>
      </c>
      <c r="IS18" s="109">
        <v>0</v>
      </c>
      <c r="IT18" s="128">
        <v>505157</v>
      </c>
      <c r="IU18" s="298">
        <v>505157</v>
      </c>
      <c r="IV18" s="129">
        <v>0</v>
      </c>
      <c r="IW18" s="109">
        <v>0</v>
      </c>
      <c r="IX18" s="110">
        <v>0</v>
      </c>
      <c r="IY18" s="131">
        <v>0</v>
      </c>
      <c r="IZ18" s="109">
        <v>0</v>
      </c>
      <c r="JA18" s="109">
        <v>0</v>
      </c>
      <c r="JB18" s="109">
        <v>0</v>
      </c>
      <c r="JC18" s="109">
        <v>0</v>
      </c>
      <c r="JD18" s="109">
        <v>0</v>
      </c>
      <c r="JE18" s="110">
        <v>0</v>
      </c>
      <c r="JF18" s="111">
        <v>0</v>
      </c>
      <c r="JG18" s="129">
        <v>0</v>
      </c>
      <c r="JH18" s="109">
        <v>0</v>
      </c>
      <c r="JI18" s="128">
        <v>0</v>
      </c>
      <c r="JJ18" s="108">
        <v>0</v>
      </c>
      <c r="JK18" s="109">
        <v>1279041</v>
      </c>
      <c r="JL18" s="109">
        <v>1627951</v>
      </c>
      <c r="JM18" s="109">
        <v>850795</v>
      </c>
      <c r="JN18" s="109">
        <v>925613</v>
      </c>
      <c r="JO18" s="109">
        <v>226554</v>
      </c>
      <c r="JP18" s="110">
        <v>4909954</v>
      </c>
      <c r="JQ18" s="298">
        <v>4909954</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255942</v>
      </c>
      <c r="KH18" s="109">
        <v>0</v>
      </c>
      <c r="KI18" s="109">
        <v>969812</v>
      </c>
      <c r="KJ18" s="109">
        <v>799637</v>
      </c>
      <c r="KK18" s="109">
        <v>602902</v>
      </c>
      <c r="KL18" s="110">
        <v>2628293</v>
      </c>
      <c r="KM18" s="130">
        <v>2628293</v>
      </c>
      <c r="KN18" s="219">
        <v>0</v>
      </c>
      <c r="KO18" s="223">
        <v>0</v>
      </c>
      <c r="KP18" s="224">
        <v>0</v>
      </c>
      <c r="KQ18" s="127">
        <v>0</v>
      </c>
      <c r="KR18" s="109">
        <v>708985</v>
      </c>
      <c r="KS18" s="109">
        <v>484016</v>
      </c>
      <c r="KT18" s="109">
        <v>991217</v>
      </c>
      <c r="KU18" s="109">
        <v>506848</v>
      </c>
      <c r="KV18" s="109">
        <v>561830</v>
      </c>
      <c r="KW18" s="110">
        <v>3252896</v>
      </c>
      <c r="KX18" s="298">
        <v>3252896</v>
      </c>
      <c r="KY18" s="129">
        <v>0</v>
      </c>
      <c r="KZ18" s="109">
        <v>0</v>
      </c>
      <c r="LA18" s="110">
        <v>0</v>
      </c>
      <c r="LB18" s="132">
        <v>0</v>
      </c>
      <c r="LC18" s="109">
        <v>0</v>
      </c>
      <c r="LD18" s="109">
        <v>601715</v>
      </c>
      <c r="LE18" s="109">
        <v>0</v>
      </c>
      <c r="LF18" s="109">
        <v>213832</v>
      </c>
      <c r="LG18" s="109">
        <v>100696</v>
      </c>
      <c r="LH18" s="110">
        <v>916243</v>
      </c>
      <c r="LI18" s="111">
        <v>916243</v>
      </c>
      <c r="LJ18" s="129">
        <v>0</v>
      </c>
      <c r="LK18" s="109">
        <v>0</v>
      </c>
      <c r="LL18" s="110">
        <v>0</v>
      </c>
      <c r="LM18" s="132">
        <v>0</v>
      </c>
      <c r="LN18" s="109">
        <v>0</v>
      </c>
      <c r="LO18" s="109">
        <v>0</v>
      </c>
      <c r="LP18" s="109">
        <v>0</v>
      </c>
      <c r="LQ18" s="109">
        <v>0</v>
      </c>
      <c r="LR18" s="109">
        <v>290868</v>
      </c>
      <c r="LS18" s="110">
        <v>290868</v>
      </c>
      <c r="LT18" s="298">
        <v>290868</v>
      </c>
      <c r="LU18" s="129">
        <v>0</v>
      </c>
      <c r="LV18" s="109">
        <v>0</v>
      </c>
      <c r="LW18" s="110">
        <v>0</v>
      </c>
      <c r="LX18" s="132">
        <v>0</v>
      </c>
      <c r="LY18" s="109">
        <v>0</v>
      </c>
      <c r="LZ18" s="109">
        <v>954855</v>
      </c>
      <c r="MA18" s="109">
        <v>0</v>
      </c>
      <c r="MB18" s="109">
        <v>179603</v>
      </c>
      <c r="MC18" s="109">
        <v>229221</v>
      </c>
      <c r="MD18" s="110">
        <v>1363679</v>
      </c>
      <c r="ME18" s="111">
        <v>1363679</v>
      </c>
      <c r="MF18" s="129">
        <v>0</v>
      </c>
      <c r="MG18" s="109">
        <v>0</v>
      </c>
      <c r="MH18" s="110">
        <v>0</v>
      </c>
      <c r="MI18" s="132">
        <v>0</v>
      </c>
      <c r="MJ18" s="109">
        <v>474520</v>
      </c>
      <c r="MK18" s="109">
        <v>1193184</v>
      </c>
      <c r="ML18" s="109">
        <v>3458746</v>
      </c>
      <c r="MM18" s="109">
        <v>7505751</v>
      </c>
      <c r="MN18" s="109">
        <v>3045563</v>
      </c>
      <c r="MO18" s="110">
        <v>15677764</v>
      </c>
      <c r="MP18" s="130">
        <v>15677764</v>
      </c>
      <c r="MQ18" s="129">
        <v>0</v>
      </c>
      <c r="MR18" s="109">
        <v>0</v>
      </c>
      <c r="MS18" s="110">
        <v>0</v>
      </c>
      <c r="MT18" s="132">
        <v>0</v>
      </c>
      <c r="MU18" s="109">
        <v>0</v>
      </c>
      <c r="MV18" s="109">
        <v>0</v>
      </c>
      <c r="MW18" s="109">
        <v>1918346</v>
      </c>
      <c r="MX18" s="109">
        <v>4537044</v>
      </c>
      <c r="MY18" s="109">
        <v>1698636</v>
      </c>
      <c r="MZ18" s="110">
        <v>8154026</v>
      </c>
      <c r="NA18" s="130">
        <v>8154026</v>
      </c>
      <c r="NB18" s="129">
        <v>0</v>
      </c>
      <c r="NC18" s="109">
        <v>0</v>
      </c>
      <c r="ND18" s="110">
        <v>0</v>
      </c>
      <c r="NE18" s="132">
        <v>0</v>
      </c>
      <c r="NF18" s="109">
        <v>474520</v>
      </c>
      <c r="NG18" s="109">
        <v>1193184</v>
      </c>
      <c r="NH18" s="109">
        <v>1540400</v>
      </c>
      <c r="NI18" s="109">
        <v>2629393</v>
      </c>
      <c r="NJ18" s="109">
        <v>951226</v>
      </c>
      <c r="NK18" s="110">
        <v>6788723</v>
      </c>
      <c r="NL18" s="298">
        <v>6788723</v>
      </c>
      <c r="NM18" s="129">
        <v>0</v>
      </c>
      <c r="NN18" s="109">
        <v>0</v>
      </c>
      <c r="NO18" s="110">
        <v>0</v>
      </c>
      <c r="NP18" s="132">
        <v>0</v>
      </c>
      <c r="NQ18" s="109">
        <v>0</v>
      </c>
      <c r="NR18" s="109">
        <v>0</v>
      </c>
      <c r="NS18" s="109">
        <v>0</v>
      </c>
      <c r="NT18" s="109">
        <v>0</v>
      </c>
      <c r="NU18" s="109">
        <v>0</v>
      </c>
      <c r="NV18" s="110">
        <v>0</v>
      </c>
      <c r="NW18" s="111">
        <v>0</v>
      </c>
      <c r="NX18" s="129">
        <v>0</v>
      </c>
      <c r="NY18" s="109">
        <v>0</v>
      </c>
      <c r="NZ18" s="110">
        <v>0</v>
      </c>
      <c r="OA18" s="132">
        <v>0</v>
      </c>
      <c r="OB18" s="109">
        <v>0</v>
      </c>
      <c r="OC18" s="109">
        <v>0</v>
      </c>
      <c r="OD18" s="109">
        <v>0</v>
      </c>
      <c r="OE18" s="109">
        <v>339314</v>
      </c>
      <c r="OF18" s="109">
        <v>395701</v>
      </c>
      <c r="OG18" s="110">
        <v>735015</v>
      </c>
      <c r="OH18" s="111">
        <v>735015</v>
      </c>
      <c r="OI18" s="129">
        <v>971418</v>
      </c>
      <c r="OJ18" s="109">
        <v>2075025</v>
      </c>
      <c r="OK18" s="128">
        <v>3046443</v>
      </c>
      <c r="OL18" s="108">
        <v>0</v>
      </c>
      <c r="OM18" s="109">
        <v>10067539</v>
      </c>
      <c r="ON18" s="109">
        <v>15326750</v>
      </c>
      <c r="OO18" s="109">
        <v>15581375</v>
      </c>
      <c r="OP18" s="109">
        <v>20397660</v>
      </c>
      <c r="OQ18" s="109">
        <v>8855427</v>
      </c>
      <c r="OR18" s="110">
        <v>70228751</v>
      </c>
      <c r="OS18" s="130">
        <v>73275194</v>
      </c>
    </row>
    <row r="19" spans="2:409" ht="21" customHeight="1" x14ac:dyDescent="0.2">
      <c r="B19" s="472" t="s">
        <v>13</v>
      </c>
      <c r="C19" s="100">
        <v>164134</v>
      </c>
      <c r="D19" s="104">
        <v>435177</v>
      </c>
      <c r="E19" s="103">
        <v>599311</v>
      </c>
      <c r="F19" s="100">
        <v>0</v>
      </c>
      <c r="G19" s="157">
        <v>3452615</v>
      </c>
      <c r="H19" s="104">
        <v>4741632</v>
      </c>
      <c r="I19" s="104">
        <v>5454739</v>
      </c>
      <c r="J19" s="104">
        <v>5035630</v>
      </c>
      <c r="K19" s="104">
        <v>3746281</v>
      </c>
      <c r="L19" s="102">
        <v>22430897</v>
      </c>
      <c r="M19" s="106">
        <v>23030208</v>
      </c>
      <c r="N19" s="100">
        <v>49407</v>
      </c>
      <c r="O19" s="104">
        <v>196934</v>
      </c>
      <c r="P19" s="103">
        <v>246341</v>
      </c>
      <c r="Q19" s="100">
        <v>0</v>
      </c>
      <c r="R19" s="104">
        <v>1154158</v>
      </c>
      <c r="S19" s="104">
        <v>1219149</v>
      </c>
      <c r="T19" s="104">
        <v>2207526</v>
      </c>
      <c r="U19" s="104">
        <v>2609800</v>
      </c>
      <c r="V19" s="104">
        <v>2144168</v>
      </c>
      <c r="W19" s="103">
        <v>9334801</v>
      </c>
      <c r="X19" s="106">
        <v>9581142</v>
      </c>
      <c r="Y19" s="100">
        <v>0</v>
      </c>
      <c r="Z19" s="104">
        <v>0</v>
      </c>
      <c r="AA19" s="103">
        <v>0</v>
      </c>
      <c r="AB19" s="100">
        <v>0</v>
      </c>
      <c r="AC19" s="104">
        <v>493815</v>
      </c>
      <c r="AD19" s="104">
        <v>469991</v>
      </c>
      <c r="AE19" s="104">
        <v>1501828</v>
      </c>
      <c r="AF19" s="104">
        <v>1596429</v>
      </c>
      <c r="AG19" s="104">
        <v>1073516</v>
      </c>
      <c r="AH19" s="103">
        <v>5135579</v>
      </c>
      <c r="AI19" s="106">
        <v>5135579</v>
      </c>
      <c r="AJ19" s="100">
        <v>0</v>
      </c>
      <c r="AK19" s="104">
        <v>0</v>
      </c>
      <c r="AL19" s="103">
        <v>0</v>
      </c>
      <c r="AM19" s="100">
        <v>0</v>
      </c>
      <c r="AN19" s="104">
        <v>0</v>
      </c>
      <c r="AO19" s="104">
        <v>0</v>
      </c>
      <c r="AP19" s="104">
        <v>0</v>
      </c>
      <c r="AQ19" s="104">
        <v>287829</v>
      </c>
      <c r="AR19" s="104">
        <v>392446</v>
      </c>
      <c r="AS19" s="103">
        <v>680275</v>
      </c>
      <c r="AT19" s="106">
        <v>680275</v>
      </c>
      <c r="AU19" s="100">
        <v>23991</v>
      </c>
      <c r="AV19" s="104">
        <v>122325</v>
      </c>
      <c r="AW19" s="103">
        <v>146316</v>
      </c>
      <c r="AX19" s="100">
        <v>0</v>
      </c>
      <c r="AY19" s="104">
        <v>386792</v>
      </c>
      <c r="AZ19" s="104">
        <v>476974</v>
      </c>
      <c r="BA19" s="104">
        <v>509050</v>
      </c>
      <c r="BB19" s="104">
        <v>445123</v>
      </c>
      <c r="BC19" s="104">
        <v>473204</v>
      </c>
      <c r="BD19" s="103">
        <v>2291143</v>
      </c>
      <c r="BE19" s="106">
        <v>2437459</v>
      </c>
      <c r="BF19" s="100">
        <v>0</v>
      </c>
      <c r="BG19" s="104">
        <v>16345</v>
      </c>
      <c r="BH19" s="102">
        <v>16345</v>
      </c>
      <c r="BI19" s="101">
        <v>0</v>
      </c>
      <c r="BJ19" s="104">
        <v>42527</v>
      </c>
      <c r="BK19" s="104">
        <v>0</v>
      </c>
      <c r="BL19" s="104">
        <v>0</v>
      </c>
      <c r="BM19" s="104">
        <v>53819</v>
      </c>
      <c r="BN19" s="104">
        <v>16450</v>
      </c>
      <c r="BO19" s="103">
        <v>112796</v>
      </c>
      <c r="BP19" s="106">
        <v>129141</v>
      </c>
      <c r="BQ19" s="100">
        <v>25416</v>
      </c>
      <c r="BR19" s="104">
        <v>58264</v>
      </c>
      <c r="BS19" s="103">
        <v>83680</v>
      </c>
      <c r="BT19" s="100">
        <v>0</v>
      </c>
      <c r="BU19" s="104">
        <v>231024</v>
      </c>
      <c r="BV19" s="104">
        <v>272184</v>
      </c>
      <c r="BW19" s="104">
        <v>196648</v>
      </c>
      <c r="BX19" s="104">
        <v>226600</v>
      </c>
      <c r="BY19" s="104">
        <v>188552</v>
      </c>
      <c r="BZ19" s="103">
        <v>1115008</v>
      </c>
      <c r="CA19" s="106">
        <v>1198688</v>
      </c>
      <c r="CB19" s="100">
        <v>0</v>
      </c>
      <c r="CC19" s="104">
        <v>40115</v>
      </c>
      <c r="CD19" s="103">
        <v>40115</v>
      </c>
      <c r="CE19" s="100">
        <v>0</v>
      </c>
      <c r="CF19" s="104">
        <v>715090</v>
      </c>
      <c r="CG19" s="104">
        <v>951437</v>
      </c>
      <c r="CH19" s="104">
        <v>1427202</v>
      </c>
      <c r="CI19" s="104">
        <v>892432</v>
      </c>
      <c r="CJ19" s="104">
        <v>456916</v>
      </c>
      <c r="CK19" s="103">
        <v>4443077</v>
      </c>
      <c r="CL19" s="106">
        <v>4483192</v>
      </c>
      <c r="CM19" s="100">
        <v>0</v>
      </c>
      <c r="CN19" s="104">
        <v>0</v>
      </c>
      <c r="CO19" s="103">
        <v>0</v>
      </c>
      <c r="CP19" s="101">
        <v>0</v>
      </c>
      <c r="CQ19" s="104">
        <v>651873</v>
      </c>
      <c r="CR19" s="104">
        <v>751725</v>
      </c>
      <c r="CS19" s="104">
        <v>1314962</v>
      </c>
      <c r="CT19" s="104">
        <v>495674</v>
      </c>
      <c r="CU19" s="104">
        <v>366069</v>
      </c>
      <c r="CV19" s="103">
        <v>3580303</v>
      </c>
      <c r="CW19" s="106">
        <v>3580303</v>
      </c>
      <c r="CX19" s="100">
        <v>0</v>
      </c>
      <c r="CY19" s="104">
        <v>40115</v>
      </c>
      <c r="CZ19" s="103">
        <v>40115</v>
      </c>
      <c r="DA19" s="100">
        <v>0</v>
      </c>
      <c r="DB19" s="104">
        <v>63217</v>
      </c>
      <c r="DC19" s="104">
        <v>199712</v>
      </c>
      <c r="DD19" s="104">
        <v>112240</v>
      </c>
      <c r="DE19" s="104">
        <v>396758</v>
      </c>
      <c r="DF19" s="104">
        <v>90847</v>
      </c>
      <c r="DG19" s="103">
        <v>862774</v>
      </c>
      <c r="DH19" s="106">
        <v>902889</v>
      </c>
      <c r="DI19" s="100">
        <v>0</v>
      </c>
      <c r="DJ19" s="104">
        <v>0</v>
      </c>
      <c r="DK19" s="102">
        <v>0</v>
      </c>
      <c r="DL19" s="101">
        <v>0</v>
      </c>
      <c r="DM19" s="104">
        <v>70086</v>
      </c>
      <c r="DN19" s="104">
        <v>436869</v>
      </c>
      <c r="DO19" s="104">
        <v>339631</v>
      </c>
      <c r="DP19" s="104">
        <v>226892</v>
      </c>
      <c r="DQ19" s="104">
        <v>29651</v>
      </c>
      <c r="DR19" s="103">
        <v>1103129</v>
      </c>
      <c r="DS19" s="106">
        <v>1103129</v>
      </c>
      <c r="DT19" s="100">
        <v>0</v>
      </c>
      <c r="DU19" s="104">
        <v>0</v>
      </c>
      <c r="DV19" s="103">
        <v>0</v>
      </c>
      <c r="DW19" s="100">
        <v>0</v>
      </c>
      <c r="DX19" s="104">
        <v>70086</v>
      </c>
      <c r="DY19" s="104">
        <v>367525</v>
      </c>
      <c r="DZ19" s="104">
        <v>339631</v>
      </c>
      <c r="EA19" s="104">
        <v>226892</v>
      </c>
      <c r="EB19" s="104">
        <v>29651</v>
      </c>
      <c r="EC19" s="103">
        <v>1033785</v>
      </c>
      <c r="ED19" s="106">
        <v>1033785</v>
      </c>
      <c r="EE19" s="100">
        <v>0</v>
      </c>
      <c r="EF19" s="102">
        <v>0</v>
      </c>
      <c r="EG19" s="103">
        <v>0</v>
      </c>
      <c r="EH19" s="100">
        <v>0</v>
      </c>
      <c r="EI19" s="104">
        <v>0</v>
      </c>
      <c r="EJ19" s="104">
        <v>69344</v>
      </c>
      <c r="EK19" s="104">
        <v>0</v>
      </c>
      <c r="EL19" s="104">
        <v>0</v>
      </c>
      <c r="EM19" s="104">
        <v>0</v>
      </c>
      <c r="EN19" s="102">
        <v>69344</v>
      </c>
      <c r="EO19" s="106">
        <v>69344</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v>0</v>
      </c>
      <c r="FE19" s="104">
        <v>0</v>
      </c>
      <c r="FF19" s="104">
        <v>0</v>
      </c>
      <c r="FG19" s="104">
        <v>0</v>
      </c>
      <c r="FH19" s="104">
        <v>0</v>
      </c>
      <c r="FI19" s="104">
        <v>0</v>
      </c>
      <c r="FJ19" s="103">
        <v>0</v>
      </c>
      <c r="FK19" s="106">
        <v>0</v>
      </c>
      <c r="FL19" s="100">
        <v>65520</v>
      </c>
      <c r="FM19" s="104">
        <v>198128</v>
      </c>
      <c r="FN19" s="103">
        <v>263648</v>
      </c>
      <c r="FO19" s="100">
        <v>0</v>
      </c>
      <c r="FP19" s="104">
        <v>166848</v>
      </c>
      <c r="FQ19" s="104">
        <v>473848</v>
      </c>
      <c r="FR19" s="104">
        <v>506392</v>
      </c>
      <c r="FS19" s="104">
        <v>450616</v>
      </c>
      <c r="FT19" s="104">
        <v>199240</v>
      </c>
      <c r="FU19" s="103">
        <v>1796944</v>
      </c>
      <c r="FV19" s="106">
        <v>2060592</v>
      </c>
      <c r="FW19" s="105">
        <v>9520</v>
      </c>
      <c r="FX19" s="104">
        <v>41488</v>
      </c>
      <c r="FY19" s="102">
        <v>51008</v>
      </c>
      <c r="FZ19" s="101">
        <v>0</v>
      </c>
      <c r="GA19" s="104">
        <v>132368</v>
      </c>
      <c r="GB19" s="104">
        <v>330648</v>
      </c>
      <c r="GC19" s="104">
        <v>346392</v>
      </c>
      <c r="GD19" s="104">
        <v>416688</v>
      </c>
      <c r="GE19" s="104">
        <v>199240</v>
      </c>
      <c r="GF19" s="103">
        <v>1425336</v>
      </c>
      <c r="GG19" s="296">
        <v>1476344</v>
      </c>
      <c r="GH19" s="105">
        <v>0</v>
      </c>
      <c r="GI19" s="104">
        <v>0</v>
      </c>
      <c r="GJ19" s="102">
        <v>0</v>
      </c>
      <c r="GK19" s="101">
        <v>0</v>
      </c>
      <c r="GL19" s="104">
        <v>0</v>
      </c>
      <c r="GM19" s="104">
        <v>14400</v>
      </c>
      <c r="GN19" s="104">
        <v>0</v>
      </c>
      <c r="GO19" s="104">
        <v>20328</v>
      </c>
      <c r="GP19" s="104">
        <v>0</v>
      </c>
      <c r="GQ19" s="103">
        <v>34728</v>
      </c>
      <c r="GR19" s="106">
        <v>34728</v>
      </c>
      <c r="GS19" s="100">
        <v>56000</v>
      </c>
      <c r="GT19" s="104">
        <v>156640</v>
      </c>
      <c r="GU19" s="103">
        <v>212640</v>
      </c>
      <c r="GV19" s="100">
        <v>0</v>
      </c>
      <c r="GW19" s="104">
        <v>34480</v>
      </c>
      <c r="GX19" s="104">
        <v>128800</v>
      </c>
      <c r="GY19" s="104">
        <v>160000</v>
      </c>
      <c r="GZ19" s="104">
        <v>13600</v>
      </c>
      <c r="HA19" s="104">
        <v>0</v>
      </c>
      <c r="HB19" s="102">
        <v>336880</v>
      </c>
      <c r="HC19" s="106">
        <v>549520</v>
      </c>
      <c r="HD19" s="100">
        <v>49207</v>
      </c>
      <c r="HE19" s="104">
        <v>0</v>
      </c>
      <c r="HF19" s="102">
        <v>49207</v>
      </c>
      <c r="HG19" s="101">
        <v>0</v>
      </c>
      <c r="HH19" s="104">
        <v>1346433</v>
      </c>
      <c r="HI19" s="104">
        <v>1660329</v>
      </c>
      <c r="HJ19" s="104">
        <v>973988</v>
      </c>
      <c r="HK19" s="104">
        <v>855890</v>
      </c>
      <c r="HL19" s="104">
        <v>916306</v>
      </c>
      <c r="HM19" s="103">
        <v>5752946</v>
      </c>
      <c r="HN19" s="99">
        <v>5802153</v>
      </c>
      <c r="HO19" s="306">
        <v>0</v>
      </c>
      <c r="HP19" s="307">
        <v>0</v>
      </c>
      <c r="HQ19" s="308">
        <v>0</v>
      </c>
      <c r="HR19" s="309">
        <v>0</v>
      </c>
      <c r="HS19" s="307">
        <v>0</v>
      </c>
      <c r="HT19" s="307">
        <v>0</v>
      </c>
      <c r="HU19" s="307">
        <v>0</v>
      </c>
      <c r="HV19" s="307">
        <v>0</v>
      </c>
      <c r="HW19" s="307">
        <v>0</v>
      </c>
      <c r="HX19" s="310">
        <v>0</v>
      </c>
      <c r="HY19" s="311">
        <v>0</v>
      </c>
      <c r="HZ19" s="118">
        <v>0</v>
      </c>
      <c r="IA19" s="119">
        <v>0</v>
      </c>
      <c r="IB19" s="120">
        <v>0</v>
      </c>
      <c r="IC19" s="133">
        <v>0</v>
      </c>
      <c r="ID19" s="119">
        <v>607412</v>
      </c>
      <c r="IE19" s="134">
        <v>1592031</v>
      </c>
      <c r="IF19" s="120">
        <v>637043</v>
      </c>
      <c r="IG19" s="119">
        <v>885807</v>
      </c>
      <c r="IH19" s="120">
        <v>248543</v>
      </c>
      <c r="II19" s="135">
        <v>3970836</v>
      </c>
      <c r="IJ19" s="126">
        <v>3970836</v>
      </c>
      <c r="IK19" s="219">
        <v>0</v>
      </c>
      <c r="IL19" s="223">
        <v>0</v>
      </c>
      <c r="IM19" s="224">
        <v>0</v>
      </c>
      <c r="IN19" s="127">
        <v>0</v>
      </c>
      <c r="IO19" s="109">
        <v>0</v>
      </c>
      <c r="IP19" s="109">
        <v>0</v>
      </c>
      <c r="IQ19" s="109">
        <v>0</v>
      </c>
      <c r="IR19" s="109">
        <v>0</v>
      </c>
      <c r="IS19" s="109">
        <v>0</v>
      </c>
      <c r="IT19" s="128">
        <v>0</v>
      </c>
      <c r="IU19" s="298">
        <v>0</v>
      </c>
      <c r="IV19" s="129">
        <v>0</v>
      </c>
      <c r="IW19" s="109">
        <v>0</v>
      </c>
      <c r="IX19" s="110">
        <v>0</v>
      </c>
      <c r="IY19" s="131">
        <v>0</v>
      </c>
      <c r="IZ19" s="109">
        <v>0</v>
      </c>
      <c r="JA19" s="109">
        <v>0</v>
      </c>
      <c r="JB19" s="109">
        <v>0</v>
      </c>
      <c r="JC19" s="109">
        <v>0</v>
      </c>
      <c r="JD19" s="109">
        <v>0</v>
      </c>
      <c r="JE19" s="110">
        <v>0</v>
      </c>
      <c r="JF19" s="111">
        <v>0</v>
      </c>
      <c r="JG19" s="129">
        <v>0</v>
      </c>
      <c r="JH19" s="109">
        <v>0</v>
      </c>
      <c r="JI19" s="128">
        <v>0</v>
      </c>
      <c r="JJ19" s="108">
        <v>0</v>
      </c>
      <c r="JK19" s="109">
        <v>607412</v>
      </c>
      <c r="JL19" s="109">
        <v>558301</v>
      </c>
      <c r="JM19" s="109">
        <v>588613</v>
      </c>
      <c r="JN19" s="109">
        <v>141730</v>
      </c>
      <c r="JO19" s="109">
        <v>192635</v>
      </c>
      <c r="JP19" s="110">
        <v>2088691</v>
      </c>
      <c r="JQ19" s="298">
        <v>2088691</v>
      </c>
      <c r="JR19" s="129">
        <v>0</v>
      </c>
      <c r="JS19" s="109">
        <v>0</v>
      </c>
      <c r="JT19" s="128">
        <v>0</v>
      </c>
      <c r="JU19" s="108">
        <v>0</v>
      </c>
      <c r="JV19" s="109">
        <v>0</v>
      </c>
      <c r="JW19" s="109">
        <v>118784</v>
      </c>
      <c r="JX19" s="109">
        <v>48430</v>
      </c>
      <c r="JY19" s="109">
        <v>66552</v>
      </c>
      <c r="JZ19" s="109">
        <v>55908</v>
      </c>
      <c r="KA19" s="110">
        <v>289674</v>
      </c>
      <c r="KB19" s="298">
        <v>289674</v>
      </c>
      <c r="KC19" s="221">
        <v>0</v>
      </c>
      <c r="KD19" s="217">
        <v>0</v>
      </c>
      <c r="KE19" s="110">
        <v>0</v>
      </c>
      <c r="KF19" s="108">
        <v>0</v>
      </c>
      <c r="KG19" s="109">
        <v>0</v>
      </c>
      <c r="KH19" s="109">
        <v>439087</v>
      </c>
      <c r="KI19" s="109">
        <v>0</v>
      </c>
      <c r="KJ19" s="109">
        <v>0</v>
      </c>
      <c r="KK19" s="109">
        <v>0</v>
      </c>
      <c r="KL19" s="110">
        <v>439087</v>
      </c>
      <c r="KM19" s="130">
        <v>439087</v>
      </c>
      <c r="KN19" s="219">
        <v>0</v>
      </c>
      <c r="KO19" s="223">
        <v>0</v>
      </c>
      <c r="KP19" s="224">
        <v>0</v>
      </c>
      <c r="KQ19" s="127">
        <v>0</v>
      </c>
      <c r="KR19" s="109">
        <v>0</v>
      </c>
      <c r="KS19" s="109">
        <v>475859</v>
      </c>
      <c r="KT19" s="109">
        <v>0</v>
      </c>
      <c r="KU19" s="109">
        <v>255219</v>
      </c>
      <c r="KV19" s="109">
        <v>0</v>
      </c>
      <c r="KW19" s="110">
        <v>731078</v>
      </c>
      <c r="KX19" s="298">
        <v>731078</v>
      </c>
      <c r="KY19" s="129">
        <v>0</v>
      </c>
      <c r="KZ19" s="109">
        <v>0</v>
      </c>
      <c r="LA19" s="110">
        <v>0</v>
      </c>
      <c r="LB19" s="132">
        <v>0</v>
      </c>
      <c r="LC19" s="109">
        <v>0</v>
      </c>
      <c r="LD19" s="109">
        <v>0</v>
      </c>
      <c r="LE19" s="109">
        <v>0</v>
      </c>
      <c r="LF19" s="109">
        <v>422306</v>
      </c>
      <c r="LG19" s="109">
        <v>0</v>
      </c>
      <c r="LH19" s="110">
        <v>422306</v>
      </c>
      <c r="LI19" s="111">
        <v>422306</v>
      </c>
      <c r="LJ19" s="129">
        <v>0</v>
      </c>
      <c r="LK19" s="109">
        <v>0</v>
      </c>
      <c r="LL19" s="110">
        <v>0</v>
      </c>
      <c r="LM19" s="132">
        <v>0</v>
      </c>
      <c r="LN19" s="109">
        <v>0</v>
      </c>
      <c r="LO19" s="109">
        <v>0</v>
      </c>
      <c r="LP19" s="109">
        <v>0</v>
      </c>
      <c r="LQ19" s="109">
        <v>0</v>
      </c>
      <c r="LR19" s="109">
        <v>0</v>
      </c>
      <c r="LS19" s="110">
        <v>0</v>
      </c>
      <c r="LT19" s="298">
        <v>0</v>
      </c>
      <c r="LU19" s="129">
        <v>0</v>
      </c>
      <c r="LV19" s="109">
        <v>0</v>
      </c>
      <c r="LW19" s="110">
        <v>0</v>
      </c>
      <c r="LX19" s="132">
        <v>0</v>
      </c>
      <c r="LY19" s="109">
        <v>0</v>
      </c>
      <c r="LZ19" s="109">
        <v>0</v>
      </c>
      <c r="MA19" s="109">
        <v>0</v>
      </c>
      <c r="MB19" s="109">
        <v>0</v>
      </c>
      <c r="MC19" s="109">
        <v>0</v>
      </c>
      <c r="MD19" s="110">
        <v>0</v>
      </c>
      <c r="ME19" s="111">
        <v>0</v>
      </c>
      <c r="MF19" s="129">
        <v>0</v>
      </c>
      <c r="MG19" s="109">
        <v>0</v>
      </c>
      <c r="MH19" s="110">
        <v>0</v>
      </c>
      <c r="MI19" s="132">
        <v>0</v>
      </c>
      <c r="MJ19" s="109">
        <v>259449</v>
      </c>
      <c r="MK19" s="109">
        <v>550827</v>
      </c>
      <c r="ML19" s="109">
        <v>1335662</v>
      </c>
      <c r="MM19" s="109">
        <v>3475212</v>
      </c>
      <c r="MN19" s="109">
        <v>2124194</v>
      </c>
      <c r="MO19" s="110">
        <v>7745344</v>
      </c>
      <c r="MP19" s="130">
        <v>7745344</v>
      </c>
      <c r="MQ19" s="129">
        <v>0</v>
      </c>
      <c r="MR19" s="109">
        <v>0</v>
      </c>
      <c r="MS19" s="110">
        <v>0</v>
      </c>
      <c r="MT19" s="132">
        <v>0</v>
      </c>
      <c r="MU19" s="109">
        <v>0</v>
      </c>
      <c r="MV19" s="109">
        <v>0</v>
      </c>
      <c r="MW19" s="109">
        <v>410237</v>
      </c>
      <c r="MX19" s="109">
        <v>3168020</v>
      </c>
      <c r="MY19" s="109">
        <v>1418072</v>
      </c>
      <c r="MZ19" s="110">
        <v>4996329</v>
      </c>
      <c r="NA19" s="130">
        <v>4996329</v>
      </c>
      <c r="NB19" s="129">
        <v>0</v>
      </c>
      <c r="NC19" s="109">
        <v>0</v>
      </c>
      <c r="ND19" s="110">
        <v>0</v>
      </c>
      <c r="NE19" s="132">
        <v>0</v>
      </c>
      <c r="NF19" s="109">
        <v>259449</v>
      </c>
      <c r="NG19" s="109">
        <v>550827</v>
      </c>
      <c r="NH19" s="109">
        <v>925425</v>
      </c>
      <c r="NI19" s="109">
        <v>307192</v>
      </c>
      <c r="NJ19" s="109">
        <v>706122</v>
      </c>
      <c r="NK19" s="110">
        <v>2749015</v>
      </c>
      <c r="NL19" s="298">
        <v>2749015</v>
      </c>
      <c r="NM19" s="129">
        <v>0</v>
      </c>
      <c r="NN19" s="109">
        <v>0</v>
      </c>
      <c r="NO19" s="110">
        <v>0</v>
      </c>
      <c r="NP19" s="132">
        <v>0</v>
      </c>
      <c r="NQ19" s="109">
        <v>0</v>
      </c>
      <c r="NR19" s="109">
        <v>0</v>
      </c>
      <c r="NS19" s="109">
        <v>0</v>
      </c>
      <c r="NT19" s="109">
        <v>0</v>
      </c>
      <c r="NU19" s="109">
        <v>0</v>
      </c>
      <c r="NV19" s="110">
        <v>0</v>
      </c>
      <c r="NW19" s="111">
        <v>0</v>
      </c>
      <c r="NX19" s="129">
        <v>0</v>
      </c>
      <c r="NY19" s="109">
        <v>0</v>
      </c>
      <c r="NZ19" s="110">
        <v>0</v>
      </c>
      <c r="OA19" s="132">
        <v>0</v>
      </c>
      <c r="OB19" s="109">
        <v>0</v>
      </c>
      <c r="OC19" s="109">
        <v>0</v>
      </c>
      <c r="OD19" s="109">
        <v>0</v>
      </c>
      <c r="OE19" s="109">
        <v>0</v>
      </c>
      <c r="OF19" s="109">
        <v>0</v>
      </c>
      <c r="OG19" s="110">
        <v>0</v>
      </c>
      <c r="OH19" s="111">
        <v>0</v>
      </c>
      <c r="OI19" s="129">
        <v>164134</v>
      </c>
      <c r="OJ19" s="109">
        <v>435177</v>
      </c>
      <c r="OK19" s="128">
        <v>599311</v>
      </c>
      <c r="OL19" s="108">
        <v>0</v>
      </c>
      <c r="OM19" s="109">
        <v>4319476</v>
      </c>
      <c r="ON19" s="109">
        <v>6884490</v>
      </c>
      <c r="OO19" s="109">
        <v>7427444</v>
      </c>
      <c r="OP19" s="109">
        <v>9396649</v>
      </c>
      <c r="OQ19" s="109">
        <v>6119018</v>
      </c>
      <c r="OR19" s="110">
        <v>34147077</v>
      </c>
      <c r="OS19" s="130">
        <v>34746388</v>
      </c>
    </row>
    <row r="20" spans="2:409" ht="21" customHeight="1" x14ac:dyDescent="0.2">
      <c r="B20" s="472" t="s">
        <v>15</v>
      </c>
      <c r="C20" s="100">
        <v>119383</v>
      </c>
      <c r="D20" s="104">
        <v>371158</v>
      </c>
      <c r="E20" s="103">
        <v>490541</v>
      </c>
      <c r="F20" s="99">
        <v>0</v>
      </c>
      <c r="G20" s="104">
        <v>1997817</v>
      </c>
      <c r="H20" s="104">
        <v>2116138</v>
      </c>
      <c r="I20" s="104">
        <v>2845991</v>
      </c>
      <c r="J20" s="104">
        <v>1634758</v>
      </c>
      <c r="K20" s="104">
        <v>1753210</v>
      </c>
      <c r="L20" s="99">
        <v>10347914</v>
      </c>
      <c r="M20" s="106">
        <v>10838455</v>
      </c>
      <c r="N20" s="100">
        <v>0</v>
      </c>
      <c r="O20" s="104">
        <v>29948</v>
      </c>
      <c r="P20" s="103">
        <v>29948</v>
      </c>
      <c r="Q20" s="100">
        <v>0</v>
      </c>
      <c r="R20" s="104">
        <v>482929</v>
      </c>
      <c r="S20" s="104">
        <v>676323</v>
      </c>
      <c r="T20" s="104">
        <v>732821</v>
      </c>
      <c r="U20" s="104">
        <v>654756</v>
      </c>
      <c r="V20" s="104">
        <v>421291</v>
      </c>
      <c r="W20" s="103">
        <v>2968120</v>
      </c>
      <c r="X20" s="106">
        <v>2998068</v>
      </c>
      <c r="Y20" s="100">
        <v>0</v>
      </c>
      <c r="Z20" s="104">
        <v>0</v>
      </c>
      <c r="AA20" s="103">
        <v>0</v>
      </c>
      <c r="AB20" s="100">
        <v>0</v>
      </c>
      <c r="AC20" s="104">
        <v>81675</v>
      </c>
      <c r="AD20" s="104">
        <v>352027</v>
      </c>
      <c r="AE20" s="104">
        <v>439806</v>
      </c>
      <c r="AF20" s="104">
        <v>400466</v>
      </c>
      <c r="AG20" s="104">
        <v>276504</v>
      </c>
      <c r="AH20" s="103">
        <v>1550478</v>
      </c>
      <c r="AI20" s="106">
        <v>1550478</v>
      </c>
      <c r="AJ20" s="100">
        <v>0</v>
      </c>
      <c r="AK20" s="104">
        <v>0</v>
      </c>
      <c r="AL20" s="103">
        <v>0</v>
      </c>
      <c r="AM20" s="100">
        <v>0</v>
      </c>
      <c r="AN20" s="104">
        <v>0</v>
      </c>
      <c r="AO20" s="104">
        <v>0</v>
      </c>
      <c r="AP20" s="104">
        <v>0</v>
      </c>
      <c r="AQ20" s="104">
        <v>46763</v>
      </c>
      <c r="AR20" s="104">
        <v>0</v>
      </c>
      <c r="AS20" s="103">
        <v>46763</v>
      </c>
      <c r="AT20" s="106">
        <v>46763</v>
      </c>
      <c r="AU20" s="100">
        <v>0</v>
      </c>
      <c r="AV20" s="104">
        <v>19036</v>
      </c>
      <c r="AW20" s="103">
        <v>19036</v>
      </c>
      <c r="AX20" s="100">
        <v>0</v>
      </c>
      <c r="AY20" s="104">
        <v>199304</v>
      </c>
      <c r="AZ20" s="104">
        <v>212954</v>
      </c>
      <c r="BA20" s="104">
        <v>160671</v>
      </c>
      <c r="BB20" s="104">
        <v>173671</v>
      </c>
      <c r="BC20" s="104">
        <v>75940</v>
      </c>
      <c r="BD20" s="103">
        <v>822540</v>
      </c>
      <c r="BE20" s="106">
        <v>841576</v>
      </c>
      <c r="BF20" s="100">
        <v>0</v>
      </c>
      <c r="BG20" s="104">
        <v>0</v>
      </c>
      <c r="BH20" s="102">
        <v>0</v>
      </c>
      <c r="BI20" s="101">
        <v>0</v>
      </c>
      <c r="BJ20" s="104">
        <v>27134</v>
      </c>
      <c r="BK20" s="104">
        <v>69838</v>
      </c>
      <c r="BL20" s="104">
        <v>0</v>
      </c>
      <c r="BM20" s="104">
        <v>0</v>
      </c>
      <c r="BN20" s="104">
        <v>31039</v>
      </c>
      <c r="BO20" s="103">
        <v>128011</v>
      </c>
      <c r="BP20" s="106">
        <v>128011</v>
      </c>
      <c r="BQ20" s="100">
        <v>0</v>
      </c>
      <c r="BR20" s="104">
        <v>10912</v>
      </c>
      <c r="BS20" s="103">
        <v>10912</v>
      </c>
      <c r="BT20" s="100">
        <v>0</v>
      </c>
      <c r="BU20" s="104">
        <v>174816</v>
      </c>
      <c r="BV20" s="104">
        <v>41504</v>
      </c>
      <c r="BW20" s="104">
        <v>132344</v>
      </c>
      <c r="BX20" s="104">
        <v>33856</v>
      </c>
      <c r="BY20" s="104">
        <v>37808</v>
      </c>
      <c r="BZ20" s="103">
        <v>420328</v>
      </c>
      <c r="CA20" s="106">
        <v>431240</v>
      </c>
      <c r="CB20" s="100">
        <v>0</v>
      </c>
      <c r="CC20" s="104">
        <v>0</v>
      </c>
      <c r="CD20" s="103">
        <v>0</v>
      </c>
      <c r="CE20" s="100">
        <v>0</v>
      </c>
      <c r="CF20" s="104">
        <v>301447</v>
      </c>
      <c r="CG20" s="104">
        <v>569631</v>
      </c>
      <c r="CH20" s="104">
        <v>719261</v>
      </c>
      <c r="CI20" s="104">
        <v>141248</v>
      </c>
      <c r="CJ20" s="104">
        <v>92314</v>
      </c>
      <c r="CK20" s="103">
        <v>1823901</v>
      </c>
      <c r="CL20" s="106">
        <v>1823901</v>
      </c>
      <c r="CM20" s="100">
        <v>0</v>
      </c>
      <c r="CN20" s="104">
        <v>0</v>
      </c>
      <c r="CO20" s="103">
        <v>0</v>
      </c>
      <c r="CP20" s="101">
        <v>0</v>
      </c>
      <c r="CQ20" s="104">
        <v>268963</v>
      </c>
      <c r="CR20" s="104">
        <v>353521</v>
      </c>
      <c r="CS20" s="104">
        <v>391414</v>
      </c>
      <c r="CT20" s="104">
        <v>79136</v>
      </c>
      <c r="CU20" s="104">
        <v>92314</v>
      </c>
      <c r="CV20" s="103">
        <v>1185348</v>
      </c>
      <c r="CW20" s="106">
        <v>1185348</v>
      </c>
      <c r="CX20" s="100">
        <v>0</v>
      </c>
      <c r="CY20" s="104">
        <v>0</v>
      </c>
      <c r="CZ20" s="103">
        <v>0</v>
      </c>
      <c r="DA20" s="100">
        <v>0</v>
      </c>
      <c r="DB20" s="104">
        <v>32484</v>
      </c>
      <c r="DC20" s="104">
        <v>216110</v>
      </c>
      <c r="DD20" s="104">
        <v>327847</v>
      </c>
      <c r="DE20" s="104">
        <v>62112</v>
      </c>
      <c r="DF20" s="104">
        <v>0</v>
      </c>
      <c r="DG20" s="103">
        <v>638553</v>
      </c>
      <c r="DH20" s="106">
        <v>638553</v>
      </c>
      <c r="DI20" s="100">
        <v>0</v>
      </c>
      <c r="DJ20" s="104">
        <v>22519</v>
      </c>
      <c r="DK20" s="102">
        <v>22519</v>
      </c>
      <c r="DL20" s="101">
        <v>0</v>
      </c>
      <c r="DM20" s="104">
        <v>22767</v>
      </c>
      <c r="DN20" s="104">
        <v>43129</v>
      </c>
      <c r="DO20" s="104">
        <v>270157</v>
      </c>
      <c r="DP20" s="104">
        <v>684042</v>
      </c>
      <c r="DQ20" s="104">
        <v>888137</v>
      </c>
      <c r="DR20" s="103">
        <v>1908232</v>
      </c>
      <c r="DS20" s="106">
        <v>1930751</v>
      </c>
      <c r="DT20" s="100">
        <v>0</v>
      </c>
      <c r="DU20" s="104">
        <v>22519</v>
      </c>
      <c r="DV20" s="103">
        <v>22519</v>
      </c>
      <c r="DW20" s="100">
        <v>0</v>
      </c>
      <c r="DX20" s="104">
        <v>22767</v>
      </c>
      <c r="DY20" s="104">
        <v>43129</v>
      </c>
      <c r="DZ20" s="104">
        <v>270157</v>
      </c>
      <c r="EA20" s="104">
        <v>684042</v>
      </c>
      <c r="EB20" s="104">
        <v>888137</v>
      </c>
      <c r="EC20" s="103">
        <v>1908232</v>
      </c>
      <c r="ED20" s="106">
        <v>1930751</v>
      </c>
      <c r="EE20" s="100">
        <v>0</v>
      </c>
      <c r="EF20" s="102">
        <v>0</v>
      </c>
      <c r="EG20" s="103">
        <v>0</v>
      </c>
      <c r="EH20" s="100">
        <v>0</v>
      </c>
      <c r="EI20" s="104">
        <v>0</v>
      </c>
      <c r="EJ20" s="104">
        <v>0</v>
      </c>
      <c r="EK20" s="104">
        <v>0</v>
      </c>
      <c r="EL20" s="104">
        <v>0</v>
      </c>
      <c r="EM20" s="104">
        <v>0</v>
      </c>
      <c r="EN20" s="102">
        <v>0</v>
      </c>
      <c r="EO20" s="106">
        <v>0</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v>0</v>
      </c>
      <c r="FE20" s="104">
        <v>0</v>
      </c>
      <c r="FF20" s="104">
        <v>0</v>
      </c>
      <c r="FG20" s="104">
        <v>0</v>
      </c>
      <c r="FH20" s="104">
        <v>0</v>
      </c>
      <c r="FI20" s="104">
        <v>0</v>
      </c>
      <c r="FJ20" s="103">
        <v>0</v>
      </c>
      <c r="FK20" s="106">
        <v>0</v>
      </c>
      <c r="FL20" s="100">
        <v>1600</v>
      </c>
      <c r="FM20" s="104">
        <v>29920</v>
      </c>
      <c r="FN20" s="103">
        <v>31520</v>
      </c>
      <c r="FO20" s="100">
        <v>0</v>
      </c>
      <c r="FP20" s="104">
        <v>115520</v>
      </c>
      <c r="FQ20" s="104">
        <v>136520</v>
      </c>
      <c r="FR20" s="104">
        <v>153840</v>
      </c>
      <c r="FS20" s="104">
        <v>154712</v>
      </c>
      <c r="FT20" s="104">
        <v>69200</v>
      </c>
      <c r="FU20" s="103">
        <v>629792</v>
      </c>
      <c r="FV20" s="106">
        <v>661312</v>
      </c>
      <c r="FW20" s="105">
        <v>1600</v>
      </c>
      <c r="FX20" s="104">
        <v>29920</v>
      </c>
      <c r="FY20" s="102">
        <v>31520</v>
      </c>
      <c r="FZ20" s="101">
        <v>0</v>
      </c>
      <c r="GA20" s="104">
        <v>52320</v>
      </c>
      <c r="GB20" s="104">
        <v>136520</v>
      </c>
      <c r="GC20" s="104">
        <v>132000</v>
      </c>
      <c r="GD20" s="104">
        <v>154712</v>
      </c>
      <c r="GE20" s="104">
        <v>69200</v>
      </c>
      <c r="GF20" s="103">
        <v>544752</v>
      </c>
      <c r="GG20" s="296">
        <v>576272</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63200</v>
      </c>
      <c r="GX20" s="104">
        <v>0</v>
      </c>
      <c r="GY20" s="104">
        <v>21840</v>
      </c>
      <c r="GZ20" s="104">
        <v>0</v>
      </c>
      <c r="HA20" s="104">
        <v>0</v>
      </c>
      <c r="HB20" s="102">
        <v>85040</v>
      </c>
      <c r="HC20" s="106">
        <v>85040</v>
      </c>
      <c r="HD20" s="100">
        <v>117783</v>
      </c>
      <c r="HE20" s="104">
        <v>288771</v>
      </c>
      <c r="HF20" s="102">
        <v>406554</v>
      </c>
      <c r="HG20" s="101">
        <v>0</v>
      </c>
      <c r="HH20" s="104">
        <v>1075154</v>
      </c>
      <c r="HI20" s="104">
        <v>690535</v>
      </c>
      <c r="HJ20" s="104">
        <v>969912</v>
      </c>
      <c r="HK20" s="104">
        <v>0</v>
      </c>
      <c r="HL20" s="104">
        <v>282268</v>
      </c>
      <c r="HM20" s="103">
        <v>3017869</v>
      </c>
      <c r="HN20" s="99">
        <v>3424423</v>
      </c>
      <c r="HO20" s="306">
        <v>0</v>
      </c>
      <c r="HP20" s="307">
        <v>0</v>
      </c>
      <c r="HQ20" s="308">
        <v>0</v>
      </c>
      <c r="HR20" s="309">
        <v>0</v>
      </c>
      <c r="HS20" s="307">
        <v>0</v>
      </c>
      <c r="HT20" s="307">
        <v>0</v>
      </c>
      <c r="HU20" s="307">
        <v>0</v>
      </c>
      <c r="HV20" s="307">
        <v>0</v>
      </c>
      <c r="HW20" s="307">
        <v>0</v>
      </c>
      <c r="HX20" s="310">
        <v>0</v>
      </c>
      <c r="HY20" s="311">
        <v>0</v>
      </c>
      <c r="HZ20" s="137">
        <v>0</v>
      </c>
      <c r="IA20" s="122">
        <v>0</v>
      </c>
      <c r="IB20" s="137">
        <v>0</v>
      </c>
      <c r="IC20" s="121">
        <v>0</v>
      </c>
      <c r="ID20" s="122">
        <v>1244615</v>
      </c>
      <c r="IE20" s="123">
        <v>420299</v>
      </c>
      <c r="IF20" s="124">
        <v>551487</v>
      </c>
      <c r="IG20" s="122">
        <v>943813</v>
      </c>
      <c r="IH20" s="124">
        <v>341827</v>
      </c>
      <c r="II20" s="125">
        <v>3502041</v>
      </c>
      <c r="IJ20" s="137">
        <v>3502041</v>
      </c>
      <c r="IK20" s="219">
        <v>0</v>
      </c>
      <c r="IL20" s="223">
        <v>0</v>
      </c>
      <c r="IM20" s="224">
        <v>0</v>
      </c>
      <c r="IN20" s="127">
        <v>0</v>
      </c>
      <c r="IO20" s="109">
        <v>100048</v>
      </c>
      <c r="IP20" s="109">
        <v>0</v>
      </c>
      <c r="IQ20" s="109">
        <v>0</v>
      </c>
      <c r="IR20" s="109">
        <v>0</v>
      </c>
      <c r="IS20" s="109">
        <v>0</v>
      </c>
      <c r="IT20" s="128">
        <v>100048</v>
      </c>
      <c r="IU20" s="298">
        <v>100048</v>
      </c>
      <c r="IV20" s="129">
        <v>0</v>
      </c>
      <c r="IW20" s="109">
        <v>0</v>
      </c>
      <c r="IX20" s="110">
        <v>0</v>
      </c>
      <c r="IY20" s="131">
        <v>0</v>
      </c>
      <c r="IZ20" s="109">
        <v>0</v>
      </c>
      <c r="JA20" s="109">
        <v>0</v>
      </c>
      <c r="JB20" s="109">
        <v>0</v>
      </c>
      <c r="JC20" s="109">
        <v>0</v>
      </c>
      <c r="JD20" s="109">
        <v>0</v>
      </c>
      <c r="JE20" s="110">
        <v>0</v>
      </c>
      <c r="JF20" s="111">
        <v>0</v>
      </c>
      <c r="JG20" s="129">
        <v>0</v>
      </c>
      <c r="JH20" s="109">
        <v>0</v>
      </c>
      <c r="JI20" s="128">
        <v>0</v>
      </c>
      <c r="JJ20" s="108">
        <v>0</v>
      </c>
      <c r="JK20" s="109">
        <v>296144</v>
      </c>
      <c r="JL20" s="109">
        <v>269217</v>
      </c>
      <c r="JM20" s="109">
        <v>304400</v>
      </c>
      <c r="JN20" s="109">
        <v>134100</v>
      </c>
      <c r="JO20" s="109">
        <v>147591</v>
      </c>
      <c r="JP20" s="110">
        <v>1151452</v>
      </c>
      <c r="JQ20" s="298">
        <v>1151452</v>
      </c>
      <c r="JR20" s="129">
        <v>0</v>
      </c>
      <c r="JS20" s="109">
        <v>0</v>
      </c>
      <c r="JT20" s="128">
        <v>0</v>
      </c>
      <c r="JU20" s="108">
        <v>0</v>
      </c>
      <c r="JV20" s="109">
        <v>0</v>
      </c>
      <c r="JW20" s="109">
        <v>0</v>
      </c>
      <c r="JX20" s="109">
        <v>0</v>
      </c>
      <c r="JY20" s="109">
        <v>53393</v>
      </c>
      <c r="JZ20" s="109">
        <v>0</v>
      </c>
      <c r="KA20" s="110">
        <v>53393</v>
      </c>
      <c r="KB20" s="298">
        <v>53393</v>
      </c>
      <c r="KC20" s="221">
        <v>0</v>
      </c>
      <c r="KD20" s="217">
        <v>0</v>
      </c>
      <c r="KE20" s="110">
        <v>0</v>
      </c>
      <c r="KF20" s="108">
        <v>0</v>
      </c>
      <c r="KG20" s="109">
        <v>208259</v>
      </c>
      <c r="KH20" s="109">
        <v>151082</v>
      </c>
      <c r="KI20" s="109">
        <v>0</v>
      </c>
      <c r="KJ20" s="109">
        <v>494764</v>
      </c>
      <c r="KK20" s="109">
        <v>194236</v>
      </c>
      <c r="KL20" s="110">
        <v>1048341</v>
      </c>
      <c r="KM20" s="130">
        <v>1048341</v>
      </c>
      <c r="KN20" s="219">
        <v>0</v>
      </c>
      <c r="KO20" s="223">
        <v>0</v>
      </c>
      <c r="KP20" s="224">
        <v>0</v>
      </c>
      <c r="KQ20" s="127">
        <v>0</v>
      </c>
      <c r="KR20" s="109">
        <v>640164</v>
      </c>
      <c r="KS20" s="109">
        <v>0</v>
      </c>
      <c r="KT20" s="109">
        <v>247087</v>
      </c>
      <c r="KU20" s="109">
        <v>0</v>
      </c>
      <c r="KV20" s="109">
        <v>0</v>
      </c>
      <c r="KW20" s="110">
        <v>887251</v>
      </c>
      <c r="KX20" s="298">
        <v>887251</v>
      </c>
      <c r="KY20" s="129">
        <v>0</v>
      </c>
      <c r="KZ20" s="109">
        <v>0</v>
      </c>
      <c r="LA20" s="110">
        <v>0</v>
      </c>
      <c r="LB20" s="132">
        <v>0</v>
      </c>
      <c r="LC20" s="109">
        <v>0</v>
      </c>
      <c r="LD20" s="109">
        <v>0</v>
      </c>
      <c r="LE20" s="109">
        <v>0</v>
      </c>
      <c r="LF20" s="109">
        <v>0</v>
      </c>
      <c r="LG20" s="109">
        <v>0</v>
      </c>
      <c r="LH20" s="110">
        <v>0</v>
      </c>
      <c r="LI20" s="111">
        <v>0</v>
      </c>
      <c r="LJ20" s="129">
        <v>0</v>
      </c>
      <c r="LK20" s="109">
        <v>0</v>
      </c>
      <c r="LL20" s="110">
        <v>0</v>
      </c>
      <c r="LM20" s="132">
        <v>0</v>
      </c>
      <c r="LN20" s="109">
        <v>0</v>
      </c>
      <c r="LO20" s="109">
        <v>0</v>
      </c>
      <c r="LP20" s="109">
        <v>0</v>
      </c>
      <c r="LQ20" s="109">
        <v>261556</v>
      </c>
      <c r="LR20" s="109">
        <v>0</v>
      </c>
      <c r="LS20" s="110">
        <v>261556</v>
      </c>
      <c r="LT20" s="298">
        <v>261556</v>
      </c>
      <c r="LU20" s="129">
        <v>0</v>
      </c>
      <c r="LV20" s="109">
        <v>0</v>
      </c>
      <c r="LW20" s="110">
        <v>0</v>
      </c>
      <c r="LX20" s="132">
        <v>0</v>
      </c>
      <c r="LY20" s="109">
        <v>0</v>
      </c>
      <c r="LZ20" s="109">
        <v>0</v>
      </c>
      <c r="MA20" s="109">
        <v>0</v>
      </c>
      <c r="MB20" s="109">
        <v>0</v>
      </c>
      <c r="MC20" s="109">
        <v>0</v>
      </c>
      <c r="MD20" s="110">
        <v>0</v>
      </c>
      <c r="ME20" s="111">
        <v>0</v>
      </c>
      <c r="MF20" s="129">
        <v>0</v>
      </c>
      <c r="MG20" s="109">
        <v>0</v>
      </c>
      <c r="MH20" s="110">
        <v>0</v>
      </c>
      <c r="MI20" s="132">
        <v>0</v>
      </c>
      <c r="MJ20" s="109">
        <v>0</v>
      </c>
      <c r="MK20" s="109">
        <v>898624</v>
      </c>
      <c r="ML20" s="109">
        <v>450756</v>
      </c>
      <c r="MM20" s="109">
        <v>3120472</v>
      </c>
      <c r="MN20" s="109">
        <v>901848</v>
      </c>
      <c r="MO20" s="110">
        <v>5371700</v>
      </c>
      <c r="MP20" s="130">
        <v>5371700</v>
      </c>
      <c r="MQ20" s="129">
        <v>0</v>
      </c>
      <c r="MR20" s="109">
        <v>0</v>
      </c>
      <c r="MS20" s="110">
        <v>0</v>
      </c>
      <c r="MT20" s="132">
        <v>0</v>
      </c>
      <c r="MU20" s="109">
        <v>0</v>
      </c>
      <c r="MV20" s="109">
        <v>0</v>
      </c>
      <c r="MW20" s="109">
        <v>250744</v>
      </c>
      <c r="MX20" s="109">
        <v>1892488</v>
      </c>
      <c r="MY20" s="109">
        <v>281520</v>
      </c>
      <c r="MZ20" s="110">
        <v>2424752</v>
      </c>
      <c r="NA20" s="130">
        <v>2424752</v>
      </c>
      <c r="NB20" s="129">
        <v>0</v>
      </c>
      <c r="NC20" s="109">
        <v>0</v>
      </c>
      <c r="ND20" s="110">
        <v>0</v>
      </c>
      <c r="NE20" s="132">
        <v>0</v>
      </c>
      <c r="NF20" s="109">
        <v>0</v>
      </c>
      <c r="NG20" s="109">
        <v>898624</v>
      </c>
      <c r="NH20" s="109">
        <v>200012</v>
      </c>
      <c r="NI20" s="109">
        <v>1227984</v>
      </c>
      <c r="NJ20" s="109">
        <v>620328</v>
      </c>
      <c r="NK20" s="110">
        <v>2946948</v>
      </c>
      <c r="NL20" s="298">
        <v>2946948</v>
      </c>
      <c r="NM20" s="129">
        <v>0</v>
      </c>
      <c r="NN20" s="109">
        <v>0</v>
      </c>
      <c r="NO20" s="110">
        <v>0</v>
      </c>
      <c r="NP20" s="132">
        <v>0</v>
      </c>
      <c r="NQ20" s="109">
        <v>0</v>
      </c>
      <c r="NR20" s="109">
        <v>0</v>
      </c>
      <c r="NS20" s="109">
        <v>0</v>
      </c>
      <c r="NT20" s="109">
        <v>0</v>
      </c>
      <c r="NU20" s="109">
        <v>0</v>
      </c>
      <c r="NV20" s="110">
        <v>0</v>
      </c>
      <c r="NW20" s="111">
        <v>0</v>
      </c>
      <c r="NX20" s="129">
        <v>0</v>
      </c>
      <c r="NY20" s="109">
        <v>0</v>
      </c>
      <c r="NZ20" s="110">
        <v>0</v>
      </c>
      <c r="OA20" s="132">
        <v>0</v>
      </c>
      <c r="OB20" s="109">
        <v>0</v>
      </c>
      <c r="OC20" s="109">
        <v>0</v>
      </c>
      <c r="OD20" s="109">
        <v>0</v>
      </c>
      <c r="OE20" s="109">
        <v>0</v>
      </c>
      <c r="OF20" s="109">
        <v>0</v>
      </c>
      <c r="OG20" s="110">
        <v>0</v>
      </c>
      <c r="OH20" s="111">
        <v>0</v>
      </c>
      <c r="OI20" s="129">
        <v>119383</v>
      </c>
      <c r="OJ20" s="109">
        <v>371158</v>
      </c>
      <c r="OK20" s="128">
        <v>490541</v>
      </c>
      <c r="OL20" s="108">
        <v>0</v>
      </c>
      <c r="OM20" s="109">
        <v>3242432</v>
      </c>
      <c r="ON20" s="109">
        <v>3435061</v>
      </c>
      <c r="OO20" s="109">
        <v>3848234</v>
      </c>
      <c r="OP20" s="109">
        <v>5699043</v>
      </c>
      <c r="OQ20" s="109">
        <v>2996885</v>
      </c>
      <c r="OR20" s="110">
        <v>19221655</v>
      </c>
      <c r="OS20" s="130">
        <v>19712196</v>
      </c>
    </row>
    <row r="21" spans="2:409" ht="21" customHeight="1" x14ac:dyDescent="0.2">
      <c r="B21" s="472" t="s">
        <v>16</v>
      </c>
      <c r="C21" s="100">
        <v>474770</v>
      </c>
      <c r="D21" s="104">
        <v>508398</v>
      </c>
      <c r="E21" s="103">
        <v>983168</v>
      </c>
      <c r="F21" s="99">
        <v>0</v>
      </c>
      <c r="G21" s="104">
        <v>4485144</v>
      </c>
      <c r="H21" s="104">
        <v>6451454</v>
      </c>
      <c r="I21" s="104">
        <v>3724448</v>
      </c>
      <c r="J21" s="104">
        <v>6505955</v>
      </c>
      <c r="K21" s="104">
        <v>1861348</v>
      </c>
      <c r="L21" s="99">
        <v>23028349</v>
      </c>
      <c r="M21" s="106">
        <v>24011517</v>
      </c>
      <c r="N21" s="100">
        <v>132667</v>
      </c>
      <c r="O21" s="104">
        <v>197829</v>
      </c>
      <c r="P21" s="103">
        <v>330496</v>
      </c>
      <c r="Q21" s="100">
        <v>0</v>
      </c>
      <c r="R21" s="104">
        <v>1086063</v>
      </c>
      <c r="S21" s="104">
        <v>867248</v>
      </c>
      <c r="T21" s="104">
        <v>1023454</v>
      </c>
      <c r="U21" s="104">
        <v>1632385</v>
      </c>
      <c r="V21" s="104">
        <v>824152</v>
      </c>
      <c r="W21" s="103">
        <v>5433302</v>
      </c>
      <c r="X21" s="106">
        <v>5763798</v>
      </c>
      <c r="Y21" s="100">
        <v>0</v>
      </c>
      <c r="Z21" s="104">
        <v>0</v>
      </c>
      <c r="AA21" s="103">
        <v>0</v>
      </c>
      <c r="AB21" s="100">
        <v>0</v>
      </c>
      <c r="AC21" s="104">
        <v>387574</v>
      </c>
      <c r="AD21" s="104">
        <v>225267</v>
      </c>
      <c r="AE21" s="104">
        <v>243606</v>
      </c>
      <c r="AF21" s="104">
        <v>385757</v>
      </c>
      <c r="AG21" s="104">
        <v>289841</v>
      </c>
      <c r="AH21" s="103">
        <v>1532045</v>
      </c>
      <c r="AI21" s="106">
        <v>1532045</v>
      </c>
      <c r="AJ21" s="100">
        <v>0</v>
      </c>
      <c r="AK21" s="104">
        <v>0</v>
      </c>
      <c r="AL21" s="103">
        <v>0</v>
      </c>
      <c r="AM21" s="100">
        <v>0</v>
      </c>
      <c r="AN21" s="104">
        <v>0</v>
      </c>
      <c r="AO21" s="104">
        <v>0</v>
      </c>
      <c r="AP21" s="104">
        <v>13195</v>
      </c>
      <c r="AQ21" s="104">
        <v>34160</v>
      </c>
      <c r="AR21" s="104">
        <v>172855</v>
      </c>
      <c r="AS21" s="103">
        <v>220210</v>
      </c>
      <c r="AT21" s="106">
        <v>220210</v>
      </c>
      <c r="AU21" s="100">
        <v>95651</v>
      </c>
      <c r="AV21" s="104">
        <v>112233</v>
      </c>
      <c r="AW21" s="103">
        <v>207884</v>
      </c>
      <c r="AX21" s="100">
        <v>0</v>
      </c>
      <c r="AY21" s="104">
        <v>495097</v>
      </c>
      <c r="AZ21" s="104">
        <v>375119</v>
      </c>
      <c r="BA21" s="104">
        <v>459061</v>
      </c>
      <c r="BB21" s="104">
        <v>905300</v>
      </c>
      <c r="BC21" s="104">
        <v>176080</v>
      </c>
      <c r="BD21" s="103">
        <v>2410657</v>
      </c>
      <c r="BE21" s="106">
        <v>2618541</v>
      </c>
      <c r="BF21" s="100">
        <v>0</v>
      </c>
      <c r="BG21" s="104">
        <v>61268</v>
      </c>
      <c r="BH21" s="102">
        <v>61268</v>
      </c>
      <c r="BI21" s="101">
        <v>0</v>
      </c>
      <c r="BJ21" s="104">
        <v>0</v>
      </c>
      <c r="BK21" s="104">
        <v>83894</v>
      </c>
      <c r="BL21" s="104">
        <v>76424</v>
      </c>
      <c r="BM21" s="104">
        <v>0</v>
      </c>
      <c r="BN21" s="104">
        <v>0</v>
      </c>
      <c r="BO21" s="103">
        <v>160318</v>
      </c>
      <c r="BP21" s="106">
        <v>221586</v>
      </c>
      <c r="BQ21" s="100">
        <v>37016</v>
      </c>
      <c r="BR21" s="104">
        <v>24328</v>
      </c>
      <c r="BS21" s="103">
        <v>61344</v>
      </c>
      <c r="BT21" s="100">
        <v>0</v>
      </c>
      <c r="BU21" s="104">
        <v>203392</v>
      </c>
      <c r="BV21" s="104">
        <v>182968</v>
      </c>
      <c r="BW21" s="104">
        <v>231168</v>
      </c>
      <c r="BX21" s="104">
        <v>307168</v>
      </c>
      <c r="BY21" s="104">
        <v>185376</v>
      </c>
      <c r="BZ21" s="103">
        <v>1110072</v>
      </c>
      <c r="CA21" s="106">
        <v>1171416</v>
      </c>
      <c r="CB21" s="100">
        <v>42145</v>
      </c>
      <c r="CC21" s="104">
        <v>153120</v>
      </c>
      <c r="CD21" s="103">
        <v>195265</v>
      </c>
      <c r="CE21" s="100">
        <v>0</v>
      </c>
      <c r="CF21" s="104">
        <v>2018929</v>
      </c>
      <c r="CG21" s="104">
        <v>2976314</v>
      </c>
      <c r="CH21" s="104">
        <v>779929</v>
      </c>
      <c r="CI21" s="104">
        <v>1059660</v>
      </c>
      <c r="CJ21" s="104">
        <v>31820</v>
      </c>
      <c r="CK21" s="103">
        <v>6866652</v>
      </c>
      <c r="CL21" s="106">
        <v>7061917</v>
      </c>
      <c r="CM21" s="100">
        <v>0</v>
      </c>
      <c r="CN21" s="104">
        <v>0</v>
      </c>
      <c r="CO21" s="103">
        <v>0</v>
      </c>
      <c r="CP21" s="101">
        <v>0</v>
      </c>
      <c r="CQ21" s="104">
        <v>1011219</v>
      </c>
      <c r="CR21" s="104">
        <v>1317079</v>
      </c>
      <c r="CS21" s="104">
        <v>422434</v>
      </c>
      <c r="CT21" s="104">
        <v>819577</v>
      </c>
      <c r="CU21" s="104">
        <v>31820</v>
      </c>
      <c r="CV21" s="103">
        <v>3602129</v>
      </c>
      <c r="CW21" s="106">
        <v>3602129</v>
      </c>
      <c r="CX21" s="100">
        <v>42145</v>
      </c>
      <c r="CY21" s="104">
        <v>153120</v>
      </c>
      <c r="CZ21" s="103">
        <v>195265</v>
      </c>
      <c r="DA21" s="100">
        <v>0</v>
      </c>
      <c r="DB21" s="104">
        <v>1007710</v>
      </c>
      <c r="DC21" s="104">
        <v>1659235</v>
      </c>
      <c r="DD21" s="104">
        <v>357495</v>
      </c>
      <c r="DE21" s="104">
        <v>240083</v>
      </c>
      <c r="DF21" s="104">
        <v>0</v>
      </c>
      <c r="DG21" s="103">
        <v>3264523</v>
      </c>
      <c r="DH21" s="106">
        <v>3459788</v>
      </c>
      <c r="DI21" s="100">
        <v>0</v>
      </c>
      <c r="DJ21" s="104">
        <v>0</v>
      </c>
      <c r="DK21" s="102">
        <v>0</v>
      </c>
      <c r="DL21" s="101">
        <v>0</v>
      </c>
      <c r="DM21" s="104">
        <v>50508</v>
      </c>
      <c r="DN21" s="104">
        <v>281880</v>
      </c>
      <c r="DO21" s="104">
        <v>94804</v>
      </c>
      <c r="DP21" s="104">
        <v>334328</v>
      </c>
      <c r="DQ21" s="104">
        <v>0</v>
      </c>
      <c r="DR21" s="103">
        <v>761520</v>
      </c>
      <c r="DS21" s="106">
        <v>761520</v>
      </c>
      <c r="DT21" s="100">
        <v>0</v>
      </c>
      <c r="DU21" s="104">
        <v>0</v>
      </c>
      <c r="DV21" s="103">
        <v>0</v>
      </c>
      <c r="DW21" s="100">
        <v>0</v>
      </c>
      <c r="DX21" s="104">
        <v>50508</v>
      </c>
      <c r="DY21" s="104">
        <v>129089</v>
      </c>
      <c r="DZ21" s="104">
        <v>94804</v>
      </c>
      <c r="EA21" s="104">
        <v>300800</v>
      </c>
      <c r="EB21" s="104">
        <v>0</v>
      </c>
      <c r="EC21" s="103">
        <v>575201</v>
      </c>
      <c r="ED21" s="106">
        <v>575201</v>
      </c>
      <c r="EE21" s="100">
        <v>0</v>
      </c>
      <c r="EF21" s="102">
        <v>0</v>
      </c>
      <c r="EG21" s="103">
        <v>0</v>
      </c>
      <c r="EH21" s="100">
        <v>0</v>
      </c>
      <c r="EI21" s="104">
        <v>0</v>
      </c>
      <c r="EJ21" s="104">
        <v>152791</v>
      </c>
      <c r="EK21" s="104">
        <v>0</v>
      </c>
      <c r="EL21" s="104">
        <v>33528</v>
      </c>
      <c r="EM21" s="104">
        <v>0</v>
      </c>
      <c r="EN21" s="102">
        <v>186319</v>
      </c>
      <c r="EO21" s="106">
        <v>186319</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v>0</v>
      </c>
      <c r="FE21" s="104">
        <v>0</v>
      </c>
      <c r="FF21" s="104">
        <v>0</v>
      </c>
      <c r="FG21" s="104">
        <v>0</v>
      </c>
      <c r="FH21" s="104">
        <v>0</v>
      </c>
      <c r="FI21" s="104">
        <v>0</v>
      </c>
      <c r="FJ21" s="103">
        <v>0</v>
      </c>
      <c r="FK21" s="106">
        <v>0</v>
      </c>
      <c r="FL21" s="100">
        <v>133860</v>
      </c>
      <c r="FM21" s="104">
        <v>64560</v>
      </c>
      <c r="FN21" s="103">
        <v>198420</v>
      </c>
      <c r="FO21" s="100">
        <v>0</v>
      </c>
      <c r="FP21" s="104">
        <v>126320</v>
      </c>
      <c r="FQ21" s="104">
        <v>572776</v>
      </c>
      <c r="FR21" s="104">
        <v>291336</v>
      </c>
      <c r="FS21" s="104">
        <v>533976</v>
      </c>
      <c r="FT21" s="104">
        <v>103600</v>
      </c>
      <c r="FU21" s="103">
        <v>1628008</v>
      </c>
      <c r="FV21" s="106">
        <v>1826428</v>
      </c>
      <c r="FW21" s="105">
        <v>42552</v>
      </c>
      <c r="FX21" s="104">
        <v>64560</v>
      </c>
      <c r="FY21" s="102">
        <v>107112</v>
      </c>
      <c r="FZ21" s="101">
        <v>0</v>
      </c>
      <c r="GA21" s="104">
        <v>126320</v>
      </c>
      <c r="GB21" s="104">
        <v>460024</v>
      </c>
      <c r="GC21" s="104">
        <v>264936</v>
      </c>
      <c r="GD21" s="104">
        <v>417176</v>
      </c>
      <c r="GE21" s="104">
        <v>103600</v>
      </c>
      <c r="GF21" s="103">
        <v>1372056</v>
      </c>
      <c r="GG21" s="296">
        <v>1479168</v>
      </c>
      <c r="GH21" s="105">
        <v>0</v>
      </c>
      <c r="GI21" s="104">
        <v>0</v>
      </c>
      <c r="GJ21" s="102">
        <v>0</v>
      </c>
      <c r="GK21" s="101">
        <v>0</v>
      </c>
      <c r="GL21" s="104">
        <v>0</v>
      </c>
      <c r="GM21" s="104">
        <v>25552</v>
      </c>
      <c r="GN21" s="104">
        <v>26400</v>
      </c>
      <c r="GO21" s="104">
        <v>26400</v>
      </c>
      <c r="GP21" s="104">
        <v>0</v>
      </c>
      <c r="GQ21" s="103">
        <v>78352</v>
      </c>
      <c r="GR21" s="106">
        <v>78352</v>
      </c>
      <c r="GS21" s="100">
        <v>91308</v>
      </c>
      <c r="GT21" s="104">
        <v>0</v>
      </c>
      <c r="GU21" s="103">
        <v>91308</v>
      </c>
      <c r="GV21" s="100">
        <v>0</v>
      </c>
      <c r="GW21" s="104">
        <v>0</v>
      </c>
      <c r="GX21" s="104">
        <v>87200</v>
      </c>
      <c r="GY21" s="104">
        <v>0</v>
      </c>
      <c r="GZ21" s="104">
        <v>90400</v>
      </c>
      <c r="HA21" s="104">
        <v>0</v>
      </c>
      <c r="HB21" s="102">
        <v>177600</v>
      </c>
      <c r="HC21" s="106">
        <v>268908</v>
      </c>
      <c r="HD21" s="100">
        <v>166098</v>
      </c>
      <c r="HE21" s="104">
        <v>92889</v>
      </c>
      <c r="HF21" s="102">
        <v>258987</v>
      </c>
      <c r="HG21" s="101">
        <v>0</v>
      </c>
      <c r="HH21" s="104">
        <v>1203324</v>
      </c>
      <c r="HI21" s="104">
        <v>1753236</v>
      </c>
      <c r="HJ21" s="104">
        <v>1534925</v>
      </c>
      <c r="HK21" s="104">
        <v>2945606</v>
      </c>
      <c r="HL21" s="104">
        <v>901776</v>
      </c>
      <c r="HM21" s="103">
        <v>8338867</v>
      </c>
      <c r="HN21" s="99">
        <v>8597854</v>
      </c>
      <c r="HO21" s="306">
        <v>0</v>
      </c>
      <c r="HP21" s="307">
        <v>0</v>
      </c>
      <c r="HQ21" s="308">
        <v>0</v>
      </c>
      <c r="HR21" s="309">
        <v>0</v>
      </c>
      <c r="HS21" s="307">
        <v>0</v>
      </c>
      <c r="HT21" s="307">
        <v>0</v>
      </c>
      <c r="HU21" s="307">
        <v>0</v>
      </c>
      <c r="HV21" s="307">
        <v>0</v>
      </c>
      <c r="HW21" s="307">
        <v>0</v>
      </c>
      <c r="HX21" s="310">
        <v>0</v>
      </c>
      <c r="HY21" s="311">
        <v>0</v>
      </c>
      <c r="HZ21" s="118">
        <v>0</v>
      </c>
      <c r="IA21" s="119">
        <v>0</v>
      </c>
      <c r="IB21" s="120">
        <v>0</v>
      </c>
      <c r="IC21" s="133">
        <v>0</v>
      </c>
      <c r="ID21" s="119">
        <v>416523</v>
      </c>
      <c r="IE21" s="134">
        <v>985931</v>
      </c>
      <c r="IF21" s="120">
        <v>1728455</v>
      </c>
      <c r="IG21" s="119">
        <v>768594</v>
      </c>
      <c r="IH21" s="120">
        <v>717025</v>
      </c>
      <c r="II21" s="135">
        <v>4616528</v>
      </c>
      <c r="IJ21" s="126">
        <v>4616528</v>
      </c>
      <c r="IK21" s="219">
        <v>0</v>
      </c>
      <c r="IL21" s="223">
        <v>0</v>
      </c>
      <c r="IM21" s="224">
        <v>0</v>
      </c>
      <c r="IN21" s="127">
        <v>0</v>
      </c>
      <c r="IO21" s="109">
        <v>0</v>
      </c>
      <c r="IP21" s="109">
        <v>0</v>
      </c>
      <c r="IQ21" s="109">
        <v>0</v>
      </c>
      <c r="IR21" s="109">
        <v>0</v>
      </c>
      <c r="IS21" s="109">
        <v>0</v>
      </c>
      <c r="IT21" s="128">
        <v>0</v>
      </c>
      <c r="IU21" s="298">
        <v>0</v>
      </c>
      <c r="IV21" s="129">
        <v>0</v>
      </c>
      <c r="IW21" s="109">
        <v>0</v>
      </c>
      <c r="IX21" s="110">
        <v>0</v>
      </c>
      <c r="IY21" s="131">
        <v>0</v>
      </c>
      <c r="IZ21" s="109">
        <v>0</v>
      </c>
      <c r="JA21" s="109">
        <v>0</v>
      </c>
      <c r="JB21" s="109">
        <v>16396</v>
      </c>
      <c r="JC21" s="109">
        <v>0</v>
      </c>
      <c r="JD21" s="109">
        <v>0</v>
      </c>
      <c r="JE21" s="110">
        <v>16396</v>
      </c>
      <c r="JF21" s="111">
        <v>16396</v>
      </c>
      <c r="JG21" s="129">
        <v>0</v>
      </c>
      <c r="JH21" s="109">
        <v>0</v>
      </c>
      <c r="JI21" s="128">
        <v>0</v>
      </c>
      <c r="JJ21" s="108">
        <v>0</v>
      </c>
      <c r="JK21" s="109">
        <v>416523</v>
      </c>
      <c r="JL21" s="109">
        <v>355188</v>
      </c>
      <c r="JM21" s="109">
        <v>505410</v>
      </c>
      <c r="JN21" s="109">
        <v>74961</v>
      </c>
      <c r="JO21" s="109">
        <v>0</v>
      </c>
      <c r="JP21" s="110">
        <v>1352082</v>
      </c>
      <c r="JQ21" s="298">
        <v>1352082</v>
      </c>
      <c r="JR21" s="129">
        <v>0</v>
      </c>
      <c r="JS21" s="109">
        <v>0</v>
      </c>
      <c r="JT21" s="128">
        <v>0</v>
      </c>
      <c r="JU21" s="108">
        <v>0</v>
      </c>
      <c r="JV21" s="109">
        <v>0</v>
      </c>
      <c r="JW21" s="109">
        <v>0</v>
      </c>
      <c r="JX21" s="109">
        <v>82011</v>
      </c>
      <c r="JY21" s="109">
        <v>0</v>
      </c>
      <c r="JZ21" s="109">
        <v>0</v>
      </c>
      <c r="KA21" s="110">
        <v>82011</v>
      </c>
      <c r="KB21" s="298">
        <v>82011</v>
      </c>
      <c r="KC21" s="221">
        <v>0</v>
      </c>
      <c r="KD21" s="217">
        <v>0</v>
      </c>
      <c r="KE21" s="110">
        <v>0</v>
      </c>
      <c r="KF21" s="108">
        <v>0</v>
      </c>
      <c r="KG21" s="109">
        <v>0</v>
      </c>
      <c r="KH21" s="109">
        <v>0</v>
      </c>
      <c r="KI21" s="109">
        <v>638359</v>
      </c>
      <c r="KJ21" s="109">
        <v>251745</v>
      </c>
      <c r="KK21" s="109">
        <v>0</v>
      </c>
      <c r="KL21" s="110">
        <v>890104</v>
      </c>
      <c r="KM21" s="130">
        <v>890104</v>
      </c>
      <c r="KN21" s="219">
        <v>0</v>
      </c>
      <c r="KO21" s="223">
        <v>0</v>
      </c>
      <c r="KP21" s="224">
        <v>0</v>
      </c>
      <c r="KQ21" s="127">
        <v>0</v>
      </c>
      <c r="KR21" s="109">
        <v>0</v>
      </c>
      <c r="KS21" s="109">
        <v>461985</v>
      </c>
      <c r="KT21" s="109">
        <v>486279</v>
      </c>
      <c r="KU21" s="109">
        <v>441888</v>
      </c>
      <c r="KV21" s="109">
        <v>717025</v>
      </c>
      <c r="KW21" s="110">
        <v>2107177</v>
      </c>
      <c r="KX21" s="298">
        <v>2107177</v>
      </c>
      <c r="KY21" s="129">
        <v>0</v>
      </c>
      <c r="KZ21" s="109">
        <v>0</v>
      </c>
      <c r="LA21" s="110">
        <v>0</v>
      </c>
      <c r="LB21" s="132">
        <v>0</v>
      </c>
      <c r="LC21" s="109">
        <v>0</v>
      </c>
      <c r="LD21" s="109">
        <v>0</v>
      </c>
      <c r="LE21" s="109">
        <v>0</v>
      </c>
      <c r="LF21" s="109">
        <v>0</v>
      </c>
      <c r="LG21" s="109">
        <v>0</v>
      </c>
      <c r="LH21" s="110">
        <v>0</v>
      </c>
      <c r="LI21" s="111">
        <v>0</v>
      </c>
      <c r="LJ21" s="129">
        <v>0</v>
      </c>
      <c r="LK21" s="109">
        <v>0</v>
      </c>
      <c r="LL21" s="110">
        <v>0</v>
      </c>
      <c r="LM21" s="132">
        <v>0</v>
      </c>
      <c r="LN21" s="109">
        <v>0</v>
      </c>
      <c r="LO21" s="109">
        <v>0</v>
      </c>
      <c r="LP21" s="109">
        <v>0</v>
      </c>
      <c r="LQ21" s="109">
        <v>0</v>
      </c>
      <c r="LR21" s="109">
        <v>0</v>
      </c>
      <c r="LS21" s="110">
        <v>0</v>
      </c>
      <c r="LT21" s="298">
        <v>0</v>
      </c>
      <c r="LU21" s="129">
        <v>0</v>
      </c>
      <c r="LV21" s="109">
        <v>0</v>
      </c>
      <c r="LW21" s="110">
        <v>0</v>
      </c>
      <c r="LX21" s="132">
        <v>0</v>
      </c>
      <c r="LY21" s="109">
        <v>0</v>
      </c>
      <c r="LZ21" s="109">
        <v>168758</v>
      </c>
      <c r="MA21" s="109">
        <v>0</v>
      </c>
      <c r="MB21" s="109">
        <v>0</v>
      </c>
      <c r="MC21" s="109">
        <v>0</v>
      </c>
      <c r="MD21" s="110">
        <v>168758</v>
      </c>
      <c r="ME21" s="111">
        <v>168758</v>
      </c>
      <c r="MF21" s="129">
        <v>0</v>
      </c>
      <c r="MG21" s="109">
        <v>0</v>
      </c>
      <c r="MH21" s="110">
        <v>0</v>
      </c>
      <c r="MI21" s="132">
        <v>0</v>
      </c>
      <c r="MJ21" s="109">
        <v>0</v>
      </c>
      <c r="MK21" s="109">
        <v>900580</v>
      </c>
      <c r="ML21" s="109">
        <v>2698309</v>
      </c>
      <c r="MM21" s="109">
        <v>5304037</v>
      </c>
      <c r="MN21" s="109">
        <v>2405714</v>
      </c>
      <c r="MO21" s="110">
        <v>11308640</v>
      </c>
      <c r="MP21" s="130">
        <v>11308640</v>
      </c>
      <c r="MQ21" s="129">
        <v>0</v>
      </c>
      <c r="MR21" s="109">
        <v>0</v>
      </c>
      <c r="MS21" s="110">
        <v>0</v>
      </c>
      <c r="MT21" s="132">
        <v>0</v>
      </c>
      <c r="MU21" s="109">
        <v>0</v>
      </c>
      <c r="MV21" s="109">
        <v>205194</v>
      </c>
      <c r="MW21" s="109">
        <v>1399200</v>
      </c>
      <c r="MX21" s="109">
        <v>3161619</v>
      </c>
      <c r="MY21" s="109">
        <v>1091943</v>
      </c>
      <c r="MZ21" s="110">
        <v>5857956</v>
      </c>
      <c r="NA21" s="130">
        <v>5857956</v>
      </c>
      <c r="NB21" s="129">
        <v>0</v>
      </c>
      <c r="NC21" s="109">
        <v>0</v>
      </c>
      <c r="ND21" s="110">
        <v>0</v>
      </c>
      <c r="NE21" s="132">
        <v>0</v>
      </c>
      <c r="NF21" s="109">
        <v>0</v>
      </c>
      <c r="NG21" s="109">
        <v>695386</v>
      </c>
      <c r="NH21" s="109">
        <v>1299109</v>
      </c>
      <c r="NI21" s="109">
        <v>2142418</v>
      </c>
      <c r="NJ21" s="109">
        <v>556868</v>
      </c>
      <c r="NK21" s="110">
        <v>4693781</v>
      </c>
      <c r="NL21" s="298">
        <v>4693781</v>
      </c>
      <c r="NM21" s="129">
        <v>0</v>
      </c>
      <c r="NN21" s="109">
        <v>0</v>
      </c>
      <c r="NO21" s="110">
        <v>0</v>
      </c>
      <c r="NP21" s="132">
        <v>0</v>
      </c>
      <c r="NQ21" s="109">
        <v>0</v>
      </c>
      <c r="NR21" s="109">
        <v>0</v>
      </c>
      <c r="NS21" s="109">
        <v>0</v>
      </c>
      <c r="NT21" s="109">
        <v>0</v>
      </c>
      <c r="NU21" s="109">
        <v>0</v>
      </c>
      <c r="NV21" s="110">
        <v>0</v>
      </c>
      <c r="NW21" s="111">
        <v>0</v>
      </c>
      <c r="NX21" s="129">
        <v>0</v>
      </c>
      <c r="NY21" s="109">
        <v>0</v>
      </c>
      <c r="NZ21" s="110">
        <v>0</v>
      </c>
      <c r="OA21" s="132">
        <v>0</v>
      </c>
      <c r="OB21" s="109">
        <v>0</v>
      </c>
      <c r="OC21" s="109">
        <v>0</v>
      </c>
      <c r="OD21" s="109">
        <v>0</v>
      </c>
      <c r="OE21" s="109">
        <v>0</v>
      </c>
      <c r="OF21" s="109">
        <v>756903</v>
      </c>
      <c r="OG21" s="110">
        <v>756903</v>
      </c>
      <c r="OH21" s="111">
        <v>756903</v>
      </c>
      <c r="OI21" s="129">
        <v>474770</v>
      </c>
      <c r="OJ21" s="109">
        <v>508398</v>
      </c>
      <c r="OK21" s="128">
        <v>983168</v>
      </c>
      <c r="OL21" s="108">
        <v>0</v>
      </c>
      <c r="OM21" s="109">
        <v>4901667</v>
      </c>
      <c r="ON21" s="109">
        <v>8337965</v>
      </c>
      <c r="OO21" s="109">
        <v>8151212</v>
      </c>
      <c r="OP21" s="109">
        <v>12578586</v>
      </c>
      <c r="OQ21" s="109">
        <v>4984087</v>
      </c>
      <c r="OR21" s="110">
        <v>38953517</v>
      </c>
      <c r="OS21" s="130">
        <v>39936685</v>
      </c>
    </row>
    <row r="22" spans="2:409" ht="21" customHeight="1" x14ac:dyDescent="0.2">
      <c r="B22" s="472" t="s">
        <v>17</v>
      </c>
      <c r="C22" s="100">
        <v>656814</v>
      </c>
      <c r="D22" s="104">
        <v>585593</v>
      </c>
      <c r="E22" s="103">
        <v>1242407</v>
      </c>
      <c r="F22" s="99">
        <v>0</v>
      </c>
      <c r="G22" s="104">
        <v>3241549</v>
      </c>
      <c r="H22" s="104">
        <v>6333873</v>
      </c>
      <c r="I22" s="104">
        <v>6041376</v>
      </c>
      <c r="J22" s="104">
        <v>4200724</v>
      </c>
      <c r="K22" s="104">
        <v>3475343</v>
      </c>
      <c r="L22" s="99">
        <v>23292865</v>
      </c>
      <c r="M22" s="106">
        <v>24535272</v>
      </c>
      <c r="N22" s="100">
        <v>77836</v>
      </c>
      <c r="O22" s="104">
        <v>230093</v>
      </c>
      <c r="P22" s="103">
        <v>307929</v>
      </c>
      <c r="Q22" s="100">
        <v>0</v>
      </c>
      <c r="R22" s="104">
        <v>580165</v>
      </c>
      <c r="S22" s="104">
        <v>1396752</v>
      </c>
      <c r="T22" s="104">
        <v>2445291</v>
      </c>
      <c r="U22" s="104">
        <v>686727</v>
      </c>
      <c r="V22" s="104">
        <v>2123001</v>
      </c>
      <c r="W22" s="103">
        <v>7231936</v>
      </c>
      <c r="X22" s="106">
        <v>7539865</v>
      </c>
      <c r="Y22" s="100">
        <v>0</v>
      </c>
      <c r="Z22" s="104">
        <v>0</v>
      </c>
      <c r="AA22" s="103">
        <v>0</v>
      </c>
      <c r="AB22" s="100">
        <v>0</v>
      </c>
      <c r="AC22" s="104">
        <v>209366</v>
      </c>
      <c r="AD22" s="104">
        <v>636351</v>
      </c>
      <c r="AE22" s="104">
        <v>1590083</v>
      </c>
      <c r="AF22" s="104">
        <v>278691</v>
      </c>
      <c r="AG22" s="104">
        <v>1228626</v>
      </c>
      <c r="AH22" s="103">
        <v>3943117</v>
      </c>
      <c r="AI22" s="106">
        <v>3943117</v>
      </c>
      <c r="AJ22" s="100">
        <v>0</v>
      </c>
      <c r="AK22" s="104">
        <v>0</v>
      </c>
      <c r="AL22" s="103">
        <v>0</v>
      </c>
      <c r="AM22" s="100">
        <v>0</v>
      </c>
      <c r="AN22" s="104">
        <v>0</v>
      </c>
      <c r="AO22" s="104">
        <v>13727</v>
      </c>
      <c r="AP22" s="104">
        <v>0</v>
      </c>
      <c r="AQ22" s="104">
        <v>48580</v>
      </c>
      <c r="AR22" s="104">
        <v>189401</v>
      </c>
      <c r="AS22" s="103">
        <v>251708</v>
      </c>
      <c r="AT22" s="106">
        <v>251708</v>
      </c>
      <c r="AU22" s="100">
        <v>19772</v>
      </c>
      <c r="AV22" s="104">
        <v>94679</v>
      </c>
      <c r="AW22" s="103">
        <v>114451</v>
      </c>
      <c r="AX22" s="100">
        <v>0</v>
      </c>
      <c r="AY22" s="104">
        <v>259135</v>
      </c>
      <c r="AZ22" s="104">
        <v>350920</v>
      </c>
      <c r="BA22" s="104">
        <v>532331</v>
      </c>
      <c r="BB22" s="104">
        <v>159784</v>
      </c>
      <c r="BC22" s="104">
        <v>511534</v>
      </c>
      <c r="BD22" s="103">
        <v>1813704</v>
      </c>
      <c r="BE22" s="106">
        <v>1928155</v>
      </c>
      <c r="BF22" s="100">
        <v>0</v>
      </c>
      <c r="BG22" s="104">
        <v>102334</v>
      </c>
      <c r="BH22" s="102">
        <v>102334</v>
      </c>
      <c r="BI22" s="101">
        <v>0</v>
      </c>
      <c r="BJ22" s="104">
        <v>0</v>
      </c>
      <c r="BK22" s="104">
        <v>61306</v>
      </c>
      <c r="BL22" s="104">
        <v>74525</v>
      </c>
      <c r="BM22" s="104">
        <v>27400</v>
      </c>
      <c r="BN22" s="104">
        <v>0</v>
      </c>
      <c r="BO22" s="103">
        <v>163231</v>
      </c>
      <c r="BP22" s="106">
        <v>265565</v>
      </c>
      <c r="BQ22" s="100">
        <v>58064</v>
      </c>
      <c r="BR22" s="104">
        <v>33080</v>
      </c>
      <c r="BS22" s="103">
        <v>91144</v>
      </c>
      <c r="BT22" s="100">
        <v>0</v>
      </c>
      <c r="BU22" s="104">
        <v>111664</v>
      </c>
      <c r="BV22" s="104">
        <v>334448</v>
      </c>
      <c r="BW22" s="104">
        <v>248352</v>
      </c>
      <c r="BX22" s="104">
        <v>172272</v>
      </c>
      <c r="BY22" s="104">
        <v>193440</v>
      </c>
      <c r="BZ22" s="103">
        <v>1060176</v>
      </c>
      <c r="CA22" s="106">
        <v>1151320</v>
      </c>
      <c r="CB22" s="100">
        <v>89388</v>
      </c>
      <c r="CC22" s="104">
        <v>149408</v>
      </c>
      <c r="CD22" s="103">
        <v>238796</v>
      </c>
      <c r="CE22" s="100">
        <v>0</v>
      </c>
      <c r="CF22" s="104">
        <v>1113707</v>
      </c>
      <c r="CG22" s="104">
        <v>2726613</v>
      </c>
      <c r="CH22" s="104">
        <v>1113272</v>
      </c>
      <c r="CI22" s="104">
        <v>878812</v>
      </c>
      <c r="CJ22" s="104">
        <v>386197</v>
      </c>
      <c r="CK22" s="103">
        <v>6218601</v>
      </c>
      <c r="CL22" s="106">
        <v>6457397</v>
      </c>
      <c r="CM22" s="100">
        <v>0</v>
      </c>
      <c r="CN22" s="104">
        <v>0</v>
      </c>
      <c r="CO22" s="103">
        <v>0</v>
      </c>
      <c r="CP22" s="101">
        <v>0</v>
      </c>
      <c r="CQ22" s="104">
        <v>1113707</v>
      </c>
      <c r="CR22" s="104">
        <v>1881640</v>
      </c>
      <c r="CS22" s="104">
        <v>778450</v>
      </c>
      <c r="CT22" s="104">
        <v>787101</v>
      </c>
      <c r="CU22" s="104">
        <v>254066</v>
      </c>
      <c r="CV22" s="103">
        <v>4814964</v>
      </c>
      <c r="CW22" s="106">
        <v>4814964</v>
      </c>
      <c r="CX22" s="100">
        <v>89388</v>
      </c>
      <c r="CY22" s="104">
        <v>149408</v>
      </c>
      <c r="CZ22" s="103">
        <v>238796</v>
      </c>
      <c r="DA22" s="100">
        <v>0</v>
      </c>
      <c r="DB22" s="104">
        <v>0</v>
      </c>
      <c r="DC22" s="104">
        <v>844973</v>
      </c>
      <c r="DD22" s="104">
        <v>334822</v>
      </c>
      <c r="DE22" s="104">
        <v>91711</v>
      </c>
      <c r="DF22" s="104">
        <v>132131</v>
      </c>
      <c r="DG22" s="103">
        <v>1403637</v>
      </c>
      <c r="DH22" s="106">
        <v>1642433</v>
      </c>
      <c r="DI22" s="100">
        <v>0</v>
      </c>
      <c r="DJ22" s="104">
        <v>0</v>
      </c>
      <c r="DK22" s="102">
        <v>0</v>
      </c>
      <c r="DL22" s="101">
        <v>0</v>
      </c>
      <c r="DM22" s="104">
        <v>86473</v>
      </c>
      <c r="DN22" s="104">
        <v>423513</v>
      </c>
      <c r="DO22" s="104">
        <v>278136</v>
      </c>
      <c r="DP22" s="104">
        <v>995452</v>
      </c>
      <c r="DQ22" s="104">
        <v>211161</v>
      </c>
      <c r="DR22" s="103">
        <v>1994735</v>
      </c>
      <c r="DS22" s="106">
        <v>1994735</v>
      </c>
      <c r="DT22" s="100">
        <v>0</v>
      </c>
      <c r="DU22" s="104">
        <v>0</v>
      </c>
      <c r="DV22" s="103">
        <v>0</v>
      </c>
      <c r="DW22" s="100">
        <v>0</v>
      </c>
      <c r="DX22" s="104">
        <v>86473</v>
      </c>
      <c r="DY22" s="104">
        <v>340399</v>
      </c>
      <c r="DZ22" s="104">
        <v>198564</v>
      </c>
      <c r="EA22" s="104">
        <v>995452</v>
      </c>
      <c r="EB22" s="104">
        <v>211161</v>
      </c>
      <c r="EC22" s="103">
        <v>1832049</v>
      </c>
      <c r="ED22" s="106">
        <v>1832049</v>
      </c>
      <c r="EE22" s="100">
        <v>0</v>
      </c>
      <c r="EF22" s="102">
        <v>0</v>
      </c>
      <c r="EG22" s="103">
        <v>0</v>
      </c>
      <c r="EH22" s="100">
        <v>0</v>
      </c>
      <c r="EI22" s="104">
        <v>0</v>
      </c>
      <c r="EJ22" s="104">
        <v>83114</v>
      </c>
      <c r="EK22" s="104">
        <v>79572</v>
      </c>
      <c r="EL22" s="104">
        <v>0</v>
      </c>
      <c r="EM22" s="104">
        <v>0</v>
      </c>
      <c r="EN22" s="102">
        <v>162686</v>
      </c>
      <c r="EO22" s="106">
        <v>162686</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v>0</v>
      </c>
      <c r="FE22" s="104">
        <v>0</v>
      </c>
      <c r="FF22" s="104">
        <v>0</v>
      </c>
      <c r="FG22" s="104">
        <v>0</v>
      </c>
      <c r="FH22" s="104">
        <v>0</v>
      </c>
      <c r="FI22" s="104">
        <v>0</v>
      </c>
      <c r="FJ22" s="103">
        <v>0</v>
      </c>
      <c r="FK22" s="106">
        <v>0</v>
      </c>
      <c r="FL22" s="100">
        <v>212622</v>
      </c>
      <c r="FM22" s="104">
        <v>110760</v>
      </c>
      <c r="FN22" s="103">
        <v>323382</v>
      </c>
      <c r="FO22" s="100">
        <v>0</v>
      </c>
      <c r="FP22" s="104">
        <v>510720</v>
      </c>
      <c r="FQ22" s="104">
        <v>755960</v>
      </c>
      <c r="FR22" s="104">
        <v>847824</v>
      </c>
      <c r="FS22" s="104">
        <v>482040</v>
      </c>
      <c r="FT22" s="104">
        <v>330160</v>
      </c>
      <c r="FU22" s="103">
        <v>2926704</v>
      </c>
      <c r="FV22" s="106">
        <v>3250086</v>
      </c>
      <c r="FW22" s="105">
        <v>47184</v>
      </c>
      <c r="FX22" s="104">
        <v>110760</v>
      </c>
      <c r="FY22" s="102">
        <v>157944</v>
      </c>
      <c r="FZ22" s="101">
        <v>0</v>
      </c>
      <c r="GA22" s="104">
        <v>169088</v>
      </c>
      <c r="GB22" s="104">
        <v>733080</v>
      </c>
      <c r="GC22" s="104">
        <v>742224</v>
      </c>
      <c r="GD22" s="104">
        <v>322040</v>
      </c>
      <c r="GE22" s="104">
        <v>330160</v>
      </c>
      <c r="GF22" s="103">
        <v>2296592</v>
      </c>
      <c r="GG22" s="296">
        <v>2454536</v>
      </c>
      <c r="GH22" s="105">
        <v>0</v>
      </c>
      <c r="GI22" s="104">
        <v>0</v>
      </c>
      <c r="GJ22" s="102">
        <v>0</v>
      </c>
      <c r="GK22" s="101">
        <v>0</v>
      </c>
      <c r="GL22" s="104">
        <v>23232</v>
      </c>
      <c r="GM22" s="104">
        <v>22880</v>
      </c>
      <c r="GN22" s="104">
        <v>0</v>
      </c>
      <c r="GO22" s="104">
        <v>0</v>
      </c>
      <c r="GP22" s="104">
        <v>0</v>
      </c>
      <c r="GQ22" s="103">
        <v>46112</v>
      </c>
      <c r="GR22" s="106">
        <v>46112</v>
      </c>
      <c r="GS22" s="100">
        <v>165438</v>
      </c>
      <c r="GT22" s="104">
        <v>0</v>
      </c>
      <c r="GU22" s="103">
        <v>165438</v>
      </c>
      <c r="GV22" s="100">
        <v>0</v>
      </c>
      <c r="GW22" s="104">
        <v>318400</v>
      </c>
      <c r="GX22" s="104">
        <v>0</v>
      </c>
      <c r="GY22" s="104">
        <v>105600</v>
      </c>
      <c r="GZ22" s="104">
        <v>160000</v>
      </c>
      <c r="HA22" s="104">
        <v>0</v>
      </c>
      <c r="HB22" s="102">
        <v>584000</v>
      </c>
      <c r="HC22" s="106">
        <v>749438</v>
      </c>
      <c r="HD22" s="100">
        <v>276968</v>
      </c>
      <c r="HE22" s="104">
        <v>95332</v>
      </c>
      <c r="HF22" s="102">
        <v>372300</v>
      </c>
      <c r="HG22" s="101">
        <v>0</v>
      </c>
      <c r="HH22" s="104">
        <v>950484</v>
      </c>
      <c r="HI22" s="104">
        <v>1031035</v>
      </c>
      <c r="HJ22" s="104">
        <v>1356853</v>
      </c>
      <c r="HK22" s="104">
        <v>1157693</v>
      </c>
      <c r="HL22" s="104">
        <v>424824</v>
      </c>
      <c r="HM22" s="103">
        <v>4920889</v>
      </c>
      <c r="HN22" s="99">
        <v>5293189</v>
      </c>
      <c r="HO22" s="306">
        <v>0</v>
      </c>
      <c r="HP22" s="307">
        <v>0</v>
      </c>
      <c r="HQ22" s="308">
        <v>0</v>
      </c>
      <c r="HR22" s="309">
        <v>0</v>
      </c>
      <c r="HS22" s="307">
        <v>0</v>
      </c>
      <c r="HT22" s="307">
        <v>0</v>
      </c>
      <c r="HU22" s="307">
        <v>0</v>
      </c>
      <c r="HV22" s="307">
        <v>0</v>
      </c>
      <c r="HW22" s="307">
        <v>0</v>
      </c>
      <c r="HX22" s="310">
        <v>0</v>
      </c>
      <c r="HY22" s="311">
        <v>0</v>
      </c>
      <c r="HZ22" s="137">
        <v>0</v>
      </c>
      <c r="IA22" s="122">
        <v>0</v>
      </c>
      <c r="IB22" s="137">
        <v>0</v>
      </c>
      <c r="IC22" s="121">
        <v>0</v>
      </c>
      <c r="ID22" s="122">
        <v>2089893</v>
      </c>
      <c r="IE22" s="123">
        <v>2250939</v>
      </c>
      <c r="IF22" s="124">
        <v>3373286</v>
      </c>
      <c r="IG22" s="122">
        <v>1498517</v>
      </c>
      <c r="IH22" s="124">
        <v>1492987</v>
      </c>
      <c r="II22" s="125">
        <v>10705622</v>
      </c>
      <c r="IJ22" s="137">
        <v>10705622</v>
      </c>
      <c r="IK22" s="219">
        <v>0</v>
      </c>
      <c r="IL22" s="223">
        <v>0</v>
      </c>
      <c r="IM22" s="224">
        <v>0</v>
      </c>
      <c r="IN22" s="127">
        <v>0</v>
      </c>
      <c r="IO22" s="109">
        <v>0</v>
      </c>
      <c r="IP22" s="109">
        <v>0</v>
      </c>
      <c r="IQ22" s="109">
        <v>0</v>
      </c>
      <c r="IR22" s="109">
        <v>0</v>
      </c>
      <c r="IS22" s="109">
        <v>239936</v>
      </c>
      <c r="IT22" s="128">
        <v>239936</v>
      </c>
      <c r="IU22" s="298">
        <v>239936</v>
      </c>
      <c r="IV22" s="129">
        <v>0</v>
      </c>
      <c r="IW22" s="109">
        <v>0</v>
      </c>
      <c r="IX22" s="110">
        <v>0</v>
      </c>
      <c r="IY22" s="131">
        <v>0</v>
      </c>
      <c r="IZ22" s="109">
        <v>0</v>
      </c>
      <c r="JA22" s="109">
        <v>0</v>
      </c>
      <c r="JB22" s="109">
        <v>0</v>
      </c>
      <c r="JC22" s="109">
        <v>0</v>
      </c>
      <c r="JD22" s="109">
        <v>0</v>
      </c>
      <c r="JE22" s="110">
        <v>0</v>
      </c>
      <c r="JF22" s="111">
        <v>0</v>
      </c>
      <c r="JG22" s="129">
        <v>0</v>
      </c>
      <c r="JH22" s="109">
        <v>0</v>
      </c>
      <c r="JI22" s="128">
        <v>0</v>
      </c>
      <c r="JJ22" s="108">
        <v>0</v>
      </c>
      <c r="JK22" s="109">
        <v>764567</v>
      </c>
      <c r="JL22" s="109">
        <v>792610</v>
      </c>
      <c r="JM22" s="109">
        <v>872315</v>
      </c>
      <c r="JN22" s="109">
        <v>162004</v>
      </c>
      <c r="JO22" s="109">
        <v>380130</v>
      </c>
      <c r="JP22" s="110">
        <v>2971626</v>
      </c>
      <c r="JQ22" s="298">
        <v>2971626</v>
      </c>
      <c r="JR22" s="129">
        <v>0</v>
      </c>
      <c r="JS22" s="109">
        <v>0</v>
      </c>
      <c r="JT22" s="128">
        <v>0</v>
      </c>
      <c r="JU22" s="108">
        <v>0</v>
      </c>
      <c r="JV22" s="109">
        <v>249927</v>
      </c>
      <c r="JW22" s="109">
        <v>66782</v>
      </c>
      <c r="JX22" s="109">
        <v>97841</v>
      </c>
      <c r="JY22" s="109">
        <v>0</v>
      </c>
      <c r="JZ22" s="109">
        <v>0</v>
      </c>
      <c r="KA22" s="110">
        <v>414550</v>
      </c>
      <c r="KB22" s="298">
        <v>414550</v>
      </c>
      <c r="KC22" s="221">
        <v>0</v>
      </c>
      <c r="KD22" s="217">
        <v>0</v>
      </c>
      <c r="KE22" s="110">
        <v>0</v>
      </c>
      <c r="KF22" s="108">
        <v>0</v>
      </c>
      <c r="KG22" s="109">
        <v>380875</v>
      </c>
      <c r="KH22" s="109">
        <v>170892</v>
      </c>
      <c r="KI22" s="109">
        <v>737738</v>
      </c>
      <c r="KJ22" s="109">
        <v>780864</v>
      </c>
      <c r="KK22" s="109">
        <v>0</v>
      </c>
      <c r="KL22" s="110">
        <v>2070369</v>
      </c>
      <c r="KM22" s="130">
        <v>2070369</v>
      </c>
      <c r="KN22" s="219">
        <v>0</v>
      </c>
      <c r="KO22" s="223">
        <v>0</v>
      </c>
      <c r="KP22" s="224">
        <v>0</v>
      </c>
      <c r="KQ22" s="127">
        <v>0</v>
      </c>
      <c r="KR22" s="109">
        <v>694524</v>
      </c>
      <c r="KS22" s="109">
        <v>1220655</v>
      </c>
      <c r="KT22" s="109">
        <v>1131462</v>
      </c>
      <c r="KU22" s="109">
        <v>256096</v>
      </c>
      <c r="KV22" s="109">
        <v>526889</v>
      </c>
      <c r="KW22" s="110">
        <v>3829626</v>
      </c>
      <c r="KX22" s="298">
        <v>3829626</v>
      </c>
      <c r="KY22" s="129">
        <v>0</v>
      </c>
      <c r="KZ22" s="109">
        <v>0</v>
      </c>
      <c r="LA22" s="110">
        <v>0</v>
      </c>
      <c r="LB22" s="132">
        <v>0</v>
      </c>
      <c r="LC22" s="109">
        <v>0</v>
      </c>
      <c r="LD22" s="109">
        <v>0</v>
      </c>
      <c r="LE22" s="109">
        <v>0</v>
      </c>
      <c r="LF22" s="109">
        <v>0</v>
      </c>
      <c r="LG22" s="109">
        <v>0</v>
      </c>
      <c r="LH22" s="110">
        <v>0</v>
      </c>
      <c r="LI22" s="111">
        <v>0</v>
      </c>
      <c r="LJ22" s="129">
        <v>0</v>
      </c>
      <c r="LK22" s="109">
        <v>0</v>
      </c>
      <c r="LL22" s="110">
        <v>0</v>
      </c>
      <c r="LM22" s="132">
        <v>0</v>
      </c>
      <c r="LN22" s="109">
        <v>0</v>
      </c>
      <c r="LO22" s="109">
        <v>0</v>
      </c>
      <c r="LP22" s="109">
        <v>238026</v>
      </c>
      <c r="LQ22" s="109">
        <v>299553</v>
      </c>
      <c r="LR22" s="109">
        <v>0</v>
      </c>
      <c r="LS22" s="110">
        <v>537579</v>
      </c>
      <c r="LT22" s="298">
        <v>537579</v>
      </c>
      <c r="LU22" s="129">
        <v>0</v>
      </c>
      <c r="LV22" s="109">
        <v>0</v>
      </c>
      <c r="LW22" s="110">
        <v>0</v>
      </c>
      <c r="LX22" s="132">
        <v>0</v>
      </c>
      <c r="LY22" s="109">
        <v>0</v>
      </c>
      <c r="LZ22" s="109">
        <v>0</v>
      </c>
      <c r="MA22" s="109">
        <v>295904</v>
      </c>
      <c r="MB22" s="109">
        <v>0</v>
      </c>
      <c r="MC22" s="109">
        <v>346032</v>
      </c>
      <c r="MD22" s="110">
        <v>641936</v>
      </c>
      <c r="ME22" s="111">
        <v>641936</v>
      </c>
      <c r="MF22" s="129">
        <v>0</v>
      </c>
      <c r="MG22" s="109">
        <v>0</v>
      </c>
      <c r="MH22" s="110">
        <v>0</v>
      </c>
      <c r="MI22" s="132">
        <v>0</v>
      </c>
      <c r="MJ22" s="109">
        <v>1009636</v>
      </c>
      <c r="MK22" s="109">
        <v>539343</v>
      </c>
      <c r="ML22" s="109">
        <v>4881266</v>
      </c>
      <c r="MM22" s="109">
        <v>4464110</v>
      </c>
      <c r="MN22" s="109">
        <v>4785360</v>
      </c>
      <c r="MO22" s="110">
        <v>15679715</v>
      </c>
      <c r="MP22" s="130">
        <v>15679715</v>
      </c>
      <c r="MQ22" s="129">
        <v>0</v>
      </c>
      <c r="MR22" s="109">
        <v>0</v>
      </c>
      <c r="MS22" s="110">
        <v>0</v>
      </c>
      <c r="MT22" s="132">
        <v>0</v>
      </c>
      <c r="MU22" s="109">
        <v>0</v>
      </c>
      <c r="MV22" s="109">
        <v>0</v>
      </c>
      <c r="MW22" s="109">
        <v>1983053</v>
      </c>
      <c r="MX22" s="109">
        <v>3658461</v>
      </c>
      <c r="MY22" s="109">
        <v>2766748</v>
      </c>
      <c r="MZ22" s="110">
        <v>8408262</v>
      </c>
      <c r="NA22" s="130">
        <v>8408262</v>
      </c>
      <c r="NB22" s="129">
        <v>0</v>
      </c>
      <c r="NC22" s="109">
        <v>0</v>
      </c>
      <c r="ND22" s="110">
        <v>0</v>
      </c>
      <c r="NE22" s="132">
        <v>0</v>
      </c>
      <c r="NF22" s="109">
        <v>1009636</v>
      </c>
      <c r="NG22" s="109">
        <v>539343</v>
      </c>
      <c r="NH22" s="109">
        <v>2898213</v>
      </c>
      <c r="NI22" s="109">
        <v>805649</v>
      </c>
      <c r="NJ22" s="109">
        <v>2018612</v>
      </c>
      <c r="NK22" s="110">
        <v>7271453</v>
      </c>
      <c r="NL22" s="298">
        <v>7271453</v>
      </c>
      <c r="NM22" s="129">
        <v>0</v>
      </c>
      <c r="NN22" s="109">
        <v>0</v>
      </c>
      <c r="NO22" s="110">
        <v>0</v>
      </c>
      <c r="NP22" s="132">
        <v>0</v>
      </c>
      <c r="NQ22" s="109">
        <v>0</v>
      </c>
      <c r="NR22" s="109">
        <v>0</v>
      </c>
      <c r="NS22" s="109">
        <v>0</v>
      </c>
      <c r="NT22" s="109">
        <v>0</v>
      </c>
      <c r="NU22" s="109">
        <v>0</v>
      </c>
      <c r="NV22" s="110">
        <v>0</v>
      </c>
      <c r="NW22" s="111">
        <v>0</v>
      </c>
      <c r="NX22" s="129">
        <v>0</v>
      </c>
      <c r="NY22" s="109">
        <v>0</v>
      </c>
      <c r="NZ22" s="110">
        <v>0</v>
      </c>
      <c r="OA22" s="132">
        <v>0</v>
      </c>
      <c r="OB22" s="109">
        <v>0</v>
      </c>
      <c r="OC22" s="109">
        <v>0</v>
      </c>
      <c r="OD22" s="109">
        <v>0</v>
      </c>
      <c r="OE22" s="109">
        <v>0</v>
      </c>
      <c r="OF22" s="109">
        <v>0</v>
      </c>
      <c r="OG22" s="110">
        <v>0</v>
      </c>
      <c r="OH22" s="111">
        <v>0</v>
      </c>
      <c r="OI22" s="129">
        <v>656814</v>
      </c>
      <c r="OJ22" s="109">
        <v>585593</v>
      </c>
      <c r="OK22" s="128">
        <v>1242407</v>
      </c>
      <c r="OL22" s="108">
        <v>0</v>
      </c>
      <c r="OM22" s="109">
        <v>6341078</v>
      </c>
      <c r="ON22" s="109">
        <v>9124155</v>
      </c>
      <c r="OO22" s="109">
        <v>14295928</v>
      </c>
      <c r="OP22" s="109">
        <v>10163351</v>
      </c>
      <c r="OQ22" s="109">
        <v>9753690</v>
      </c>
      <c r="OR22" s="110">
        <v>49678202</v>
      </c>
      <c r="OS22" s="130">
        <v>50920609</v>
      </c>
    </row>
    <row r="23" spans="2:409" ht="21" customHeight="1" x14ac:dyDescent="0.2">
      <c r="B23" s="472" t="s">
        <v>18</v>
      </c>
      <c r="C23" s="100">
        <v>364760</v>
      </c>
      <c r="D23" s="104">
        <v>1116082</v>
      </c>
      <c r="E23" s="103">
        <v>1480842</v>
      </c>
      <c r="F23" s="99">
        <v>0</v>
      </c>
      <c r="G23" s="104">
        <v>6019094</v>
      </c>
      <c r="H23" s="104">
        <v>8619859</v>
      </c>
      <c r="I23" s="104">
        <v>8895676</v>
      </c>
      <c r="J23" s="104">
        <v>6452371</v>
      </c>
      <c r="K23" s="104">
        <v>2190756</v>
      </c>
      <c r="L23" s="99">
        <v>32177756</v>
      </c>
      <c r="M23" s="106">
        <v>33658598</v>
      </c>
      <c r="N23" s="100">
        <v>126684</v>
      </c>
      <c r="O23" s="104">
        <v>230285</v>
      </c>
      <c r="P23" s="103">
        <v>356969</v>
      </c>
      <c r="Q23" s="100">
        <v>0</v>
      </c>
      <c r="R23" s="104">
        <v>1921744</v>
      </c>
      <c r="S23" s="104">
        <v>2235346</v>
      </c>
      <c r="T23" s="104">
        <v>2600857</v>
      </c>
      <c r="U23" s="104">
        <v>2343547</v>
      </c>
      <c r="V23" s="104">
        <v>1128631</v>
      </c>
      <c r="W23" s="103">
        <v>10230125</v>
      </c>
      <c r="X23" s="106">
        <v>10587094</v>
      </c>
      <c r="Y23" s="100">
        <v>0</v>
      </c>
      <c r="Z23" s="104">
        <v>0</v>
      </c>
      <c r="AA23" s="103">
        <v>0</v>
      </c>
      <c r="AB23" s="100">
        <v>0</v>
      </c>
      <c r="AC23" s="104">
        <v>755268</v>
      </c>
      <c r="AD23" s="104">
        <v>877858</v>
      </c>
      <c r="AE23" s="104">
        <v>1439942</v>
      </c>
      <c r="AF23" s="104">
        <v>1166701</v>
      </c>
      <c r="AG23" s="104">
        <v>757388</v>
      </c>
      <c r="AH23" s="103">
        <v>4997157</v>
      </c>
      <c r="AI23" s="106">
        <v>4997157</v>
      </c>
      <c r="AJ23" s="100">
        <v>0</v>
      </c>
      <c r="AK23" s="104">
        <v>0</v>
      </c>
      <c r="AL23" s="103">
        <v>0</v>
      </c>
      <c r="AM23" s="100">
        <v>0</v>
      </c>
      <c r="AN23" s="104">
        <v>0</v>
      </c>
      <c r="AO23" s="104">
        <v>0</v>
      </c>
      <c r="AP23" s="104">
        <v>34590</v>
      </c>
      <c r="AQ23" s="104">
        <v>82912</v>
      </c>
      <c r="AR23" s="104">
        <v>69803</v>
      </c>
      <c r="AS23" s="103">
        <v>187305</v>
      </c>
      <c r="AT23" s="106">
        <v>187305</v>
      </c>
      <c r="AU23" s="100">
        <v>87652</v>
      </c>
      <c r="AV23" s="104">
        <v>155770</v>
      </c>
      <c r="AW23" s="103">
        <v>243422</v>
      </c>
      <c r="AX23" s="100">
        <v>0</v>
      </c>
      <c r="AY23" s="104">
        <v>778107</v>
      </c>
      <c r="AZ23" s="104">
        <v>640740</v>
      </c>
      <c r="BA23" s="104">
        <v>659037</v>
      </c>
      <c r="BB23" s="104">
        <v>418687</v>
      </c>
      <c r="BC23" s="104">
        <v>157544</v>
      </c>
      <c r="BD23" s="103">
        <v>2654115</v>
      </c>
      <c r="BE23" s="106">
        <v>2897537</v>
      </c>
      <c r="BF23" s="100">
        <v>0</v>
      </c>
      <c r="BG23" s="104">
        <v>48563</v>
      </c>
      <c r="BH23" s="102">
        <v>48563</v>
      </c>
      <c r="BI23" s="101">
        <v>0</v>
      </c>
      <c r="BJ23" s="104">
        <v>49305</v>
      </c>
      <c r="BK23" s="104">
        <v>236932</v>
      </c>
      <c r="BL23" s="104">
        <v>0</v>
      </c>
      <c r="BM23" s="104">
        <v>379359</v>
      </c>
      <c r="BN23" s="104">
        <v>0</v>
      </c>
      <c r="BO23" s="103">
        <v>665596</v>
      </c>
      <c r="BP23" s="106">
        <v>714159</v>
      </c>
      <c r="BQ23" s="100">
        <v>39032</v>
      </c>
      <c r="BR23" s="104">
        <v>25952</v>
      </c>
      <c r="BS23" s="103">
        <v>64984</v>
      </c>
      <c r="BT23" s="100">
        <v>0</v>
      </c>
      <c r="BU23" s="104">
        <v>339064</v>
      </c>
      <c r="BV23" s="104">
        <v>479816</v>
      </c>
      <c r="BW23" s="104">
        <v>467288</v>
      </c>
      <c r="BX23" s="104">
        <v>295888</v>
      </c>
      <c r="BY23" s="104">
        <v>143896</v>
      </c>
      <c r="BZ23" s="103">
        <v>1725952</v>
      </c>
      <c r="CA23" s="106">
        <v>1790936</v>
      </c>
      <c r="CB23" s="100">
        <v>81089</v>
      </c>
      <c r="CC23" s="104">
        <v>384973</v>
      </c>
      <c r="CD23" s="103">
        <v>466062</v>
      </c>
      <c r="CE23" s="100">
        <v>0</v>
      </c>
      <c r="CF23" s="104">
        <v>2335949</v>
      </c>
      <c r="CG23" s="104">
        <v>3178204</v>
      </c>
      <c r="CH23" s="104">
        <v>2479630</v>
      </c>
      <c r="CI23" s="104">
        <v>1236871</v>
      </c>
      <c r="CJ23" s="104">
        <v>373567</v>
      </c>
      <c r="CK23" s="103">
        <v>9604221</v>
      </c>
      <c r="CL23" s="106">
        <v>10070283</v>
      </c>
      <c r="CM23" s="100">
        <v>0</v>
      </c>
      <c r="CN23" s="104">
        <v>0</v>
      </c>
      <c r="CO23" s="103">
        <v>0</v>
      </c>
      <c r="CP23" s="101">
        <v>0</v>
      </c>
      <c r="CQ23" s="104">
        <v>1902467</v>
      </c>
      <c r="CR23" s="104">
        <v>2259628</v>
      </c>
      <c r="CS23" s="104">
        <v>1914620</v>
      </c>
      <c r="CT23" s="104">
        <v>1137803</v>
      </c>
      <c r="CU23" s="104">
        <v>239111</v>
      </c>
      <c r="CV23" s="103">
        <v>7453629</v>
      </c>
      <c r="CW23" s="106">
        <v>7453629</v>
      </c>
      <c r="CX23" s="100">
        <v>81089</v>
      </c>
      <c r="CY23" s="104">
        <v>384973</v>
      </c>
      <c r="CZ23" s="103">
        <v>466062</v>
      </c>
      <c r="DA23" s="100">
        <v>0</v>
      </c>
      <c r="DB23" s="104">
        <v>433482</v>
      </c>
      <c r="DC23" s="104">
        <v>918576</v>
      </c>
      <c r="DD23" s="104">
        <v>565010</v>
      </c>
      <c r="DE23" s="104">
        <v>99068</v>
      </c>
      <c r="DF23" s="104">
        <v>134456</v>
      </c>
      <c r="DG23" s="103">
        <v>2150592</v>
      </c>
      <c r="DH23" s="106">
        <v>2616654</v>
      </c>
      <c r="DI23" s="100">
        <v>0</v>
      </c>
      <c r="DJ23" s="104">
        <v>20728</v>
      </c>
      <c r="DK23" s="102">
        <v>20728</v>
      </c>
      <c r="DL23" s="101">
        <v>0</v>
      </c>
      <c r="DM23" s="104">
        <v>0</v>
      </c>
      <c r="DN23" s="104">
        <v>429540</v>
      </c>
      <c r="DO23" s="104">
        <v>1223129</v>
      </c>
      <c r="DP23" s="104">
        <v>392563</v>
      </c>
      <c r="DQ23" s="104">
        <v>410840</v>
      </c>
      <c r="DR23" s="103">
        <v>2456072</v>
      </c>
      <c r="DS23" s="106">
        <v>2476800</v>
      </c>
      <c r="DT23" s="100">
        <v>0</v>
      </c>
      <c r="DU23" s="104">
        <v>20728</v>
      </c>
      <c r="DV23" s="103">
        <v>20728</v>
      </c>
      <c r="DW23" s="100">
        <v>0</v>
      </c>
      <c r="DX23" s="104">
        <v>0</v>
      </c>
      <c r="DY23" s="104">
        <v>429540</v>
      </c>
      <c r="DZ23" s="104">
        <v>1093538</v>
      </c>
      <c r="EA23" s="104">
        <v>392563</v>
      </c>
      <c r="EB23" s="104">
        <v>410840</v>
      </c>
      <c r="EC23" s="103">
        <v>2326481</v>
      </c>
      <c r="ED23" s="106">
        <v>2347209</v>
      </c>
      <c r="EE23" s="100">
        <v>0</v>
      </c>
      <c r="EF23" s="102">
        <v>0</v>
      </c>
      <c r="EG23" s="103">
        <v>0</v>
      </c>
      <c r="EH23" s="100">
        <v>0</v>
      </c>
      <c r="EI23" s="104">
        <v>0</v>
      </c>
      <c r="EJ23" s="104">
        <v>0</v>
      </c>
      <c r="EK23" s="104">
        <v>129591</v>
      </c>
      <c r="EL23" s="104">
        <v>0</v>
      </c>
      <c r="EM23" s="104">
        <v>0</v>
      </c>
      <c r="EN23" s="102">
        <v>129591</v>
      </c>
      <c r="EO23" s="106">
        <v>129591</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v>0</v>
      </c>
      <c r="FE23" s="104">
        <v>0</v>
      </c>
      <c r="FF23" s="104">
        <v>0</v>
      </c>
      <c r="FG23" s="104">
        <v>0</v>
      </c>
      <c r="FH23" s="104">
        <v>0</v>
      </c>
      <c r="FI23" s="104">
        <v>0</v>
      </c>
      <c r="FJ23" s="103">
        <v>0</v>
      </c>
      <c r="FK23" s="106">
        <v>0</v>
      </c>
      <c r="FL23" s="100">
        <v>49192</v>
      </c>
      <c r="FM23" s="104">
        <v>480096</v>
      </c>
      <c r="FN23" s="103">
        <v>529288</v>
      </c>
      <c r="FO23" s="100">
        <v>0</v>
      </c>
      <c r="FP23" s="104">
        <v>253184</v>
      </c>
      <c r="FQ23" s="104">
        <v>775800</v>
      </c>
      <c r="FR23" s="104">
        <v>649138</v>
      </c>
      <c r="FS23" s="104">
        <v>470032</v>
      </c>
      <c r="FT23" s="104">
        <v>220800</v>
      </c>
      <c r="FU23" s="103">
        <v>2368954</v>
      </c>
      <c r="FV23" s="106">
        <v>2898242</v>
      </c>
      <c r="FW23" s="105">
        <v>30888</v>
      </c>
      <c r="FX23" s="104">
        <v>204656</v>
      </c>
      <c r="FY23" s="102">
        <v>235544</v>
      </c>
      <c r="FZ23" s="101">
        <v>0</v>
      </c>
      <c r="GA23" s="104">
        <v>253184</v>
      </c>
      <c r="GB23" s="104">
        <v>639000</v>
      </c>
      <c r="GC23" s="104">
        <v>627578</v>
      </c>
      <c r="GD23" s="104">
        <v>443632</v>
      </c>
      <c r="GE23" s="104">
        <v>220800</v>
      </c>
      <c r="GF23" s="103">
        <v>2184194</v>
      </c>
      <c r="GG23" s="296">
        <v>2419738</v>
      </c>
      <c r="GH23" s="105">
        <v>18304</v>
      </c>
      <c r="GI23" s="104">
        <v>31440</v>
      </c>
      <c r="GJ23" s="102">
        <v>49744</v>
      </c>
      <c r="GK23" s="101">
        <v>0</v>
      </c>
      <c r="GL23" s="104">
        <v>0</v>
      </c>
      <c r="GM23" s="104">
        <v>0</v>
      </c>
      <c r="GN23" s="104">
        <v>21560</v>
      </c>
      <c r="GO23" s="104">
        <v>26400</v>
      </c>
      <c r="GP23" s="104">
        <v>0</v>
      </c>
      <c r="GQ23" s="103">
        <v>47960</v>
      </c>
      <c r="GR23" s="106">
        <v>97704</v>
      </c>
      <c r="GS23" s="100">
        <v>0</v>
      </c>
      <c r="GT23" s="104">
        <v>244000</v>
      </c>
      <c r="GU23" s="103">
        <v>244000</v>
      </c>
      <c r="GV23" s="100">
        <v>0</v>
      </c>
      <c r="GW23" s="104">
        <v>0</v>
      </c>
      <c r="GX23" s="104">
        <v>136800</v>
      </c>
      <c r="GY23" s="104">
        <v>0</v>
      </c>
      <c r="GZ23" s="104">
        <v>0</v>
      </c>
      <c r="HA23" s="104">
        <v>0</v>
      </c>
      <c r="HB23" s="102">
        <v>136800</v>
      </c>
      <c r="HC23" s="106">
        <v>380800</v>
      </c>
      <c r="HD23" s="100">
        <v>107795</v>
      </c>
      <c r="HE23" s="104">
        <v>0</v>
      </c>
      <c r="HF23" s="102">
        <v>107795</v>
      </c>
      <c r="HG23" s="101">
        <v>0</v>
      </c>
      <c r="HH23" s="104">
        <v>1508217</v>
      </c>
      <c r="HI23" s="104">
        <v>2000969</v>
      </c>
      <c r="HJ23" s="104">
        <v>1942922</v>
      </c>
      <c r="HK23" s="104">
        <v>2009358</v>
      </c>
      <c r="HL23" s="104">
        <v>56918</v>
      </c>
      <c r="HM23" s="103">
        <v>7518384</v>
      </c>
      <c r="HN23" s="99">
        <v>7626179</v>
      </c>
      <c r="HO23" s="306">
        <v>0</v>
      </c>
      <c r="HP23" s="307">
        <v>0</v>
      </c>
      <c r="HQ23" s="308">
        <v>0</v>
      </c>
      <c r="HR23" s="309">
        <v>0</v>
      </c>
      <c r="HS23" s="307">
        <v>0</v>
      </c>
      <c r="HT23" s="307">
        <v>0</v>
      </c>
      <c r="HU23" s="307">
        <v>0</v>
      </c>
      <c r="HV23" s="307">
        <v>0</v>
      </c>
      <c r="HW23" s="307">
        <v>0</v>
      </c>
      <c r="HX23" s="310">
        <v>0</v>
      </c>
      <c r="HY23" s="311">
        <v>0</v>
      </c>
      <c r="HZ23" s="118">
        <v>46082</v>
      </c>
      <c r="IA23" s="119">
        <v>9418</v>
      </c>
      <c r="IB23" s="120">
        <v>55500</v>
      </c>
      <c r="IC23" s="133">
        <v>0</v>
      </c>
      <c r="ID23" s="119">
        <v>1703548</v>
      </c>
      <c r="IE23" s="134">
        <v>1915923</v>
      </c>
      <c r="IF23" s="120">
        <v>4346193</v>
      </c>
      <c r="IG23" s="119">
        <v>2476820</v>
      </c>
      <c r="IH23" s="120">
        <v>1195201</v>
      </c>
      <c r="II23" s="135">
        <v>11637685</v>
      </c>
      <c r="IJ23" s="126">
        <v>11693185</v>
      </c>
      <c r="IK23" s="219">
        <v>0</v>
      </c>
      <c r="IL23" s="223">
        <v>0</v>
      </c>
      <c r="IM23" s="224">
        <v>0</v>
      </c>
      <c r="IN23" s="127">
        <v>0</v>
      </c>
      <c r="IO23" s="109">
        <v>0</v>
      </c>
      <c r="IP23" s="109">
        <v>0</v>
      </c>
      <c r="IQ23" s="109">
        <v>0</v>
      </c>
      <c r="IR23" s="109">
        <v>0</v>
      </c>
      <c r="IS23" s="109">
        <v>0</v>
      </c>
      <c r="IT23" s="128">
        <v>0</v>
      </c>
      <c r="IU23" s="298">
        <v>0</v>
      </c>
      <c r="IV23" s="129">
        <v>0</v>
      </c>
      <c r="IW23" s="109">
        <v>0</v>
      </c>
      <c r="IX23" s="110">
        <v>0</v>
      </c>
      <c r="IY23" s="131">
        <v>0</v>
      </c>
      <c r="IZ23" s="109">
        <v>0</v>
      </c>
      <c r="JA23" s="109">
        <v>0</v>
      </c>
      <c r="JB23" s="109">
        <v>0</v>
      </c>
      <c r="JC23" s="109">
        <v>0</v>
      </c>
      <c r="JD23" s="109">
        <v>0</v>
      </c>
      <c r="JE23" s="110">
        <v>0</v>
      </c>
      <c r="JF23" s="111">
        <v>0</v>
      </c>
      <c r="JG23" s="129">
        <v>0</v>
      </c>
      <c r="JH23" s="109">
        <v>0</v>
      </c>
      <c r="JI23" s="128">
        <v>0</v>
      </c>
      <c r="JJ23" s="108">
        <v>0</v>
      </c>
      <c r="JK23" s="109">
        <v>735029</v>
      </c>
      <c r="JL23" s="109">
        <v>612134</v>
      </c>
      <c r="JM23" s="109">
        <v>460210</v>
      </c>
      <c r="JN23" s="109">
        <v>25664</v>
      </c>
      <c r="JO23" s="109">
        <v>0</v>
      </c>
      <c r="JP23" s="110">
        <v>1833037</v>
      </c>
      <c r="JQ23" s="298">
        <v>1833037</v>
      </c>
      <c r="JR23" s="129">
        <v>0</v>
      </c>
      <c r="JS23" s="109">
        <v>9418</v>
      </c>
      <c r="JT23" s="128">
        <v>9418</v>
      </c>
      <c r="JU23" s="108">
        <v>0</v>
      </c>
      <c r="JV23" s="109">
        <v>0</v>
      </c>
      <c r="JW23" s="109">
        <v>0</v>
      </c>
      <c r="JX23" s="109">
        <v>395149</v>
      </c>
      <c r="JY23" s="109">
        <v>0</v>
      </c>
      <c r="JZ23" s="109">
        <v>26155</v>
      </c>
      <c r="KA23" s="110">
        <v>421304</v>
      </c>
      <c r="KB23" s="298">
        <v>430722</v>
      </c>
      <c r="KC23" s="221">
        <v>46082</v>
      </c>
      <c r="KD23" s="217">
        <v>0</v>
      </c>
      <c r="KE23" s="110">
        <v>46082</v>
      </c>
      <c r="KF23" s="108">
        <v>0</v>
      </c>
      <c r="KG23" s="109">
        <v>503663</v>
      </c>
      <c r="KH23" s="109">
        <v>359070</v>
      </c>
      <c r="KI23" s="109">
        <v>1174514</v>
      </c>
      <c r="KJ23" s="109">
        <v>1341634</v>
      </c>
      <c r="KK23" s="109">
        <v>0</v>
      </c>
      <c r="KL23" s="110">
        <v>3378881</v>
      </c>
      <c r="KM23" s="130">
        <v>3424963</v>
      </c>
      <c r="KN23" s="219">
        <v>0</v>
      </c>
      <c r="KO23" s="223">
        <v>0</v>
      </c>
      <c r="KP23" s="224">
        <v>0</v>
      </c>
      <c r="KQ23" s="127">
        <v>0</v>
      </c>
      <c r="KR23" s="109">
        <v>231956</v>
      </c>
      <c r="KS23" s="109">
        <v>944719</v>
      </c>
      <c r="KT23" s="109">
        <v>994501</v>
      </c>
      <c r="KU23" s="109">
        <v>511714</v>
      </c>
      <c r="KV23" s="109">
        <v>520158</v>
      </c>
      <c r="KW23" s="110">
        <v>3203048</v>
      </c>
      <c r="KX23" s="298">
        <v>3203048</v>
      </c>
      <c r="KY23" s="129">
        <v>0</v>
      </c>
      <c r="KZ23" s="109">
        <v>0</v>
      </c>
      <c r="LA23" s="110">
        <v>0</v>
      </c>
      <c r="LB23" s="132">
        <v>0</v>
      </c>
      <c r="LC23" s="109">
        <v>0</v>
      </c>
      <c r="LD23" s="109">
        <v>0</v>
      </c>
      <c r="LE23" s="109">
        <v>0</v>
      </c>
      <c r="LF23" s="109">
        <v>0</v>
      </c>
      <c r="LG23" s="109">
        <v>0</v>
      </c>
      <c r="LH23" s="110">
        <v>0</v>
      </c>
      <c r="LI23" s="111">
        <v>0</v>
      </c>
      <c r="LJ23" s="129">
        <v>0</v>
      </c>
      <c r="LK23" s="109">
        <v>0</v>
      </c>
      <c r="LL23" s="110">
        <v>0</v>
      </c>
      <c r="LM23" s="132">
        <v>0</v>
      </c>
      <c r="LN23" s="109">
        <v>0</v>
      </c>
      <c r="LO23" s="109">
        <v>0</v>
      </c>
      <c r="LP23" s="109">
        <v>0</v>
      </c>
      <c r="LQ23" s="109">
        <v>276498</v>
      </c>
      <c r="LR23" s="109">
        <v>295700</v>
      </c>
      <c r="LS23" s="110">
        <v>572198</v>
      </c>
      <c r="LT23" s="298">
        <v>572198</v>
      </c>
      <c r="LU23" s="129">
        <v>0</v>
      </c>
      <c r="LV23" s="109">
        <v>0</v>
      </c>
      <c r="LW23" s="110">
        <v>0</v>
      </c>
      <c r="LX23" s="132">
        <v>0</v>
      </c>
      <c r="LY23" s="109">
        <v>232900</v>
      </c>
      <c r="LZ23" s="109">
        <v>0</v>
      </c>
      <c r="MA23" s="109">
        <v>1321819</v>
      </c>
      <c r="MB23" s="109">
        <v>321310</v>
      </c>
      <c r="MC23" s="109">
        <v>353188</v>
      </c>
      <c r="MD23" s="110">
        <v>2229217</v>
      </c>
      <c r="ME23" s="111">
        <v>2229217</v>
      </c>
      <c r="MF23" s="129">
        <v>0</v>
      </c>
      <c r="MG23" s="109">
        <v>0</v>
      </c>
      <c r="MH23" s="110">
        <v>0</v>
      </c>
      <c r="MI23" s="132">
        <v>0</v>
      </c>
      <c r="MJ23" s="109">
        <v>780897</v>
      </c>
      <c r="MK23" s="109">
        <v>993567</v>
      </c>
      <c r="ML23" s="109">
        <v>2592484</v>
      </c>
      <c r="MM23" s="109">
        <v>7509345</v>
      </c>
      <c r="MN23" s="109">
        <v>1724579</v>
      </c>
      <c r="MO23" s="110">
        <v>13600872</v>
      </c>
      <c r="MP23" s="130">
        <v>13600872</v>
      </c>
      <c r="MQ23" s="129">
        <v>0</v>
      </c>
      <c r="MR23" s="109">
        <v>0</v>
      </c>
      <c r="MS23" s="110">
        <v>0</v>
      </c>
      <c r="MT23" s="132">
        <v>0</v>
      </c>
      <c r="MU23" s="109">
        <v>0</v>
      </c>
      <c r="MV23" s="109">
        <v>0</v>
      </c>
      <c r="MW23" s="109">
        <v>1193036</v>
      </c>
      <c r="MX23" s="109">
        <v>5868059</v>
      </c>
      <c r="MY23" s="109">
        <v>1410243</v>
      </c>
      <c r="MZ23" s="110">
        <v>8471338</v>
      </c>
      <c r="NA23" s="130">
        <v>8471338</v>
      </c>
      <c r="NB23" s="129">
        <v>0</v>
      </c>
      <c r="NC23" s="109">
        <v>0</v>
      </c>
      <c r="ND23" s="110">
        <v>0</v>
      </c>
      <c r="NE23" s="132">
        <v>0</v>
      </c>
      <c r="NF23" s="109">
        <v>780897</v>
      </c>
      <c r="NG23" s="109">
        <v>993567</v>
      </c>
      <c r="NH23" s="109">
        <v>1399448</v>
      </c>
      <c r="NI23" s="109">
        <v>1641286</v>
      </c>
      <c r="NJ23" s="109">
        <v>314336</v>
      </c>
      <c r="NK23" s="110">
        <v>5129534</v>
      </c>
      <c r="NL23" s="298">
        <v>5129534</v>
      </c>
      <c r="NM23" s="129">
        <v>0</v>
      </c>
      <c r="NN23" s="109">
        <v>0</v>
      </c>
      <c r="NO23" s="110">
        <v>0</v>
      </c>
      <c r="NP23" s="132">
        <v>0</v>
      </c>
      <c r="NQ23" s="109">
        <v>0</v>
      </c>
      <c r="NR23" s="109">
        <v>0</v>
      </c>
      <c r="NS23" s="109">
        <v>0</v>
      </c>
      <c r="NT23" s="109">
        <v>0</v>
      </c>
      <c r="NU23" s="109">
        <v>0</v>
      </c>
      <c r="NV23" s="110">
        <v>0</v>
      </c>
      <c r="NW23" s="111">
        <v>0</v>
      </c>
      <c r="NX23" s="129">
        <v>0</v>
      </c>
      <c r="NY23" s="109">
        <v>0</v>
      </c>
      <c r="NZ23" s="110">
        <v>0</v>
      </c>
      <c r="OA23" s="132">
        <v>0</v>
      </c>
      <c r="OB23" s="109">
        <v>0</v>
      </c>
      <c r="OC23" s="109">
        <v>0</v>
      </c>
      <c r="OD23" s="109">
        <v>0</v>
      </c>
      <c r="OE23" s="109">
        <v>0</v>
      </c>
      <c r="OF23" s="109">
        <v>0</v>
      </c>
      <c r="OG23" s="110">
        <v>0</v>
      </c>
      <c r="OH23" s="111">
        <v>0</v>
      </c>
      <c r="OI23" s="129">
        <v>410842</v>
      </c>
      <c r="OJ23" s="109">
        <v>1125500</v>
      </c>
      <c r="OK23" s="128">
        <v>1536342</v>
      </c>
      <c r="OL23" s="108">
        <v>0</v>
      </c>
      <c r="OM23" s="109">
        <v>8503539</v>
      </c>
      <c r="ON23" s="109">
        <v>11529349</v>
      </c>
      <c r="OO23" s="109">
        <v>15834353</v>
      </c>
      <c r="OP23" s="109">
        <v>16438536</v>
      </c>
      <c r="OQ23" s="109">
        <v>5110536</v>
      </c>
      <c r="OR23" s="110">
        <v>57416313</v>
      </c>
      <c r="OS23" s="130">
        <v>58952655</v>
      </c>
    </row>
    <row r="24" spans="2:409" ht="21" customHeight="1" x14ac:dyDescent="0.2">
      <c r="B24" s="472" t="s">
        <v>19</v>
      </c>
      <c r="C24" s="100">
        <v>221424</v>
      </c>
      <c r="D24" s="104">
        <v>468738</v>
      </c>
      <c r="E24" s="103">
        <v>690162</v>
      </c>
      <c r="F24" s="99">
        <v>0</v>
      </c>
      <c r="G24" s="104">
        <v>3659445</v>
      </c>
      <c r="H24" s="104">
        <v>3919604</v>
      </c>
      <c r="I24" s="104">
        <v>2687737</v>
      </c>
      <c r="J24" s="104">
        <v>1528800</v>
      </c>
      <c r="K24" s="104">
        <v>1315063</v>
      </c>
      <c r="L24" s="99">
        <v>13110649</v>
      </c>
      <c r="M24" s="106">
        <v>13800811</v>
      </c>
      <c r="N24" s="100">
        <v>92855</v>
      </c>
      <c r="O24" s="104">
        <v>70271</v>
      </c>
      <c r="P24" s="103">
        <v>163126</v>
      </c>
      <c r="Q24" s="100">
        <v>0</v>
      </c>
      <c r="R24" s="104">
        <v>936639</v>
      </c>
      <c r="S24" s="104">
        <v>931282</v>
      </c>
      <c r="T24" s="104">
        <v>1059995</v>
      </c>
      <c r="U24" s="104">
        <v>972536</v>
      </c>
      <c r="V24" s="104">
        <v>909817</v>
      </c>
      <c r="W24" s="103">
        <v>4810269</v>
      </c>
      <c r="X24" s="106">
        <v>4973395</v>
      </c>
      <c r="Y24" s="100">
        <v>0</v>
      </c>
      <c r="Z24" s="104">
        <v>0</v>
      </c>
      <c r="AA24" s="103">
        <v>0</v>
      </c>
      <c r="AB24" s="100">
        <v>0</v>
      </c>
      <c r="AC24" s="104">
        <v>287090</v>
      </c>
      <c r="AD24" s="104">
        <v>357580</v>
      </c>
      <c r="AE24" s="104">
        <v>267120</v>
      </c>
      <c r="AF24" s="104">
        <v>460798</v>
      </c>
      <c r="AG24" s="104">
        <v>439887</v>
      </c>
      <c r="AH24" s="103">
        <v>1812475</v>
      </c>
      <c r="AI24" s="106">
        <v>1812475</v>
      </c>
      <c r="AJ24" s="100">
        <v>0</v>
      </c>
      <c r="AK24" s="104">
        <v>0</v>
      </c>
      <c r="AL24" s="103">
        <v>0</v>
      </c>
      <c r="AM24" s="100">
        <v>0</v>
      </c>
      <c r="AN24" s="104">
        <v>0</v>
      </c>
      <c r="AO24" s="104">
        <v>0</v>
      </c>
      <c r="AP24" s="104">
        <v>238396</v>
      </c>
      <c r="AQ24" s="104">
        <v>11680</v>
      </c>
      <c r="AR24" s="104">
        <v>106228</v>
      </c>
      <c r="AS24" s="103">
        <v>356304</v>
      </c>
      <c r="AT24" s="106">
        <v>356304</v>
      </c>
      <c r="AU24" s="100">
        <v>40127</v>
      </c>
      <c r="AV24" s="104">
        <v>41855</v>
      </c>
      <c r="AW24" s="103">
        <v>81982</v>
      </c>
      <c r="AX24" s="100">
        <v>0</v>
      </c>
      <c r="AY24" s="104">
        <v>383614</v>
      </c>
      <c r="AZ24" s="104">
        <v>287915</v>
      </c>
      <c r="BA24" s="104">
        <v>373383</v>
      </c>
      <c r="BB24" s="104">
        <v>328311</v>
      </c>
      <c r="BC24" s="104">
        <v>276358</v>
      </c>
      <c r="BD24" s="103">
        <v>1649581</v>
      </c>
      <c r="BE24" s="106">
        <v>1731563</v>
      </c>
      <c r="BF24" s="100">
        <v>0</v>
      </c>
      <c r="BG24" s="104">
        <v>0</v>
      </c>
      <c r="BH24" s="102">
        <v>0</v>
      </c>
      <c r="BI24" s="101">
        <v>0</v>
      </c>
      <c r="BJ24" s="104">
        <v>42663</v>
      </c>
      <c r="BK24" s="104">
        <v>-3157</v>
      </c>
      <c r="BL24" s="104">
        <v>0</v>
      </c>
      <c r="BM24" s="104">
        <v>32187</v>
      </c>
      <c r="BN24" s="104">
        <v>0</v>
      </c>
      <c r="BO24" s="103">
        <v>71693</v>
      </c>
      <c r="BP24" s="106">
        <v>71693</v>
      </c>
      <c r="BQ24" s="100">
        <v>52728</v>
      </c>
      <c r="BR24" s="104">
        <v>28416</v>
      </c>
      <c r="BS24" s="103">
        <v>81144</v>
      </c>
      <c r="BT24" s="100">
        <v>0</v>
      </c>
      <c r="BU24" s="104">
        <v>223272</v>
      </c>
      <c r="BV24" s="104">
        <v>288944</v>
      </c>
      <c r="BW24" s="104">
        <v>181096</v>
      </c>
      <c r="BX24" s="104">
        <v>139560</v>
      </c>
      <c r="BY24" s="104">
        <v>87344</v>
      </c>
      <c r="BZ24" s="103">
        <v>920216</v>
      </c>
      <c r="CA24" s="106">
        <v>1001360</v>
      </c>
      <c r="CB24" s="100">
        <v>43008</v>
      </c>
      <c r="CC24" s="104">
        <v>156875</v>
      </c>
      <c r="CD24" s="103">
        <v>199883</v>
      </c>
      <c r="CE24" s="100">
        <v>0</v>
      </c>
      <c r="CF24" s="104">
        <v>1487706</v>
      </c>
      <c r="CG24" s="104">
        <v>1292025</v>
      </c>
      <c r="CH24" s="104">
        <v>657337</v>
      </c>
      <c r="CI24" s="104">
        <v>126276</v>
      </c>
      <c r="CJ24" s="104">
        <v>0</v>
      </c>
      <c r="CK24" s="103">
        <v>3563344</v>
      </c>
      <c r="CL24" s="106">
        <v>3763227</v>
      </c>
      <c r="CM24" s="100">
        <v>0</v>
      </c>
      <c r="CN24" s="104">
        <v>0</v>
      </c>
      <c r="CO24" s="103">
        <v>0</v>
      </c>
      <c r="CP24" s="101">
        <v>0</v>
      </c>
      <c r="CQ24" s="104">
        <v>928821</v>
      </c>
      <c r="CR24" s="104">
        <v>814083</v>
      </c>
      <c r="CS24" s="104">
        <v>452791</v>
      </c>
      <c r="CT24" s="104">
        <v>28139</v>
      </c>
      <c r="CU24" s="104">
        <v>0</v>
      </c>
      <c r="CV24" s="103">
        <v>2223834</v>
      </c>
      <c r="CW24" s="106">
        <v>2223834</v>
      </c>
      <c r="CX24" s="100">
        <v>43008</v>
      </c>
      <c r="CY24" s="104">
        <v>156875</v>
      </c>
      <c r="CZ24" s="103">
        <v>199883</v>
      </c>
      <c r="DA24" s="100">
        <v>0</v>
      </c>
      <c r="DB24" s="104">
        <v>558885</v>
      </c>
      <c r="DC24" s="104">
        <v>477942</v>
      </c>
      <c r="DD24" s="104">
        <v>204546</v>
      </c>
      <c r="DE24" s="104">
        <v>98137</v>
      </c>
      <c r="DF24" s="104">
        <v>0</v>
      </c>
      <c r="DG24" s="103">
        <v>1339510</v>
      </c>
      <c r="DH24" s="106">
        <v>1539393</v>
      </c>
      <c r="DI24" s="100">
        <v>0</v>
      </c>
      <c r="DJ24" s="104">
        <v>0</v>
      </c>
      <c r="DK24" s="102">
        <v>0</v>
      </c>
      <c r="DL24" s="101">
        <v>0</v>
      </c>
      <c r="DM24" s="104">
        <v>95404</v>
      </c>
      <c r="DN24" s="104">
        <v>144397</v>
      </c>
      <c r="DO24" s="104">
        <v>0</v>
      </c>
      <c r="DP24" s="104">
        <v>0</v>
      </c>
      <c r="DQ24" s="104">
        <v>253478</v>
      </c>
      <c r="DR24" s="103">
        <v>493279</v>
      </c>
      <c r="DS24" s="106">
        <v>493279</v>
      </c>
      <c r="DT24" s="100">
        <v>0</v>
      </c>
      <c r="DU24" s="104">
        <v>0</v>
      </c>
      <c r="DV24" s="103">
        <v>0</v>
      </c>
      <c r="DW24" s="100">
        <v>0</v>
      </c>
      <c r="DX24" s="104">
        <v>95404</v>
      </c>
      <c r="DY24" s="104">
        <v>144397</v>
      </c>
      <c r="DZ24" s="104">
        <v>0</v>
      </c>
      <c r="EA24" s="104">
        <v>0</v>
      </c>
      <c r="EB24" s="104">
        <v>253478</v>
      </c>
      <c r="EC24" s="103">
        <v>493279</v>
      </c>
      <c r="ED24" s="106">
        <v>493279</v>
      </c>
      <c r="EE24" s="100">
        <v>0</v>
      </c>
      <c r="EF24" s="102">
        <v>0</v>
      </c>
      <c r="EG24" s="103">
        <v>0</v>
      </c>
      <c r="EH24" s="100">
        <v>0</v>
      </c>
      <c r="EI24" s="104">
        <v>0</v>
      </c>
      <c r="EJ24" s="104">
        <v>0</v>
      </c>
      <c r="EK24" s="104">
        <v>0</v>
      </c>
      <c r="EL24" s="104">
        <v>0</v>
      </c>
      <c r="EM24" s="104">
        <v>0</v>
      </c>
      <c r="EN24" s="102">
        <v>0</v>
      </c>
      <c r="EO24" s="106">
        <v>0</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v>0</v>
      </c>
      <c r="FE24" s="104">
        <v>0</v>
      </c>
      <c r="FF24" s="104">
        <v>0</v>
      </c>
      <c r="FG24" s="104">
        <v>0</v>
      </c>
      <c r="FH24" s="104">
        <v>0</v>
      </c>
      <c r="FI24" s="104">
        <v>0</v>
      </c>
      <c r="FJ24" s="103">
        <v>0</v>
      </c>
      <c r="FK24" s="106">
        <v>0</v>
      </c>
      <c r="FL24" s="100">
        <v>23720</v>
      </c>
      <c r="FM24" s="104">
        <v>60440</v>
      </c>
      <c r="FN24" s="103">
        <v>84160</v>
      </c>
      <c r="FO24" s="100">
        <v>0</v>
      </c>
      <c r="FP24" s="104">
        <v>231144</v>
      </c>
      <c r="FQ24" s="104">
        <v>368528</v>
      </c>
      <c r="FR24" s="104">
        <v>170832</v>
      </c>
      <c r="FS24" s="104">
        <v>224432</v>
      </c>
      <c r="FT24" s="104">
        <v>151768</v>
      </c>
      <c r="FU24" s="103">
        <v>1146704</v>
      </c>
      <c r="FV24" s="106">
        <v>1230864</v>
      </c>
      <c r="FW24" s="105">
        <v>23720</v>
      </c>
      <c r="FX24" s="104">
        <v>60440</v>
      </c>
      <c r="FY24" s="102">
        <v>84160</v>
      </c>
      <c r="FZ24" s="101">
        <v>0</v>
      </c>
      <c r="GA24" s="104">
        <v>193392</v>
      </c>
      <c r="GB24" s="104">
        <v>351632</v>
      </c>
      <c r="GC24" s="104">
        <v>170832</v>
      </c>
      <c r="GD24" s="104">
        <v>224432</v>
      </c>
      <c r="GE24" s="104">
        <v>128008</v>
      </c>
      <c r="GF24" s="103">
        <v>1068296</v>
      </c>
      <c r="GG24" s="296">
        <v>1152456</v>
      </c>
      <c r="GH24" s="105">
        <v>0</v>
      </c>
      <c r="GI24" s="104">
        <v>0</v>
      </c>
      <c r="GJ24" s="102">
        <v>0</v>
      </c>
      <c r="GK24" s="101">
        <v>0</v>
      </c>
      <c r="GL24" s="104">
        <v>0</v>
      </c>
      <c r="GM24" s="104">
        <v>16896</v>
      </c>
      <c r="GN24" s="104">
        <v>0</v>
      </c>
      <c r="GO24" s="104">
        <v>0</v>
      </c>
      <c r="GP24" s="104">
        <v>23760</v>
      </c>
      <c r="GQ24" s="103">
        <v>40656</v>
      </c>
      <c r="GR24" s="106">
        <v>40656</v>
      </c>
      <c r="GS24" s="100">
        <v>0</v>
      </c>
      <c r="GT24" s="104">
        <v>0</v>
      </c>
      <c r="GU24" s="103">
        <v>0</v>
      </c>
      <c r="GV24" s="100">
        <v>0</v>
      </c>
      <c r="GW24" s="104">
        <v>37752</v>
      </c>
      <c r="GX24" s="104">
        <v>0</v>
      </c>
      <c r="GY24" s="104">
        <v>0</v>
      </c>
      <c r="GZ24" s="104">
        <v>0</v>
      </c>
      <c r="HA24" s="104">
        <v>0</v>
      </c>
      <c r="HB24" s="102">
        <v>37752</v>
      </c>
      <c r="HC24" s="106">
        <v>37752</v>
      </c>
      <c r="HD24" s="100">
        <v>61841</v>
      </c>
      <c r="HE24" s="104">
        <v>181152</v>
      </c>
      <c r="HF24" s="102">
        <v>242993</v>
      </c>
      <c r="HG24" s="101">
        <v>0</v>
      </c>
      <c r="HH24" s="104">
        <v>908552</v>
      </c>
      <c r="HI24" s="104">
        <v>1183372</v>
      </c>
      <c r="HJ24" s="104">
        <v>799573</v>
      </c>
      <c r="HK24" s="104">
        <v>205556</v>
      </c>
      <c r="HL24" s="104">
        <v>0</v>
      </c>
      <c r="HM24" s="103">
        <v>3097053</v>
      </c>
      <c r="HN24" s="99">
        <v>3340046</v>
      </c>
      <c r="HO24" s="306">
        <v>0</v>
      </c>
      <c r="HP24" s="307">
        <v>0</v>
      </c>
      <c r="HQ24" s="308">
        <v>0</v>
      </c>
      <c r="HR24" s="309">
        <v>0</v>
      </c>
      <c r="HS24" s="307">
        <v>0</v>
      </c>
      <c r="HT24" s="307">
        <v>0</v>
      </c>
      <c r="HU24" s="307">
        <v>0</v>
      </c>
      <c r="HV24" s="307">
        <v>0</v>
      </c>
      <c r="HW24" s="307">
        <v>0</v>
      </c>
      <c r="HX24" s="310">
        <v>0</v>
      </c>
      <c r="HY24" s="311">
        <v>0</v>
      </c>
      <c r="HZ24" s="137">
        <v>0</v>
      </c>
      <c r="IA24" s="122">
        <v>0</v>
      </c>
      <c r="IB24" s="137">
        <v>0</v>
      </c>
      <c r="IC24" s="121">
        <v>0</v>
      </c>
      <c r="ID24" s="122">
        <v>1236208</v>
      </c>
      <c r="IE24" s="123">
        <v>1921921</v>
      </c>
      <c r="IF24" s="124">
        <v>723221</v>
      </c>
      <c r="IG24" s="122">
        <v>957743</v>
      </c>
      <c r="IH24" s="124">
        <v>369080</v>
      </c>
      <c r="II24" s="125">
        <v>5208173</v>
      </c>
      <c r="IJ24" s="137">
        <v>5208173</v>
      </c>
      <c r="IK24" s="219">
        <v>0</v>
      </c>
      <c r="IL24" s="223">
        <v>0</v>
      </c>
      <c r="IM24" s="224">
        <v>0</v>
      </c>
      <c r="IN24" s="127">
        <v>0</v>
      </c>
      <c r="IO24" s="109">
        <v>53559</v>
      </c>
      <c r="IP24" s="109">
        <v>257740</v>
      </c>
      <c r="IQ24" s="109">
        <v>0</v>
      </c>
      <c r="IR24" s="109">
        <v>0</v>
      </c>
      <c r="IS24" s="109">
        <v>0</v>
      </c>
      <c r="IT24" s="128">
        <v>311299</v>
      </c>
      <c r="IU24" s="298">
        <v>311299</v>
      </c>
      <c r="IV24" s="129">
        <v>0</v>
      </c>
      <c r="IW24" s="109">
        <v>0</v>
      </c>
      <c r="IX24" s="110">
        <v>0</v>
      </c>
      <c r="IY24" s="131">
        <v>0</v>
      </c>
      <c r="IZ24" s="109">
        <v>0</v>
      </c>
      <c r="JA24" s="109">
        <v>0</v>
      </c>
      <c r="JB24" s="109">
        <v>0</v>
      </c>
      <c r="JC24" s="109">
        <v>0</v>
      </c>
      <c r="JD24" s="109">
        <v>0</v>
      </c>
      <c r="JE24" s="110">
        <v>0</v>
      </c>
      <c r="JF24" s="111">
        <v>0</v>
      </c>
      <c r="JG24" s="129">
        <v>0</v>
      </c>
      <c r="JH24" s="109">
        <v>0</v>
      </c>
      <c r="JI24" s="128">
        <v>0</v>
      </c>
      <c r="JJ24" s="108">
        <v>0</v>
      </c>
      <c r="JK24" s="109">
        <v>31741</v>
      </c>
      <c r="JL24" s="109">
        <v>420465</v>
      </c>
      <c r="JM24" s="109">
        <v>0</v>
      </c>
      <c r="JN24" s="109">
        <v>0</v>
      </c>
      <c r="JO24" s="109">
        <v>0</v>
      </c>
      <c r="JP24" s="110">
        <v>452206</v>
      </c>
      <c r="JQ24" s="298">
        <v>452206</v>
      </c>
      <c r="JR24" s="129">
        <v>0</v>
      </c>
      <c r="JS24" s="109">
        <v>0</v>
      </c>
      <c r="JT24" s="128">
        <v>0</v>
      </c>
      <c r="JU24" s="108">
        <v>0</v>
      </c>
      <c r="JV24" s="109">
        <v>66810</v>
      </c>
      <c r="JW24" s="109">
        <v>421819</v>
      </c>
      <c r="JX24" s="109">
        <v>50597</v>
      </c>
      <c r="JY24" s="109">
        <v>0</v>
      </c>
      <c r="JZ24" s="109">
        <v>0</v>
      </c>
      <c r="KA24" s="110">
        <v>539226</v>
      </c>
      <c r="KB24" s="298">
        <v>539226</v>
      </c>
      <c r="KC24" s="221">
        <v>0</v>
      </c>
      <c r="KD24" s="217">
        <v>0</v>
      </c>
      <c r="KE24" s="110">
        <v>0</v>
      </c>
      <c r="KF24" s="108">
        <v>0</v>
      </c>
      <c r="KG24" s="109">
        <v>621198</v>
      </c>
      <c r="KH24" s="109">
        <v>179898</v>
      </c>
      <c r="KI24" s="109">
        <v>421323</v>
      </c>
      <c r="KJ24" s="109">
        <v>648367</v>
      </c>
      <c r="KK24" s="109">
        <v>0</v>
      </c>
      <c r="KL24" s="110">
        <v>1870786</v>
      </c>
      <c r="KM24" s="130">
        <v>1870786</v>
      </c>
      <c r="KN24" s="219">
        <v>0</v>
      </c>
      <c r="KO24" s="223">
        <v>0</v>
      </c>
      <c r="KP24" s="224">
        <v>0</v>
      </c>
      <c r="KQ24" s="127">
        <v>0</v>
      </c>
      <c r="KR24" s="109">
        <v>462900</v>
      </c>
      <c r="KS24" s="109">
        <v>480146</v>
      </c>
      <c r="KT24" s="109">
        <v>251301</v>
      </c>
      <c r="KU24" s="109">
        <v>0</v>
      </c>
      <c r="KV24" s="109">
        <v>0</v>
      </c>
      <c r="KW24" s="110">
        <v>1194347</v>
      </c>
      <c r="KX24" s="298">
        <v>1194347</v>
      </c>
      <c r="KY24" s="129">
        <v>0</v>
      </c>
      <c r="KZ24" s="109">
        <v>0</v>
      </c>
      <c r="LA24" s="110">
        <v>0</v>
      </c>
      <c r="LB24" s="132">
        <v>0</v>
      </c>
      <c r="LC24" s="109">
        <v>0</v>
      </c>
      <c r="LD24" s="109">
        <v>0</v>
      </c>
      <c r="LE24" s="109">
        <v>0</v>
      </c>
      <c r="LF24" s="109">
        <v>0</v>
      </c>
      <c r="LG24" s="109">
        <v>0</v>
      </c>
      <c r="LH24" s="110">
        <v>0</v>
      </c>
      <c r="LI24" s="111">
        <v>0</v>
      </c>
      <c r="LJ24" s="129">
        <v>0</v>
      </c>
      <c r="LK24" s="109">
        <v>0</v>
      </c>
      <c r="LL24" s="110">
        <v>0</v>
      </c>
      <c r="LM24" s="132">
        <v>0</v>
      </c>
      <c r="LN24" s="109">
        <v>0</v>
      </c>
      <c r="LO24" s="109">
        <v>0</v>
      </c>
      <c r="LP24" s="109">
        <v>0</v>
      </c>
      <c r="LQ24" s="109">
        <v>0</v>
      </c>
      <c r="LR24" s="109">
        <v>0</v>
      </c>
      <c r="LS24" s="110">
        <v>0</v>
      </c>
      <c r="LT24" s="298">
        <v>0</v>
      </c>
      <c r="LU24" s="129">
        <v>0</v>
      </c>
      <c r="LV24" s="109">
        <v>0</v>
      </c>
      <c r="LW24" s="110">
        <v>0</v>
      </c>
      <c r="LX24" s="132">
        <v>0</v>
      </c>
      <c r="LY24" s="109">
        <v>0</v>
      </c>
      <c r="LZ24" s="109">
        <v>161853</v>
      </c>
      <c r="MA24" s="109">
        <v>0</v>
      </c>
      <c r="MB24" s="109">
        <v>309376</v>
      </c>
      <c r="MC24" s="109">
        <v>369080</v>
      </c>
      <c r="MD24" s="110">
        <v>840309</v>
      </c>
      <c r="ME24" s="111">
        <v>840309</v>
      </c>
      <c r="MF24" s="129">
        <v>0</v>
      </c>
      <c r="MG24" s="109">
        <v>0</v>
      </c>
      <c r="MH24" s="110">
        <v>0</v>
      </c>
      <c r="MI24" s="132">
        <v>0</v>
      </c>
      <c r="MJ24" s="109">
        <v>0</v>
      </c>
      <c r="MK24" s="109">
        <v>498614</v>
      </c>
      <c r="ML24" s="109">
        <v>1766415</v>
      </c>
      <c r="MM24" s="109">
        <v>2527238</v>
      </c>
      <c r="MN24" s="109">
        <v>1395683</v>
      </c>
      <c r="MO24" s="110">
        <v>6187950</v>
      </c>
      <c r="MP24" s="130">
        <v>6187950</v>
      </c>
      <c r="MQ24" s="129">
        <v>0</v>
      </c>
      <c r="MR24" s="109">
        <v>0</v>
      </c>
      <c r="MS24" s="110">
        <v>0</v>
      </c>
      <c r="MT24" s="132">
        <v>0</v>
      </c>
      <c r="MU24" s="109">
        <v>0</v>
      </c>
      <c r="MV24" s="109">
        <v>0</v>
      </c>
      <c r="MW24" s="109">
        <v>1196989</v>
      </c>
      <c r="MX24" s="109">
        <v>782150</v>
      </c>
      <c r="MY24" s="109">
        <v>1395683</v>
      </c>
      <c r="MZ24" s="110">
        <v>3374822</v>
      </c>
      <c r="NA24" s="130">
        <v>3374822</v>
      </c>
      <c r="NB24" s="129">
        <v>0</v>
      </c>
      <c r="NC24" s="109">
        <v>0</v>
      </c>
      <c r="ND24" s="110">
        <v>0</v>
      </c>
      <c r="NE24" s="132">
        <v>0</v>
      </c>
      <c r="NF24" s="109">
        <v>0</v>
      </c>
      <c r="NG24" s="109">
        <v>498614</v>
      </c>
      <c r="NH24" s="109">
        <v>569426</v>
      </c>
      <c r="NI24" s="109">
        <v>1745088</v>
      </c>
      <c r="NJ24" s="109">
        <v>0</v>
      </c>
      <c r="NK24" s="110">
        <v>2813128</v>
      </c>
      <c r="NL24" s="298">
        <v>2813128</v>
      </c>
      <c r="NM24" s="129">
        <v>0</v>
      </c>
      <c r="NN24" s="109">
        <v>0</v>
      </c>
      <c r="NO24" s="110">
        <v>0</v>
      </c>
      <c r="NP24" s="132">
        <v>0</v>
      </c>
      <c r="NQ24" s="109">
        <v>0</v>
      </c>
      <c r="NR24" s="109">
        <v>0</v>
      </c>
      <c r="NS24" s="109">
        <v>0</v>
      </c>
      <c r="NT24" s="109">
        <v>0</v>
      </c>
      <c r="NU24" s="109">
        <v>0</v>
      </c>
      <c r="NV24" s="110">
        <v>0</v>
      </c>
      <c r="NW24" s="111">
        <v>0</v>
      </c>
      <c r="NX24" s="129">
        <v>0</v>
      </c>
      <c r="NY24" s="109">
        <v>0</v>
      </c>
      <c r="NZ24" s="110">
        <v>0</v>
      </c>
      <c r="OA24" s="132">
        <v>0</v>
      </c>
      <c r="OB24" s="109">
        <v>0</v>
      </c>
      <c r="OC24" s="109">
        <v>0</v>
      </c>
      <c r="OD24" s="109">
        <v>0</v>
      </c>
      <c r="OE24" s="109">
        <v>0</v>
      </c>
      <c r="OF24" s="109">
        <v>0</v>
      </c>
      <c r="OG24" s="110">
        <v>0</v>
      </c>
      <c r="OH24" s="111">
        <v>0</v>
      </c>
      <c r="OI24" s="129">
        <v>221424</v>
      </c>
      <c r="OJ24" s="109">
        <v>468738</v>
      </c>
      <c r="OK24" s="128">
        <v>690162</v>
      </c>
      <c r="OL24" s="108">
        <v>0</v>
      </c>
      <c r="OM24" s="109">
        <v>4895653</v>
      </c>
      <c r="ON24" s="109">
        <v>6340139</v>
      </c>
      <c r="OO24" s="109">
        <v>5177373</v>
      </c>
      <c r="OP24" s="109">
        <v>5013781</v>
      </c>
      <c r="OQ24" s="109">
        <v>3079826</v>
      </c>
      <c r="OR24" s="110">
        <v>24506772</v>
      </c>
      <c r="OS24" s="130">
        <v>25196934</v>
      </c>
    </row>
    <row r="25" spans="2:409" ht="21" customHeight="1" x14ac:dyDescent="0.2">
      <c r="B25" s="472" t="s">
        <v>20</v>
      </c>
      <c r="C25" s="100">
        <v>372483</v>
      </c>
      <c r="D25" s="104">
        <v>562135</v>
      </c>
      <c r="E25" s="103">
        <v>934618</v>
      </c>
      <c r="F25" s="100">
        <v>0</v>
      </c>
      <c r="G25" s="104">
        <v>5145720</v>
      </c>
      <c r="H25" s="104">
        <v>6149739</v>
      </c>
      <c r="I25" s="104">
        <v>4830153</v>
      </c>
      <c r="J25" s="104">
        <v>5809905</v>
      </c>
      <c r="K25" s="104">
        <v>3185715</v>
      </c>
      <c r="L25" s="160">
        <v>25121232</v>
      </c>
      <c r="M25" s="106">
        <v>26055850</v>
      </c>
      <c r="N25" s="100">
        <v>206268</v>
      </c>
      <c r="O25" s="104">
        <v>166062</v>
      </c>
      <c r="P25" s="103">
        <v>372330</v>
      </c>
      <c r="Q25" s="100">
        <v>0</v>
      </c>
      <c r="R25" s="104">
        <v>2154889</v>
      </c>
      <c r="S25" s="104">
        <v>2256664</v>
      </c>
      <c r="T25" s="104">
        <v>1330413</v>
      </c>
      <c r="U25" s="104">
        <v>1245661</v>
      </c>
      <c r="V25" s="104">
        <v>1580686</v>
      </c>
      <c r="W25" s="103">
        <v>8568313</v>
      </c>
      <c r="X25" s="106">
        <v>8940643</v>
      </c>
      <c r="Y25" s="100">
        <v>0</v>
      </c>
      <c r="Z25" s="104">
        <v>0</v>
      </c>
      <c r="AA25" s="103">
        <v>0</v>
      </c>
      <c r="AB25" s="100">
        <v>0</v>
      </c>
      <c r="AC25" s="104">
        <v>832497</v>
      </c>
      <c r="AD25" s="104">
        <v>930624</v>
      </c>
      <c r="AE25" s="104">
        <v>504464</v>
      </c>
      <c r="AF25" s="104">
        <v>369851</v>
      </c>
      <c r="AG25" s="104">
        <v>950228</v>
      </c>
      <c r="AH25" s="103">
        <v>3587664</v>
      </c>
      <c r="AI25" s="106">
        <v>3587664</v>
      </c>
      <c r="AJ25" s="100">
        <v>0</v>
      </c>
      <c r="AK25" s="104">
        <v>0</v>
      </c>
      <c r="AL25" s="103">
        <v>0</v>
      </c>
      <c r="AM25" s="100">
        <v>0</v>
      </c>
      <c r="AN25" s="104">
        <v>0</v>
      </c>
      <c r="AO25" s="104">
        <v>0</v>
      </c>
      <c r="AP25" s="104">
        <v>0</v>
      </c>
      <c r="AQ25" s="104">
        <v>49177</v>
      </c>
      <c r="AR25" s="104">
        <v>153978</v>
      </c>
      <c r="AS25" s="103">
        <v>203155</v>
      </c>
      <c r="AT25" s="106">
        <v>203155</v>
      </c>
      <c r="AU25" s="100">
        <v>155380</v>
      </c>
      <c r="AV25" s="104">
        <v>42400</v>
      </c>
      <c r="AW25" s="103">
        <v>197780</v>
      </c>
      <c r="AX25" s="100">
        <v>0</v>
      </c>
      <c r="AY25" s="104">
        <v>879894</v>
      </c>
      <c r="AZ25" s="104">
        <v>772179</v>
      </c>
      <c r="BA25" s="104">
        <v>276849</v>
      </c>
      <c r="BB25" s="104">
        <v>305444</v>
      </c>
      <c r="BC25" s="104">
        <v>332016</v>
      </c>
      <c r="BD25" s="103">
        <v>2566382</v>
      </c>
      <c r="BE25" s="106">
        <v>2764162</v>
      </c>
      <c r="BF25" s="100">
        <v>22376</v>
      </c>
      <c r="BG25" s="104">
        <v>70422</v>
      </c>
      <c r="BH25" s="102">
        <v>92798</v>
      </c>
      <c r="BI25" s="101">
        <v>0</v>
      </c>
      <c r="BJ25" s="104">
        <v>284730</v>
      </c>
      <c r="BK25" s="104">
        <v>319365</v>
      </c>
      <c r="BL25" s="104">
        <v>167732</v>
      </c>
      <c r="BM25" s="104">
        <v>203845</v>
      </c>
      <c r="BN25" s="104">
        <v>0</v>
      </c>
      <c r="BO25" s="103">
        <v>975672</v>
      </c>
      <c r="BP25" s="106">
        <v>1068470</v>
      </c>
      <c r="BQ25" s="100">
        <v>28512</v>
      </c>
      <c r="BR25" s="104">
        <v>53240</v>
      </c>
      <c r="BS25" s="103">
        <v>81752</v>
      </c>
      <c r="BT25" s="100">
        <v>0</v>
      </c>
      <c r="BU25" s="104">
        <v>157768</v>
      </c>
      <c r="BV25" s="104">
        <v>234496</v>
      </c>
      <c r="BW25" s="104">
        <v>381368</v>
      </c>
      <c r="BX25" s="104">
        <v>317344</v>
      </c>
      <c r="BY25" s="104">
        <v>144464</v>
      </c>
      <c r="BZ25" s="103">
        <v>1235440</v>
      </c>
      <c r="CA25" s="106">
        <v>1317192</v>
      </c>
      <c r="CB25" s="100">
        <v>73584</v>
      </c>
      <c r="CC25" s="104">
        <v>115729</v>
      </c>
      <c r="CD25" s="103">
        <v>189313</v>
      </c>
      <c r="CE25" s="100">
        <v>0</v>
      </c>
      <c r="CF25" s="104">
        <v>1643771</v>
      </c>
      <c r="CG25" s="104">
        <v>2200126</v>
      </c>
      <c r="CH25" s="104">
        <v>1473028</v>
      </c>
      <c r="CI25" s="104">
        <v>1179745</v>
      </c>
      <c r="CJ25" s="104">
        <v>0</v>
      </c>
      <c r="CK25" s="103">
        <v>6496670</v>
      </c>
      <c r="CL25" s="106">
        <v>6685983</v>
      </c>
      <c r="CM25" s="100">
        <v>0</v>
      </c>
      <c r="CN25" s="104">
        <v>0</v>
      </c>
      <c r="CO25" s="103">
        <v>0</v>
      </c>
      <c r="CP25" s="101">
        <v>0</v>
      </c>
      <c r="CQ25" s="104">
        <v>1238283</v>
      </c>
      <c r="CR25" s="104">
        <v>1587328</v>
      </c>
      <c r="CS25" s="104">
        <v>962394</v>
      </c>
      <c r="CT25" s="104">
        <v>736654</v>
      </c>
      <c r="CU25" s="104">
        <v>0</v>
      </c>
      <c r="CV25" s="103">
        <v>4524659</v>
      </c>
      <c r="CW25" s="106">
        <v>4524659</v>
      </c>
      <c r="CX25" s="100">
        <v>73584</v>
      </c>
      <c r="CY25" s="104">
        <v>115729</v>
      </c>
      <c r="CZ25" s="103">
        <v>189313</v>
      </c>
      <c r="DA25" s="100">
        <v>0</v>
      </c>
      <c r="DB25" s="104">
        <v>405488</v>
      </c>
      <c r="DC25" s="104">
        <v>612798</v>
      </c>
      <c r="DD25" s="104">
        <v>510634</v>
      </c>
      <c r="DE25" s="104">
        <v>443091</v>
      </c>
      <c r="DF25" s="104">
        <v>0</v>
      </c>
      <c r="DG25" s="103">
        <v>1972011</v>
      </c>
      <c r="DH25" s="106">
        <v>2161324</v>
      </c>
      <c r="DI25" s="100">
        <v>0</v>
      </c>
      <c r="DJ25" s="104">
        <v>0</v>
      </c>
      <c r="DK25" s="102">
        <v>0</v>
      </c>
      <c r="DL25" s="101">
        <v>0</v>
      </c>
      <c r="DM25" s="104">
        <v>188185</v>
      </c>
      <c r="DN25" s="104">
        <v>561960</v>
      </c>
      <c r="DO25" s="104">
        <v>480207</v>
      </c>
      <c r="DP25" s="104">
        <v>1703892</v>
      </c>
      <c r="DQ25" s="104">
        <v>207699</v>
      </c>
      <c r="DR25" s="103">
        <v>3141943</v>
      </c>
      <c r="DS25" s="106">
        <v>3141943</v>
      </c>
      <c r="DT25" s="100">
        <v>0</v>
      </c>
      <c r="DU25" s="104">
        <v>0</v>
      </c>
      <c r="DV25" s="103">
        <v>0</v>
      </c>
      <c r="DW25" s="100">
        <v>0</v>
      </c>
      <c r="DX25" s="104">
        <v>188185</v>
      </c>
      <c r="DY25" s="104">
        <v>561960</v>
      </c>
      <c r="DZ25" s="104">
        <v>420914</v>
      </c>
      <c r="EA25" s="104">
        <v>1573594</v>
      </c>
      <c r="EB25" s="104">
        <v>207699</v>
      </c>
      <c r="EC25" s="103">
        <v>2952352</v>
      </c>
      <c r="ED25" s="106">
        <v>2952352</v>
      </c>
      <c r="EE25" s="100">
        <v>0</v>
      </c>
      <c r="EF25" s="102">
        <v>0</v>
      </c>
      <c r="EG25" s="103">
        <v>0</v>
      </c>
      <c r="EH25" s="100">
        <v>0</v>
      </c>
      <c r="EI25" s="104">
        <v>0</v>
      </c>
      <c r="EJ25" s="104">
        <v>0</v>
      </c>
      <c r="EK25" s="104">
        <v>59293</v>
      </c>
      <c r="EL25" s="104">
        <v>130298</v>
      </c>
      <c r="EM25" s="104">
        <v>0</v>
      </c>
      <c r="EN25" s="102">
        <v>189591</v>
      </c>
      <c r="EO25" s="106">
        <v>18959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v>0</v>
      </c>
      <c r="FE25" s="104">
        <v>0</v>
      </c>
      <c r="FF25" s="104">
        <v>0</v>
      </c>
      <c r="FG25" s="104">
        <v>0</v>
      </c>
      <c r="FH25" s="104">
        <v>0</v>
      </c>
      <c r="FI25" s="104">
        <v>0</v>
      </c>
      <c r="FJ25" s="103">
        <v>0</v>
      </c>
      <c r="FK25" s="106">
        <v>0</v>
      </c>
      <c r="FL25" s="100">
        <v>40624</v>
      </c>
      <c r="FM25" s="104">
        <v>99680</v>
      </c>
      <c r="FN25" s="103">
        <v>140304</v>
      </c>
      <c r="FO25" s="100">
        <v>0</v>
      </c>
      <c r="FP25" s="104">
        <v>377944</v>
      </c>
      <c r="FQ25" s="104">
        <v>534792</v>
      </c>
      <c r="FR25" s="104">
        <v>400248</v>
      </c>
      <c r="FS25" s="104">
        <v>606728</v>
      </c>
      <c r="FT25" s="104">
        <v>234832</v>
      </c>
      <c r="FU25" s="103">
        <v>2154544</v>
      </c>
      <c r="FV25" s="106">
        <v>2294848</v>
      </c>
      <c r="FW25" s="105">
        <v>40624</v>
      </c>
      <c r="FX25" s="104">
        <v>99680</v>
      </c>
      <c r="FY25" s="102">
        <v>140304</v>
      </c>
      <c r="FZ25" s="101">
        <v>0</v>
      </c>
      <c r="GA25" s="104">
        <v>346344</v>
      </c>
      <c r="GB25" s="104">
        <v>534792</v>
      </c>
      <c r="GC25" s="104">
        <v>400248</v>
      </c>
      <c r="GD25" s="104">
        <v>486728</v>
      </c>
      <c r="GE25" s="104">
        <v>234832</v>
      </c>
      <c r="GF25" s="103">
        <v>2002944</v>
      </c>
      <c r="GG25" s="296">
        <v>2143248</v>
      </c>
      <c r="GH25" s="105">
        <v>0</v>
      </c>
      <c r="GI25" s="104">
        <v>0</v>
      </c>
      <c r="GJ25" s="102">
        <v>0</v>
      </c>
      <c r="GK25" s="101">
        <v>0</v>
      </c>
      <c r="GL25" s="104">
        <v>0</v>
      </c>
      <c r="GM25" s="104">
        <v>0</v>
      </c>
      <c r="GN25" s="104">
        <v>0</v>
      </c>
      <c r="GO25" s="104">
        <v>0</v>
      </c>
      <c r="GP25" s="104">
        <v>0</v>
      </c>
      <c r="GQ25" s="103">
        <v>0</v>
      </c>
      <c r="GR25" s="106">
        <v>0</v>
      </c>
      <c r="GS25" s="100">
        <v>0</v>
      </c>
      <c r="GT25" s="104">
        <v>0</v>
      </c>
      <c r="GU25" s="103">
        <v>0</v>
      </c>
      <c r="GV25" s="100">
        <v>0</v>
      </c>
      <c r="GW25" s="104">
        <v>31600</v>
      </c>
      <c r="GX25" s="104">
        <v>0</v>
      </c>
      <c r="GY25" s="104">
        <v>0</v>
      </c>
      <c r="GZ25" s="104">
        <v>120000</v>
      </c>
      <c r="HA25" s="104">
        <v>0</v>
      </c>
      <c r="HB25" s="102">
        <v>151600</v>
      </c>
      <c r="HC25" s="106">
        <v>151600</v>
      </c>
      <c r="HD25" s="100">
        <v>52007</v>
      </c>
      <c r="HE25" s="104">
        <v>180664</v>
      </c>
      <c r="HF25" s="102">
        <v>232671</v>
      </c>
      <c r="HG25" s="101">
        <v>0</v>
      </c>
      <c r="HH25" s="104">
        <v>780931</v>
      </c>
      <c r="HI25" s="104">
        <v>596197</v>
      </c>
      <c r="HJ25" s="104">
        <v>1146257</v>
      </c>
      <c r="HK25" s="104">
        <v>1073879</v>
      </c>
      <c r="HL25" s="104">
        <v>1162498</v>
      </c>
      <c r="HM25" s="103">
        <v>4759762</v>
      </c>
      <c r="HN25" s="99">
        <v>4992433</v>
      </c>
      <c r="HO25" s="306">
        <v>0</v>
      </c>
      <c r="HP25" s="307">
        <v>0</v>
      </c>
      <c r="HQ25" s="308">
        <v>0</v>
      </c>
      <c r="HR25" s="309">
        <v>0</v>
      </c>
      <c r="HS25" s="307">
        <v>0</v>
      </c>
      <c r="HT25" s="307">
        <v>0</v>
      </c>
      <c r="HU25" s="307">
        <v>0</v>
      </c>
      <c r="HV25" s="307">
        <v>0</v>
      </c>
      <c r="HW25" s="307">
        <v>0</v>
      </c>
      <c r="HX25" s="310">
        <v>0</v>
      </c>
      <c r="HY25" s="311">
        <v>0</v>
      </c>
      <c r="HZ25" s="118">
        <v>0</v>
      </c>
      <c r="IA25" s="119">
        <v>0</v>
      </c>
      <c r="IB25" s="120">
        <v>0</v>
      </c>
      <c r="IC25" s="133">
        <v>0</v>
      </c>
      <c r="ID25" s="119">
        <v>566156</v>
      </c>
      <c r="IE25" s="134">
        <v>407602</v>
      </c>
      <c r="IF25" s="120">
        <v>1269528</v>
      </c>
      <c r="IG25" s="119">
        <v>407350</v>
      </c>
      <c r="IH25" s="120">
        <v>110947</v>
      </c>
      <c r="II25" s="135">
        <v>2761583</v>
      </c>
      <c r="IJ25" s="126">
        <v>2761583</v>
      </c>
      <c r="IK25" s="219">
        <v>0</v>
      </c>
      <c r="IL25" s="223">
        <v>0</v>
      </c>
      <c r="IM25" s="224">
        <v>0</v>
      </c>
      <c r="IN25" s="127">
        <v>0</v>
      </c>
      <c r="IO25" s="109">
        <v>0</v>
      </c>
      <c r="IP25" s="109">
        <v>0</v>
      </c>
      <c r="IQ25" s="109">
        <v>0</v>
      </c>
      <c r="IR25" s="109">
        <v>0</v>
      </c>
      <c r="IS25" s="109">
        <v>0</v>
      </c>
      <c r="IT25" s="128">
        <v>0</v>
      </c>
      <c r="IU25" s="298">
        <v>0</v>
      </c>
      <c r="IV25" s="129">
        <v>0</v>
      </c>
      <c r="IW25" s="109">
        <v>0</v>
      </c>
      <c r="IX25" s="110">
        <v>0</v>
      </c>
      <c r="IY25" s="131">
        <v>0</v>
      </c>
      <c r="IZ25" s="109">
        <v>0</v>
      </c>
      <c r="JA25" s="109">
        <v>0</v>
      </c>
      <c r="JB25" s="109">
        <v>0</v>
      </c>
      <c r="JC25" s="109">
        <v>0</v>
      </c>
      <c r="JD25" s="109">
        <v>0</v>
      </c>
      <c r="JE25" s="110">
        <v>0</v>
      </c>
      <c r="JF25" s="111">
        <v>0</v>
      </c>
      <c r="JG25" s="129">
        <v>0</v>
      </c>
      <c r="JH25" s="109">
        <v>0</v>
      </c>
      <c r="JI25" s="128">
        <v>0</v>
      </c>
      <c r="JJ25" s="108">
        <v>0</v>
      </c>
      <c r="JK25" s="109">
        <v>352080</v>
      </c>
      <c r="JL25" s="109">
        <v>158488</v>
      </c>
      <c r="JM25" s="109">
        <v>526086</v>
      </c>
      <c r="JN25" s="109">
        <v>153210</v>
      </c>
      <c r="JO25" s="109">
        <v>110947</v>
      </c>
      <c r="JP25" s="110">
        <v>1300811</v>
      </c>
      <c r="JQ25" s="298">
        <v>1300811</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214076</v>
      </c>
      <c r="KH25" s="109">
        <v>0</v>
      </c>
      <c r="KI25" s="109">
        <v>229590</v>
      </c>
      <c r="KJ25" s="109">
        <v>0</v>
      </c>
      <c r="KK25" s="109">
        <v>0</v>
      </c>
      <c r="KL25" s="110">
        <v>443666</v>
      </c>
      <c r="KM25" s="130">
        <v>443666</v>
      </c>
      <c r="KN25" s="219">
        <v>0</v>
      </c>
      <c r="KO25" s="223">
        <v>0</v>
      </c>
      <c r="KP25" s="224">
        <v>0</v>
      </c>
      <c r="KQ25" s="127">
        <v>0</v>
      </c>
      <c r="KR25" s="109">
        <v>0</v>
      </c>
      <c r="KS25" s="109">
        <v>249114</v>
      </c>
      <c r="KT25" s="109">
        <v>513852</v>
      </c>
      <c r="KU25" s="109">
        <v>254140</v>
      </c>
      <c r="KV25" s="109">
        <v>0</v>
      </c>
      <c r="KW25" s="110">
        <v>1017106</v>
      </c>
      <c r="KX25" s="298">
        <v>1017106</v>
      </c>
      <c r="KY25" s="129">
        <v>0</v>
      </c>
      <c r="KZ25" s="109">
        <v>0</v>
      </c>
      <c r="LA25" s="110">
        <v>0</v>
      </c>
      <c r="LB25" s="132">
        <v>0</v>
      </c>
      <c r="LC25" s="109">
        <v>0</v>
      </c>
      <c r="LD25" s="109">
        <v>0</v>
      </c>
      <c r="LE25" s="109">
        <v>0</v>
      </c>
      <c r="LF25" s="109">
        <v>0</v>
      </c>
      <c r="LG25" s="109">
        <v>0</v>
      </c>
      <c r="LH25" s="110">
        <v>0</v>
      </c>
      <c r="LI25" s="111">
        <v>0</v>
      </c>
      <c r="LJ25" s="129">
        <v>0</v>
      </c>
      <c r="LK25" s="109">
        <v>0</v>
      </c>
      <c r="LL25" s="110">
        <v>0</v>
      </c>
      <c r="LM25" s="132">
        <v>0</v>
      </c>
      <c r="LN25" s="109">
        <v>0</v>
      </c>
      <c r="LO25" s="109">
        <v>0</v>
      </c>
      <c r="LP25" s="109">
        <v>0</v>
      </c>
      <c r="LQ25" s="109">
        <v>0</v>
      </c>
      <c r="LR25" s="109">
        <v>0</v>
      </c>
      <c r="LS25" s="110">
        <v>0</v>
      </c>
      <c r="LT25" s="298">
        <v>0</v>
      </c>
      <c r="LU25" s="129">
        <v>0</v>
      </c>
      <c r="LV25" s="109">
        <v>0</v>
      </c>
      <c r="LW25" s="110">
        <v>0</v>
      </c>
      <c r="LX25" s="132">
        <v>0</v>
      </c>
      <c r="LY25" s="109">
        <v>0</v>
      </c>
      <c r="LZ25" s="109">
        <v>0</v>
      </c>
      <c r="MA25" s="109">
        <v>0</v>
      </c>
      <c r="MB25" s="109">
        <v>0</v>
      </c>
      <c r="MC25" s="109">
        <v>0</v>
      </c>
      <c r="MD25" s="110">
        <v>0</v>
      </c>
      <c r="ME25" s="111">
        <v>0</v>
      </c>
      <c r="MF25" s="129">
        <v>0</v>
      </c>
      <c r="MG25" s="109">
        <v>0</v>
      </c>
      <c r="MH25" s="110">
        <v>0</v>
      </c>
      <c r="MI25" s="132">
        <v>0</v>
      </c>
      <c r="MJ25" s="109">
        <v>461086</v>
      </c>
      <c r="MK25" s="109">
        <v>455321</v>
      </c>
      <c r="ML25" s="109">
        <v>2366410</v>
      </c>
      <c r="MM25" s="109">
        <v>3715812</v>
      </c>
      <c r="MN25" s="109">
        <v>1968545</v>
      </c>
      <c r="MO25" s="110">
        <v>8967174</v>
      </c>
      <c r="MP25" s="130">
        <v>8967174</v>
      </c>
      <c r="MQ25" s="129">
        <v>0</v>
      </c>
      <c r="MR25" s="109">
        <v>0</v>
      </c>
      <c r="MS25" s="110">
        <v>0</v>
      </c>
      <c r="MT25" s="132">
        <v>0</v>
      </c>
      <c r="MU25" s="109">
        <v>0</v>
      </c>
      <c r="MV25" s="109">
        <v>233397</v>
      </c>
      <c r="MW25" s="109">
        <v>2091601</v>
      </c>
      <c r="MX25" s="109">
        <v>3106273</v>
      </c>
      <c r="MY25" s="109">
        <v>1544182</v>
      </c>
      <c r="MZ25" s="110">
        <v>6975453</v>
      </c>
      <c r="NA25" s="130">
        <v>6975453</v>
      </c>
      <c r="NB25" s="129">
        <v>0</v>
      </c>
      <c r="NC25" s="109">
        <v>0</v>
      </c>
      <c r="ND25" s="110">
        <v>0</v>
      </c>
      <c r="NE25" s="132">
        <v>0</v>
      </c>
      <c r="NF25" s="109">
        <v>461086</v>
      </c>
      <c r="NG25" s="109">
        <v>221924</v>
      </c>
      <c r="NH25" s="109">
        <v>274809</v>
      </c>
      <c r="NI25" s="109">
        <v>609539</v>
      </c>
      <c r="NJ25" s="109">
        <v>424363</v>
      </c>
      <c r="NK25" s="110">
        <v>1991721</v>
      </c>
      <c r="NL25" s="298">
        <v>1991721</v>
      </c>
      <c r="NM25" s="129">
        <v>0</v>
      </c>
      <c r="NN25" s="109">
        <v>0</v>
      </c>
      <c r="NO25" s="110">
        <v>0</v>
      </c>
      <c r="NP25" s="132">
        <v>0</v>
      </c>
      <c r="NQ25" s="109">
        <v>0</v>
      </c>
      <c r="NR25" s="109">
        <v>0</v>
      </c>
      <c r="NS25" s="109">
        <v>0</v>
      </c>
      <c r="NT25" s="109">
        <v>0</v>
      </c>
      <c r="NU25" s="109">
        <v>0</v>
      </c>
      <c r="NV25" s="110">
        <v>0</v>
      </c>
      <c r="NW25" s="111">
        <v>0</v>
      </c>
      <c r="NX25" s="129">
        <v>0</v>
      </c>
      <c r="NY25" s="109">
        <v>0</v>
      </c>
      <c r="NZ25" s="110">
        <v>0</v>
      </c>
      <c r="OA25" s="132">
        <v>0</v>
      </c>
      <c r="OB25" s="109">
        <v>0</v>
      </c>
      <c r="OC25" s="109">
        <v>0</v>
      </c>
      <c r="OD25" s="109">
        <v>0</v>
      </c>
      <c r="OE25" s="109">
        <v>0</v>
      </c>
      <c r="OF25" s="109">
        <v>0</v>
      </c>
      <c r="OG25" s="110">
        <v>0</v>
      </c>
      <c r="OH25" s="111">
        <v>0</v>
      </c>
      <c r="OI25" s="129">
        <v>372483</v>
      </c>
      <c r="OJ25" s="109">
        <v>562135</v>
      </c>
      <c r="OK25" s="128">
        <v>934618</v>
      </c>
      <c r="OL25" s="108">
        <v>0</v>
      </c>
      <c r="OM25" s="109">
        <v>6172962</v>
      </c>
      <c r="ON25" s="109">
        <v>7012662</v>
      </c>
      <c r="OO25" s="109">
        <v>8466091</v>
      </c>
      <c r="OP25" s="109">
        <v>9933067</v>
      </c>
      <c r="OQ25" s="109">
        <v>5265207</v>
      </c>
      <c r="OR25" s="110">
        <v>36849989</v>
      </c>
      <c r="OS25" s="130">
        <v>37784607</v>
      </c>
    </row>
    <row r="26" spans="2:409" ht="21" customHeight="1" x14ac:dyDescent="0.2">
      <c r="B26" s="472" t="s">
        <v>21</v>
      </c>
      <c r="C26" s="100">
        <v>303152</v>
      </c>
      <c r="D26" s="104">
        <v>487558</v>
      </c>
      <c r="E26" s="103">
        <v>790710</v>
      </c>
      <c r="F26" s="99">
        <v>0</v>
      </c>
      <c r="G26" s="104">
        <v>2786862</v>
      </c>
      <c r="H26" s="104">
        <v>4641719</v>
      </c>
      <c r="I26" s="104">
        <v>4449545</v>
      </c>
      <c r="J26" s="104">
        <v>3887851</v>
      </c>
      <c r="K26" s="104">
        <v>2755284</v>
      </c>
      <c r="L26" s="160">
        <v>18521261</v>
      </c>
      <c r="M26" s="106">
        <v>19311971</v>
      </c>
      <c r="N26" s="100">
        <v>116994</v>
      </c>
      <c r="O26" s="104">
        <v>233182</v>
      </c>
      <c r="P26" s="103">
        <v>350176</v>
      </c>
      <c r="Q26" s="100">
        <v>0</v>
      </c>
      <c r="R26" s="104">
        <v>1044013</v>
      </c>
      <c r="S26" s="104">
        <v>1752581</v>
      </c>
      <c r="T26" s="104">
        <v>1286458</v>
      </c>
      <c r="U26" s="104">
        <v>1767075</v>
      </c>
      <c r="V26" s="104">
        <v>1506301</v>
      </c>
      <c r="W26" s="103">
        <v>7356428</v>
      </c>
      <c r="X26" s="106">
        <v>7706604</v>
      </c>
      <c r="Y26" s="100">
        <v>0</v>
      </c>
      <c r="Z26" s="104">
        <v>0</v>
      </c>
      <c r="AA26" s="103">
        <v>0</v>
      </c>
      <c r="AB26" s="100">
        <v>0</v>
      </c>
      <c r="AC26" s="104">
        <v>309578</v>
      </c>
      <c r="AD26" s="104">
        <v>482450</v>
      </c>
      <c r="AE26" s="104">
        <v>592761</v>
      </c>
      <c r="AF26" s="104">
        <v>984546</v>
      </c>
      <c r="AG26" s="104">
        <v>466586</v>
      </c>
      <c r="AH26" s="103">
        <v>2835921</v>
      </c>
      <c r="AI26" s="106">
        <v>2835921</v>
      </c>
      <c r="AJ26" s="100">
        <v>0</v>
      </c>
      <c r="AK26" s="104">
        <v>0</v>
      </c>
      <c r="AL26" s="103">
        <v>0</v>
      </c>
      <c r="AM26" s="100">
        <v>0</v>
      </c>
      <c r="AN26" s="104">
        <v>0</v>
      </c>
      <c r="AO26" s="104">
        <v>0</v>
      </c>
      <c r="AP26" s="104">
        <v>0</v>
      </c>
      <c r="AQ26" s="104">
        <v>11845</v>
      </c>
      <c r="AR26" s="104">
        <v>188282</v>
      </c>
      <c r="AS26" s="103">
        <v>200127</v>
      </c>
      <c r="AT26" s="106">
        <v>200127</v>
      </c>
      <c r="AU26" s="100">
        <v>77122</v>
      </c>
      <c r="AV26" s="104">
        <v>137531</v>
      </c>
      <c r="AW26" s="103">
        <v>214653</v>
      </c>
      <c r="AX26" s="100">
        <v>0</v>
      </c>
      <c r="AY26" s="104">
        <v>546288</v>
      </c>
      <c r="AZ26" s="104">
        <v>948103</v>
      </c>
      <c r="BA26" s="104">
        <v>532552</v>
      </c>
      <c r="BB26" s="104">
        <v>499693</v>
      </c>
      <c r="BC26" s="104">
        <v>681217</v>
      </c>
      <c r="BD26" s="103">
        <v>3207853</v>
      </c>
      <c r="BE26" s="106">
        <v>3422506</v>
      </c>
      <c r="BF26" s="100">
        <v>0</v>
      </c>
      <c r="BG26" s="104">
        <v>48563</v>
      </c>
      <c r="BH26" s="102">
        <v>48563</v>
      </c>
      <c r="BI26" s="101">
        <v>0</v>
      </c>
      <c r="BJ26" s="104">
        <v>54267</v>
      </c>
      <c r="BK26" s="104">
        <v>72996</v>
      </c>
      <c r="BL26" s="104">
        <v>68625</v>
      </c>
      <c r="BM26" s="104">
        <v>73519</v>
      </c>
      <c r="BN26" s="104">
        <v>38904</v>
      </c>
      <c r="BO26" s="103">
        <v>308311</v>
      </c>
      <c r="BP26" s="106">
        <v>356874</v>
      </c>
      <c r="BQ26" s="100">
        <v>39872</v>
      </c>
      <c r="BR26" s="104">
        <v>47088</v>
      </c>
      <c r="BS26" s="103">
        <v>86960</v>
      </c>
      <c r="BT26" s="100">
        <v>0</v>
      </c>
      <c r="BU26" s="104">
        <v>133880</v>
      </c>
      <c r="BV26" s="104">
        <v>249032</v>
      </c>
      <c r="BW26" s="104">
        <v>92520</v>
      </c>
      <c r="BX26" s="104">
        <v>197472</v>
      </c>
      <c r="BY26" s="104">
        <v>131312</v>
      </c>
      <c r="BZ26" s="103">
        <v>804216</v>
      </c>
      <c r="CA26" s="106">
        <v>891176</v>
      </c>
      <c r="CB26" s="100">
        <v>41118</v>
      </c>
      <c r="CC26" s="104">
        <v>0</v>
      </c>
      <c r="CD26" s="103">
        <v>41118</v>
      </c>
      <c r="CE26" s="100">
        <v>0</v>
      </c>
      <c r="CF26" s="104">
        <v>1030038</v>
      </c>
      <c r="CG26" s="104">
        <v>1299685</v>
      </c>
      <c r="CH26" s="104">
        <v>1166432</v>
      </c>
      <c r="CI26" s="104">
        <v>266497</v>
      </c>
      <c r="CJ26" s="104">
        <v>325686</v>
      </c>
      <c r="CK26" s="103">
        <v>4088338</v>
      </c>
      <c r="CL26" s="106">
        <v>4129456</v>
      </c>
      <c r="CM26" s="100">
        <v>0</v>
      </c>
      <c r="CN26" s="104">
        <v>0</v>
      </c>
      <c r="CO26" s="103">
        <v>0</v>
      </c>
      <c r="CP26" s="101">
        <v>0</v>
      </c>
      <c r="CQ26" s="104">
        <v>701709</v>
      </c>
      <c r="CR26" s="104">
        <v>862107</v>
      </c>
      <c r="CS26" s="104">
        <v>1014268</v>
      </c>
      <c r="CT26" s="104">
        <v>266497</v>
      </c>
      <c r="CU26" s="104">
        <v>325686</v>
      </c>
      <c r="CV26" s="103">
        <v>3170267</v>
      </c>
      <c r="CW26" s="106">
        <v>3170267</v>
      </c>
      <c r="CX26" s="100">
        <v>41118</v>
      </c>
      <c r="CY26" s="104">
        <v>0</v>
      </c>
      <c r="CZ26" s="103">
        <v>41118</v>
      </c>
      <c r="DA26" s="100">
        <v>0</v>
      </c>
      <c r="DB26" s="104">
        <v>328329</v>
      </c>
      <c r="DC26" s="104">
        <v>437578</v>
      </c>
      <c r="DD26" s="104">
        <v>152164</v>
      </c>
      <c r="DE26" s="104">
        <v>0</v>
      </c>
      <c r="DF26" s="104">
        <v>0</v>
      </c>
      <c r="DG26" s="103">
        <v>918071</v>
      </c>
      <c r="DH26" s="106">
        <v>959189</v>
      </c>
      <c r="DI26" s="100">
        <v>0</v>
      </c>
      <c r="DJ26" s="104">
        <v>0</v>
      </c>
      <c r="DK26" s="102">
        <v>0</v>
      </c>
      <c r="DL26" s="101">
        <v>0</v>
      </c>
      <c r="DM26" s="104">
        <v>29058</v>
      </c>
      <c r="DN26" s="104">
        <v>61594</v>
      </c>
      <c r="DO26" s="104">
        <v>682572</v>
      </c>
      <c r="DP26" s="104">
        <v>642976</v>
      </c>
      <c r="DQ26" s="104">
        <v>276695</v>
      </c>
      <c r="DR26" s="103">
        <v>1692895</v>
      </c>
      <c r="DS26" s="106">
        <v>1692895</v>
      </c>
      <c r="DT26" s="100">
        <v>0</v>
      </c>
      <c r="DU26" s="104">
        <v>0</v>
      </c>
      <c r="DV26" s="103">
        <v>0</v>
      </c>
      <c r="DW26" s="100">
        <v>0</v>
      </c>
      <c r="DX26" s="104">
        <v>29058</v>
      </c>
      <c r="DY26" s="104">
        <v>61594</v>
      </c>
      <c r="DZ26" s="104">
        <v>682572</v>
      </c>
      <c r="EA26" s="104">
        <v>642976</v>
      </c>
      <c r="EB26" s="104">
        <v>276695</v>
      </c>
      <c r="EC26" s="103">
        <v>1692895</v>
      </c>
      <c r="ED26" s="106">
        <v>1692895</v>
      </c>
      <c r="EE26" s="100">
        <v>0</v>
      </c>
      <c r="EF26" s="102">
        <v>0</v>
      </c>
      <c r="EG26" s="103">
        <v>0</v>
      </c>
      <c r="EH26" s="100">
        <v>0</v>
      </c>
      <c r="EI26" s="104">
        <v>0</v>
      </c>
      <c r="EJ26" s="104">
        <v>0</v>
      </c>
      <c r="EK26" s="104">
        <v>0</v>
      </c>
      <c r="EL26" s="104">
        <v>0</v>
      </c>
      <c r="EM26" s="104">
        <v>0</v>
      </c>
      <c r="EN26" s="102">
        <v>0</v>
      </c>
      <c r="EO26" s="106">
        <v>0</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v>0</v>
      </c>
      <c r="FE26" s="104">
        <v>0</v>
      </c>
      <c r="FF26" s="104">
        <v>0</v>
      </c>
      <c r="FG26" s="104">
        <v>0</v>
      </c>
      <c r="FH26" s="104">
        <v>0</v>
      </c>
      <c r="FI26" s="104">
        <v>0</v>
      </c>
      <c r="FJ26" s="103">
        <v>0</v>
      </c>
      <c r="FK26" s="106">
        <v>0</v>
      </c>
      <c r="FL26" s="100">
        <v>145040</v>
      </c>
      <c r="FM26" s="104">
        <v>73440</v>
      </c>
      <c r="FN26" s="103">
        <v>218480</v>
      </c>
      <c r="FO26" s="100">
        <v>0</v>
      </c>
      <c r="FP26" s="104">
        <v>63760</v>
      </c>
      <c r="FQ26" s="104">
        <v>490136</v>
      </c>
      <c r="FR26" s="104">
        <v>377224</v>
      </c>
      <c r="FS26" s="104">
        <v>280392</v>
      </c>
      <c r="FT26" s="104">
        <v>169216</v>
      </c>
      <c r="FU26" s="103">
        <v>1380728</v>
      </c>
      <c r="FV26" s="106">
        <v>1599208</v>
      </c>
      <c r="FW26" s="105">
        <v>30640</v>
      </c>
      <c r="FX26" s="104">
        <v>73440</v>
      </c>
      <c r="FY26" s="102">
        <v>104080</v>
      </c>
      <c r="FZ26" s="101">
        <v>0</v>
      </c>
      <c r="GA26" s="104">
        <v>63760</v>
      </c>
      <c r="GB26" s="104">
        <v>454616</v>
      </c>
      <c r="GC26" s="104">
        <v>377224</v>
      </c>
      <c r="GD26" s="104">
        <v>280392</v>
      </c>
      <c r="GE26" s="104">
        <v>169216</v>
      </c>
      <c r="GF26" s="103">
        <v>1345208</v>
      </c>
      <c r="GG26" s="296">
        <v>1449288</v>
      </c>
      <c r="GH26" s="105">
        <v>0</v>
      </c>
      <c r="GI26" s="104">
        <v>0</v>
      </c>
      <c r="GJ26" s="102">
        <v>0</v>
      </c>
      <c r="GK26" s="101">
        <v>0</v>
      </c>
      <c r="GL26" s="104">
        <v>0</v>
      </c>
      <c r="GM26" s="104">
        <v>35520</v>
      </c>
      <c r="GN26" s="104">
        <v>0</v>
      </c>
      <c r="GO26" s="104">
        <v>0</v>
      </c>
      <c r="GP26" s="104">
        <v>0</v>
      </c>
      <c r="GQ26" s="103">
        <v>35520</v>
      </c>
      <c r="GR26" s="106">
        <v>35520</v>
      </c>
      <c r="GS26" s="100">
        <v>114400</v>
      </c>
      <c r="GT26" s="104">
        <v>0</v>
      </c>
      <c r="GU26" s="103">
        <v>114400</v>
      </c>
      <c r="GV26" s="100">
        <v>0</v>
      </c>
      <c r="GW26" s="104">
        <v>0</v>
      </c>
      <c r="GX26" s="104">
        <v>0</v>
      </c>
      <c r="GY26" s="104">
        <v>0</v>
      </c>
      <c r="GZ26" s="104">
        <v>0</v>
      </c>
      <c r="HA26" s="104">
        <v>0</v>
      </c>
      <c r="HB26" s="102">
        <v>0</v>
      </c>
      <c r="HC26" s="106">
        <v>114400</v>
      </c>
      <c r="HD26" s="100">
        <v>0</v>
      </c>
      <c r="HE26" s="104">
        <v>180936</v>
      </c>
      <c r="HF26" s="102">
        <v>180936</v>
      </c>
      <c r="HG26" s="101">
        <v>0</v>
      </c>
      <c r="HH26" s="104">
        <v>619993</v>
      </c>
      <c r="HI26" s="104">
        <v>1037723</v>
      </c>
      <c r="HJ26" s="104">
        <v>936859</v>
      </c>
      <c r="HK26" s="104">
        <v>930911</v>
      </c>
      <c r="HL26" s="104">
        <v>477386</v>
      </c>
      <c r="HM26" s="103">
        <v>4002872</v>
      </c>
      <c r="HN26" s="99">
        <v>4183808</v>
      </c>
      <c r="HO26" s="306">
        <v>0</v>
      </c>
      <c r="HP26" s="307">
        <v>0</v>
      </c>
      <c r="HQ26" s="308">
        <v>0</v>
      </c>
      <c r="HR26" s="309">
        <v>0</v>
      </c>
      <c r="HS26" s="307">
        <v>0</v>
      </c>
      <c r="HT26" s="307">
        <v>0</v>
      </c>
      <c r="HU26" s="307">
        <v>0</v>
      </c>
      <c r="HV26" s="307">
        <v>0</v>
      </c>
      <c r="HW26" s="307">
        <v>0</v>
      </c>
      <c r="HX26" s="310">
        <v>0</v>
      </c>
      <c r="HY26" s="311">
        <v>0</v>
      </c>
      <c r="HZ26" s="137">
        <v>0</v>
      </c>
      <c r="IA26" s="122">
        <v>0</v>
      </c>
      <c r="IB26" s="137">
        <v>0</v>
      </c>
      <c r="IC26" s="121">
        <v>0</v>
      </c>
      <c r="ID26" s="122">
        <v>706302</v>
      </c>
      <c r="IE26" s="123">
        <v>1005279</v>
      </c>
      <c r="IF26" s="124">
        <v>836832</v>
      </c>
      <c r="IG26" s="122">
        <v>322835</v>
      </c>
      <c r="IH26" s="124">
        <v>0</v>
      </c>
      <c r="II26" s="125">
        <v>2871248</v>
      </c>
      <c r="IJ26" s="137">
        <v>2871248</v>
      </c>
      <c r="IK26" s="219">
        <v>0</v>
      </c>
      <c r="IL26" s="223">
        <v>0</v>
      </c>
      <c r="IM26" s="224">
        <v>0</v>
      </c>
      <c r="IN26" s="127">
        <v>0</v>
      </c>
      <c r="IO26" s="109">
        <v>0</v>
      </c>
      <c r="IP26" s="109">
        <v>123717</v>
      </c>
      <c r="IQ26" s="109">
        <v>0</v>
      </c>
      <c r="IR26" s="109">
        <v>0</v>
      </c>
      <c r="IS26" s="109">
        <v>0</v>
      </c>
      <c r="IT26" s="128">
        <v>123717</v>
      </c>
      <c r="IU26" s="298">
        <v>123717</v>
      </c>
      <c r="IV26" s="129">
        <v>0</v>
      </c>
      <c r="IW26" s="109">
        <v>0</v>
      </c>
      <c r="IX26" s="110">
        <v>0</v>
      </c>
      <c r="IY26" s="131">
        <v>0</v>
      </c>
      <c r="IZ26" s="109">
        <v>0</v>
      </c>
      <c r="JA26" s="109">
        <v>0</v>
      </c>
      <c r="JB26" s="109">
        <v>0</v>
      </c>
      <c r="JC26" s="109">
        <v>0</v>
      </c>
      <c r="JD26" s="109">
        <v>0</v>
      </c>
      <c r="JE26" s="110">
        <v>0</v>
      </c>
      <c r="JF26" s="111">
        <v>0</v>
      </c>
      <c r="JG26" s="129">
        <v>0</v>
      </c>
      <c r="JH26" s="109">
        <v>0</v>
      </c>
      <c r="JI26" s="128">
        <v>0</v>
      </c>
      <c r="JJ26" s="108">
        <v>0</v>
      </c>
      <c r="JK26" s="109">
        <v>242407</v>
      </c>
      <c r="JL26" s="109">
        <v>389937</v>
      </c>
      <c r="JM26" s="109">
        <v>151220</v>
      </c>
      <c r="JN26" s="109">
        <v>171628</v>
      </c>
      <c r="JO26" s="109">
        <v>0</v>
      </c>
      <c r="JP26" s="110">
        <v>955192</v>
      </c>
      <c r="JQ26" s="298">
        <v>955192</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0</v>
      </c>
      <c r="KH26" s="109">
        <v>0</v>
      </c>
      <c r="KI26" s="109">
        <v>685612</v>
      </c>
      <c r="KJ26" s="109">
        <v>0</v>
      </c>
      <c r="KK26" s="109">
        <v>0</v>
      </c>
      <c r="KL26" s="110">
        <v>685612</v>
      </c>
      <c r="KM26" s="130">
        <v>685612</v>
      </c>
      <c r="KN26" s="219">
        <v>0</v>
      </c>
      <c r="KO26" s="223">
        <v>0</v>
      </c>
      <c r="KP26" s="224">
        <v>0</v>
      </c>
      <c r="KQ26" s="127">
        <v>0</v>
      </c>
      <c r="KR26" s="109">
        <v>463895</v>
      </c>
      <c r="KS26" s="109">
        <v>491625</v>
      </c>
      <c r="KT26" s="109">
        <v>0</v>
      </c>
      <c r="KU26" s="109">
        <v>151207</v>
      </c>
      <c r="KV26" s="109">
        <v>0</v>
      </c>
      <c r="KW26" s="110">
        <v>1106727</v>
      </c>
      <c r="KX26" s="298">
        <v>1106727</v>
      </c>
      <c r="KY26" s="129">
        <v>0</v>
      </c>
      <c r="KZ26" s="109">
        <v>0</v>
      </c>
      <c r="LA26" s="110">
        <v>0</v>
      </c>
      <c r="LB26" s="132">
        <v>0</v>
      </c>
      <c r="LC26" s="109">
        <v>0</v>
      </c>
      <c r="LD26" s="109">
        <v>0</v>
      </c>
      <c r="LE26" s="109">
        <v>0</v>
      </c>
      <c r="LF26" s="109">
        <v>0</v>
      </c>
      <c r="LG26" s="109">
        <v>0</v>
      </c>
      <c r="LH26" s="110">
        <v>0</v>
      </c>
      <c r="LI26" s="111">
        <v>0</v>
      </c>
      <c r="LJ26" s="129">
        <v>0</v>
      </c>
      <c r="LK26" s="109">
        <v>0</v>
      </c>
      <c r="LL26" s="110">
        <v>0</v>
      </c>
      <c r="LM26" s="132">
        <v>0</v>
      </c>
      <c r="LN26" s="109">
        <v>0</v>
      </c>
      <c r="LO26" s="109">
        <v>0</v>
      </c>
      <c r="LP26" s="109">
        <v>0</v>
      </c>
      <c r="LQ26" s="109">
        <v>0</v>
      </c>
      <c r="LR26" s="109">
        <v>0</v>
      </c>
      <c r="LS26" s="110">
        <v>0</v>
      </c>
      <c r="LT26" s="298">
        <v>0</v>
      </c>
      <c r="LU26" s="129">
        <v>0</v>
      </c>
      <c r="LV26" s="109">
        <v>0</v>
      </c>
      <c r="LW26" s="110">
        <v>0</v>
      </c>
      <c r="LX26" s="132">
        <v>0</v>
      </c>
      <c r="LY26" s="109">
        <v>0</v>
      </c>
      <c r="LZ26" s="109">
        <v>0</v>
      </c>
      <c r="MA26" s="109">
        <v>0</v>
      </c>
      <c r="MB26" s="109">
        <v>0</v>
      </c>
      <c r="MC26" s="109">
        <v>0</v>
      </c>
      <c r="MD26" s="110">
        <v>0</v>
      </c>
      <c r="ME26" s="111">
        <v>0</v>
      </c>
      <c r="MF26" s="129">
        <v>0</v>
      </c>
      <c r="MG26" s="109">
        <v>0</v>
      </c>
      <c r="MH26" s="110">
        <v>0</v>
      </c>
      <c r="MI26" s="132">
        <v>0</v>
      </c>
      <c r="MJ26" s="109">
        <v>0</v>
      </c>
      <c r="MK26" s="109">
        <v>228503</v>
      </c>
      <c r="ML26" s="109">
        <v>2468810</v>
      </c>
      <c r="MM26" s="109">
        <v>3167775</v>
      </c>
      <c r="MN26" s="109">
        <v>1640266</v>
      </c>
      <c r="MO26" s="110">
        <v>7505354</v>
      </c>
      <c r="MP26" s="130">
        <v>7505354</v>
      </c>
      <c r="MQ26" s="129">
        <v>0</v>
      </c>
      <c r="MR26" s="109">
        <v>0</v>
      </c>
      <c r="MS26" s="110">
        <v>0</v>
      </c>
      <c r="MT26" s="132">
        <v>0</v>
      </c>
      <c r="MU26" s="109">
        <v>0</v>
      </c>
      <c r="MV26" s="109">
        <v>0</v>
      </c>
      <c r="MW26" s="109">
        <v>1954971</v>
      </c>
      <c r="MX26" s="109">
        <v>2928847</v>
      </c>
      <c r="MY26" s="109">
        <v>1299996</v>
      </c>
      <c r="MZ26" s="110">
        <v>6183814</v>
      </c>
      <c r="NA26" s="130">
        <v>6183814</v>
      </c>
      <c r="NB26" s="129">
        <v>0</v>
      </c>
      <c r="NC26" s="109">
        <v>0</v>
      </c>
      <c r="ND26" s="110">
        <v>0</v>
      </c>
      <c r="NE26" s="132">
        <v>0</v>
      </c>
      <c r="NF26" s="109">
        <v>0</v>
      </c>
      <c r="NG26" s="109">
        <v>228503</v>
      </c>
      <c r="NH26" s="109">
        <v>513839</v>
      </c>
      <c r="NI26" s="109">
        <v>238928</v>
      </c>
      <c r="NJ26" s="109">
        <v>0</v>
      </c>
      <c r="NK26" s="110">
        <v>981270</v>
      </c>
      <c r="NL26" s="298">
        <v>981270</v>
      </c>
      <c r="NM26" s="129">
        <v>0</v>
      </c>
      <c r="NN26" s="109">
        <v>0</v>
      </c>
      <c r="NO26" s="110">
        <v>0</v>
      </c>
      <c r="NP26" s="132">
        <v>0</v>
      </c>
      <c r="NQ26" s="109">
        <v>0</v>
      </c>
      <c r="NR26" s="109">
        <v>0</v>
      </c>
      <c r="NS26" s="109">
        <v>0</v>
      </c>
      <c r="NT26" s="109">
        <v>0</v>
      </c>
      <c r="NU26" s="109">
        <v>0</v>
      </c>
      <c r="NV26" s="110">
        <v>0</v>
      </c>
      <c r="NW26" s="111">
        <v>0</v>
      </c>
      <c r="NX26" s="129">
        <v>0</v>
      </c>
      <c r="NY26" s="109">
        <v>0</v>
      </c>
      <c r="NZ26" s="110">
        <v>0</v>
      </c>
      <c r="OA26" s="132">
        <v>0</v>
      </c>
      <c r="OB26" s="109">
        <v>0</v>
      </c>
      <c r="OC26" s="109">
        <v>0</v>
      </c>
      <c r="OD26" s="109">
        <v>0</v>
      </c>
      <c r="OE26" s="109">
        <v>0</v>
      </c>
      <c r="OF26" s="109">
        <v>340270</v>
      </c>
      <c r="OG26" s="110">
        <v>340270</v>
      </c>
      <c r="OH26" s="111">
        <v>340270</v>
      </c>
      <c r="OI26" s="129">
        <v>303152</v>
      </c>
      <c r="OJ26" s="109">
        <v>487558</v>
      </c>
      <c r="OK26" s="128">
        <v>790710</v>
      </c>
      <c r="OL26" s="108">
        <v>0</v>
      </c>
      <c r="OM26" s="109">
        <v>3493164</v>
      </c>
      <c r="ON26" s="109">
        <v>5875501</v>
      </c>
      <c r="OO26" s="109">
        <v>7755187</v>
      </c>
      <c r="OP26" s="109">
        <v>7378461</v>
      </c>
      <c r="OQ26" s="109">
        <v>4395550</v>
      </c>
      <c r="OR26" s="110">
        <v>28897863</v>
      </c>
      <c r="OS26" s="130">
        <v>29688573</v>
      </c>
    </row>
    <row r="27" spans="2:409" ht="21" customHeight="1" x14ac:dyDescent="0.2">
      <c r="B27" s="472" t="s">
        <v>22</v>
      </c>
      <c r="C27" s="100">
        <v>73382</v>
      </c>
      <c r="D27" s="104">
        <v>374657</v>
      </c>
      <c r="E27" s="103">
        <v>448039</v>
      </c>
      <c r="F27" s="99">
        <v>0</v>
      </c>
      <c r="G27" s="104">
        <v>2123605</v>
      </c>
      <c r="H27" s="104">
        <v>1979127</v>
      </c>
      <c r="I27" s="104">
        <v>748974</v>
      </c>
      <c r="J27" s="104">
        <v>1859251</v>
      </c>
      <c r="K27" s="104">
        <v>1410016</v>
      </c>
      <c r="L27" s="160">
        <v>8120973</v>
      </c>
      <c r="M27" s="106">
        <v>8569012</v>
      </c>
      <c r="N27" s="100">
        <v>19824</v>
      </c>
      <c r="O27" s="104">
        <v>11888</v>
      </c>
      <c r="P27" s="103">
        <v>31712</v>
      </c>
      <c r="Q27" s="100">
        <v>0</v>
      </c>
      <c r="R27" s="104">
        <v>398126</v>
      </c>
      <c r="S27" s="104">
        <v>736697</v>
      </c>
      <c r="T27" s="104">
        <v>303422</v>
      </c>
      <c r="U27" s="104">
        <v>586451</v>
      </c>
      <c r="V27" s="104">
        <v>434520</v>
      </c>
      <c r="W27" s="103">
        <v>2459216</v>
      </c>
      <c r="X27" s="106">
        <v>2490928</v>
      </c>
      <c r="Y27" s="100">
        <v>0</v>
      </c>
      <c r="Z27" s="104">
        <v>0</v>
      </c>
      <c r="AA27" s="103">
        <v>0</v>
      </c>
      <c r="AB27" s="100">
        <v>0</v>
      </c>
      <c r="AC27" s="104">
        <v>191266</v>
      </c>
      <c r="AD27" s="104">
        <v>263162</v>
      </c>
      <c r="AE27" s="104">
        <v>43048</v>
      </c>
      <c r="AF27" s="104">
        <v>372699</v>
      </c>
      <c r="AG27" s="104">
        <v>310232</v>
      </c>
      <c r="AH27" s="103">
        <v>1180407</v>
      </c>
      <c r="AI27" s="106">
        <v>1180407</v>
      </c>
      <c r="AJ27" s="100">
        <v>0</v>
      </c>
      <c r="AK27" s="104">
        <v>0</v>
      </c>
      <c r="AL27" s="103">
        <v>0</v>
      </c>
      <c r="AM27" s="100">
        <v>0</v>
      </c>
      <c r="AN27" s="104">
        <v>46112</v>
      </c>
      <c r="AO27" s="104">
        <v>0</v>
      </c>
      <c r="AP27" s="104">
        <v>0</v>
      </c>
      <c r="AQ27" s="104">
        <v>87416</v>
      </c>
      <c r="AR27" s="104">
        <v>0</v>
      </c>
      <c r="AS27" s="103">
        <v>133528</v>
      </c>
      <c r="AT27" s="106">
        <v>133528</v>
      </c>
      <c r="AU27" s="100">
        <v>0</v>
      </c>
      <c r="AV27" s="104">
        <v>11888</v>
      </c>
      <c r="AW27" s="103">
        <v>11888</v>
      </c>
      <c r="AX27" s="100">
        <v>0</v>
      </c>
      <c r="AY27" s="104">
        <v>118476</v>
      </c>
      <c r="AZ27" s="104">
        <v>288669</v>
      </c>
      <c r="BA27" s="104">
        <v>241494</v>
      </c>
      <c r="BB27" s="104">
        <v>35840</v>
      </c>
      <c r="BC27" s="104">
        <v>85984</v>
      </c>
      <c r="BD27" s="103">
        <v>770463</v>
      </c>
      <c r="BE27" s="106">
        <v>782351</v>
      </c>
      <c r="BF27" s="100">
        <v>0</v>
      </c>
      <c r="BG27" s="104">
        <v>0</v>
      </c>
      <c r="BH27" s="102">
        <v>0</v>
      </c>
      <c r="BI27" s="101">
        <v>0</v>
      </c>
      <c r="BJ27" s="104">
        <v>0</v>
      </c>
      <c r="BK27" s="104">
        <v>70642</v>
      </c>
      <c r="BL27" s="104">
        <v>0</v>
      </c>
      <c r="BM27" s="104">
        <v>0</v>
      </c>
      <c r="BN27" s="104">
        <v>0</v>
      </c>
      <c r="BO27" s="103">
        <v>70642</v>
      </c>
      <c r="BP27" s="106">
        <v>70642</v>
      </c>
      <c r="BQ27" s="100">
        <v>19824</v>
      </c>
      <c r="BR27" s="104">
        <v>0</v>
      </c>
      <c r="BS27" s="103">
        <v>19824</v>
      </c>
      <c r="BT27" s="100">
        <v>0</v>
      </c>
      <c r="BU27" s="104">
        <v>42272</v>
      </c>
      <c r="BV27" s="104">
        <v>114224</v>
      </c>
      <c r="BW27" s="104">
        <v>18880</v>
      </c>
      <c r="BX27" s="104">
        <v>90496</v>
      </c>
      <c r="BY27" s="104">
        <v>38304</v>
      </c>
      <c r="BZ27" s="103">
        <v>304176</v>
      </c>
      <c r="CA27" s="106">
        <v>324000</v>
      </c>
      <c r="CB27" s="100">
        <v>0</v>
      </c>
      <c r="CC27" s="104">
        <v>105536</v>
      </c>
      <c r="CD27" s="103">
        <v>105536</v>
      </c>
      <c r="CE27" s="100">
        <v>0</v>
      </c>
      <c r="CF27" s="104">
        <v>721123</v>
      </c>
      <c r="CG27" s="104">
        <v>641395</v>
      </c>
      <c r="CH27" s="104">
        <v>307616</v>
      </c>
      <c r="CI27" s="104">
        <v>192856</v>
      </c>
      <c r="CJ27" s="104">
        <v>646776</v>
      </c>
      <c r="CK27" s="103">
        <v>2509766</v>
      </c>
      <c r="CL27" s="106">
        <v>2615302</v>
      </c>
      <c r="CM27" s="100">
        <v>0</v>
      </c>
      <c r="CN27" s="104">
        <v>0</v>
      </c>
      <c r="CO27" s="103">
        <v>0</v>
      </c>
      <c r="CP27" s="101">
        <v>0</v>
      </c>
      <c r="CQ27" s="104">
        <v>601331</v>
      </c>
      <c r="CR27" s="104">
        <v>424643</v>
      </c>
      <c r="CS27" s="104">
        <v>217640</v>
      </c>
      <c r="CT27" s="104">
        <v>192856</v>
      </c>
      <c r="CU27" s="104">
        <v>475168</v>
      </c>
      <c r="CV27" s="103">
        <v>1911638</v>
      </c>
      <c r="CW27" s="106">
        <v>1911638</v>
      </c>
      <c r="CX27" s="100">
        <v>0</v>
      </c>
      <c r="CY27" s="104">
        <v>105536</v>
      </c>
      <c r="CZ27" s="103">
        <v>105536</v>
      </c>
      <c r="DA27" s="100">
        <v>0</v>
      </c>
      <c r="DB27" s="104">
        <v>119792</v>
      </c>
      <c r="DC27" s="104">
        <v>216752</v>
      </c>
      <c r="DD27" s="104">
        <v>89976</v>
      </c>
      <c r="DE27" s="104">
        <v>0</v>
      </c>
      <c r="DF27" s="104">
        <v>171608</v>
      </c>
      <c r="DG27" s="103">
        <v>598128</v>
      </c>
      <c r="DH27" s="106">
        <v>703664</v>
      </c>
      <c r="DI27" s="100">
        <v>0</v>
      </c>
      <c r="DJ27" s="104">
        <v>0</v>
      </c>
      <c r="DK27" s="102">
        <v>0</v>
      </c>
      <c r="DL27" s="101">
        <v>0</v>
      </c>
      <c r="DM27" s="104">
        <v>152088</v>
      </c>
      <c r="DN27" s="104">
        <v>46371</v>
      </c>
      <c r="DO27" s="104">
        <v>27016</v>
      </c>
      <c r="DP27" s="104">
        <v>580288</v>
      </c>
      <c r="DQ27" s="104">
        <v>196616</v>
      </c>
      <c r="DR27" s="103">
        <v>1002379</v>
      </c>
      <c r="DS27" s="106">
        <v>1002379</v>
      </c>
      <c r="DT27" s="100">
        <v>0</v>
      </c>
      <c r="DU27" s="104">
        <v>0</v>
      </c>
      <c r="DV27" s="103">
        <v>0</v>
      </c>
      <c r="DW27" s="100">
        <v>0</v>
      </c>
      <c r="DX27" s="104">
        <v>152088</v>
      </c>
      <c r="DY27" s="104">
        <v>23783</v>
      </c>
      <c r="DZ27" s="104">
        <v>27016</v>
      </c>
      <c r="EA27" s="104">
        <v>580288</v>
      </c>
      <c r="EB27" s="104">
        <v>196616</v>
      </c>
      <c r="EC27" s="103">
        <v>979791</v>
      </c>
      <c r="ED27" s="106">
        <v>979791</v>
      </c>
      <c r="EE27" s="100">
        <v>0</v>
      </c>
      <c r="EF27" s="102">
        <v>0</v>
      </c>
      <c r="EG27" s="103">
        <v>0</v>
      </c>
      <c r="EH27" s="100">
        <v>0</v>
      </c>
      <c r="EI27" s="104">
        <v>0</v>
      </c>
      <c r="EJ27" s="104">
        <v>22588</v>
      </c>
      <c r="EK27" s="104">
        <v>0</v>
      </c>
      <c r="EL27" s="104">
        <v>0</v>
      </c>
      <c r="EM27" s="104">
        <v>0</v>
      </c>
      <c r="EN27" s="102">
        <v>22588</v>
      </c>
      <c r="EO27" s="106">
        <v>22588</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v>0</v>
      </c>
      <c r="FE27" s="104">
        <v>0</v>
      </c>
      <c r="FF27" s="104">
        <v>0</v>
      </c>
      <c r="FG27" s="104">
        <v>0</v>
      </c>
      <c r="FH27" s="104">
        <v>0</v>
      </c>
      <c r="FI27" s="104">
        <v>0</v>
      </c>
      <c r="FJ27" s="103">
        <v>0</v>
      </c>
      <c r="FK27" s="106">
        <v>0</v>
      </c>
      <c r="FL27" s="100">
        <v>2800</v>
      </c>
      <c r="FM27" s="104">
        <v>63600</v>
      </c>
      <c r="FN27" s="103">
        <v>66400</v>
      </c>
      <c r="FO27" s="100">
        <v>0</v>
      </c>
      <c r="FP27" s="104">
        <v>139080</v>
      </c>
      <c r="FQ27" s="104">
        <v>222224</v>
      </c>
      <c r="FR27" s="104">
        <v>110920</v>
      </c>
      <c r="FS27" s="104">
        <v>95624</v>
      </c>
      <c r="FT27" s="104">
        <v>132104</v>
      </c>
      <c r="FU27" s="103">
        <v>699952</v>
      </c>
      <c r="FV27" s="106">
        <v>766352</v>
      </c>
      <c r="FW27" s="105">
        <v>2800</v>
      </c>
      <c r="FX27" s="104">
        <v>63600</v>
      </c>
      <c r="FY27" s="102">
        <v>66400</v>
      </c>
      <c r="FZ27" s="101">
        <v>0</v>
      </c>
      <c r="GA27" s="104">
        <v>95080</v>
      </c>
      <c r="GB27" s="104">
        <v>211664</v>
      </c>
      <c r="GC27" s="104">
        <v>110920</v>
      </c>
      <c r="GD27" s="104">
        <v>95624</v>
      </c>
      <c r="GE27" s="104">
        <v>132104</v>
      </c>
      <c r="GF27" s="103">
        <v>645392</v>
      </c>
      <c r="GG27" s="296">
        <v>711792</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44000</v>
      </c>
      <c r="GX27" s="104">
        <v>10560</v>
      </c>
      <c r="GY27" s="104">
        <v>0</v>
      </c>
      <c r="GZ27" s="104">
        <v>0</v>
      </c>
      <c r="HA27" s="104">
        <v>0</v>
      </c>
      <c r="HB27" s="102">
        <v>54560</v>
      </c>
      <c r="HC27" s="106">
        <v>54560</v>
      </c>
      <c r="HD27" s="100">
        <v>50758</v>
      </c>
      <c r="HE27" s="104">
        <v>193633</v>
      </c>
      <c r="HF27" s="102">
        <v>244391</v>
      </c>
      <c r="HG27" s="101">
        <v>0</v>
      </c>
      <c r="HH27" s="104">
        <v>713188</v>
      </c>
      <c r="HI27" s="104">
        <v>332440</v>
      </c>
      <c r="HJ27" s="104">
        <v>0</v>
      </c>
      <c r="HK27" s="104">
        <v>404032</v>
      </c>
      <c r="HL27" s="104">
        <v>0</v>
      </c>
      <c r="HM27" s="103">
        <v>1449660</v>
      </c>
      <c r="HN27" s="99">
        <v>1694051</v>
      </c>
      <c r="HO27" s="306">
        <v>0</v>
      </c>
      <c r="HP27" s="307">
        <v>0</v>
      </c>
      <c r="HQ27" s="308">
        <v>0</v>
      </c>
      <c r="HR27" s="309">
        <v>0</v>
      </c>
      <c r="HS27" s="307">
        <v>0</v>
      </c>
      <c r="HT27" s="307">
        <v>0</v>
      </c>
      <c r="HU27" s="307">
        <v>0</v>
      </c>
      <c r="HV27" s="307">
        <v>0</v>
      </c>
      <c r="HW27" s="307">
        <v>0</v>
      </c>
      <c r="HX27" s="310">
        <v>0</v>
      </c>
      <c r="HY27" s="311">
        <v>0</v>
      </c>
      <c r="HZ27" s="118">
        <v>0</v>
      </c>
      <c r="IA27" s="119">
        <v>0</v>
      </c>
      <c r="IB27" s="120">
        <v>0</v>
      </c>
      <c r="IC27" s="133">
        <v>0</v>
      </c>
      <c r="ID27" s="119">
        <v>832384</v>
      </c>
      <c r="IE27" s="134">
        <v>1679384</v>
      </c>
      <c r="IF27" s="120">
        <v>260748</v>
      </c>
      <c r="IG27" s="119">
        <v>781880</v>
      </c>
      <c r="IH27" s="120">
        <v>0</v>
      </c>
      <c r="II27" s="135">
        <v>3554396</v>
      </c>
      <c r="IJ27" s="126">
        <v>3554396</v>
      </c>
      <c r="IK27" s="219">
        <v>0</v>
      </c>
      <c r="IL27" s="223">
        <v>0</v>
      </c>
      <c r="IM27" s="224">
        <v>0</v>
      </c>
      <c r="IN27" s="127">
        <v>0</v>
      </c>
      <c r="IO27" s="109">
        <v>0</v>
      </c>
      <c r="IP27" s="109">
        <v>329232</v>
      </c>
      <c r="IQ27" s="109">
        <v>0</v>
      </c>
      <c r="IR27" s="109">
        <v>0</v>
      </c>
      <c r="IS27" s="109">
        <v>0</v>
      </c>
      <c r="IT27" s="128">
        <v>329232</v>
      </c>
      <c r="IU27" s="298">
        <v>329232</v>
      </c>
      <c r="IV27" s="129">
        <v>0</v>
      </c>
      <c r="IW27" s="109">
        <v>0</v>
      </c>
      <c r="IX27" s="110">
        <v>0</v>
      </c>
      <c r="IY27" s="131">
        <v>0</v>
      </c>
      <c r="IZ27" s="109">
        <v>0</v>
      </c>
      <c r="JA27" s="109">
        <v>0</v>
      </c>
      <c r="JB27" s="109">
        <v>0</v>
      </c>
      <c r="JC27" s="109">
        <v>0</v>
      </c>
      <c r="JD27" s="109">
        <v>0</v>
      </c>
      <c r="JE27" s="110">
        <v>0</v>
      </c>
      <c r="JF27" s="111">
        <v>0</v>
      </c>
      <c r="JG27" s="129">
        <v>0</v>
      </c>
      <c r="JH27" s="109">
        <v>0</v>
      </c>
      <c r="JI27" s="128">
        <v>0</v>
      </c>
      <c r="JJ27" s="108">
        <v>0</v>
      </c>
      <c r="JK27" s="109">
        <v>208928</v>
      </c>
      <c r="JL27" s="109">
        <v>129024</v>
      </c>
      <c r="JM27" s="109">
        <v>21048</v>
      </c>
      <c r="JN27" s="109">
        <v>123136</v>
      </c>
      <c r="JO27" s="109">
        <v>0</v>
      </c>
      <c r="JP27" s="110">
        <v>482136</v>
      </c>
      <c r="JQ27" s="298">
        <v>482136</v>
      </c>
      <c r="JR27" s="129">
        <v>0</v>
      </c>
      <c r="JS27" s="109">
        <v>0</v>
      </c>
      <c r="JT27" s="128">
        <v>0</v>
      </c>
      <c r="JU27" s="108">
        <v>0</v>
      </c>
      <c r="JV27" s="109">
        <v>0</v>
      </c>
      <c r="JW27" s="109">
        <v>0</v>
      </c>
      <c r="JX27" s="109">
        <v>0</v>
      </c>
      <c r="JY27" s="109">
        <v>143528</v>
      </c>
      <c r="JZ27" s="109">
        <v>0</v>
      </c>
      <c r="KA27" s="110">
        <v>143528</v>
      </c>
      <c r="KB27" s="298">
        <v>143528</v>
      </c>
      <c r="KC27" s="221">
        <v>0</v>
      </c>
      <c r="KD27" s="217">
        <v>0</v>
      </c>
      <c r="KE27" s="110">
        <v>0</v>
      </c>
      <c r="KF27" s="108">
        <v>0</v>
      </c>
      <c r="KG27" s="109">
        <v>400360</v>
      </c>
      <c r="KH27" s="109">
        <v>311792</v>
      </c>
      <c r="KI27" s="109">
        <v>0</v>
      </c>
      <c r="KJ27" s="109">
        <v>0</v>
      </c>
      <c r="KK27" s="109">
        <v>0</v>
      </c>
      <c r="KL27" s="110">
        <v>712152</v>
      </c>
      <c r="KM27" s="130">
        <v>712152</v>
      </c>
      <c r="KN27" s="219">
        <v>0</v>
      </c>
      <c r="KO27" s="223">
        <v>0</v>
      </c>
      <c r="KP27" s="224">
        <v>0</v>
      </c>
      <c r="KQ27" s="127">
        <v>0</v>
      </c>
      <c r="KR27" s="109">
        <v>223096</v>
      </c>
      <c r="KS27" s="109">
        <v>468984</v>
      </c>
      <c r="KT27" s="109">
        <v>239700</v>
      </c>
      <c r="KU27" s="109">
        <v>0</v>
      </c>
      <c r="KV27" s="109">
        <v>0</v>
      </c>
      <c r="KW27" s="110">
        <v>931780</v>
      </c>
      <c r="KX27" s="298">
        <v>931780</v>
      </c>
      <c r="KY27" s="129">
        <v>0</v>
      </c>
      <c r="KZ27" s="109">
        <v>0</v>
      </c>
      <c r="LA27" s="110">
        <v>0</v>
      </c>
      <c r="LB27" s="132">
        <v>0</v>
      </c>
      <c r="LC27" s="109">
        <v>0</v>
      </c>
      <c r="LD27" s="109">
        <v>0</v>
      </c>
      <c r="LE27" s="109">
        <v>0</v>
      </c>
      <c r="LF27" s="109">
        <v>0</v>
      </c>
      <c r="LG27" s="109">
        <v>0</v>
      </c>
      <c r="LH27" s="110">
        <v>0</v>
      </c>
      <c r="LI27" s="111">
        <v>0</v>
      </c>
      <c r="LJ27" s="129">
        <v>0</v>
      </c>
      <c r="LK27" s="109">
        <v>0</v>
      </c>
      <c r="LL27" s="110">
        <v>0</v>
      </c>
      <c r="LM27" s="132">
        <v>0</v>
      </c>
      <c r="LN27" s="109">
        <v>0</v>
      </c>
      <c r="LO27" s="109">
        <v>440352</v>
      </c>
      <c r="LP27" s="109">
        <v>0</v>
      </c>
      <c r="LQ27" s="109">
        <v>515216</v>
      </c>
      <c r="LR27" s="109">
        <v>0</v>
      </c>
      <c r="LS27" s="110">
        <v>955568</v>
      </c>
      <c r="LT27" s="298">
        <v>955568</v>
      </c>
      <c r="LU27" s="129">
        <v>0</v>
      </c>
      <c r="LV27" s="109">
        <v>0</v>
      </c>
      <c r="LW27" s="110">
        <v>0</v>
      </c>
      <c r="LX27" s="132">
        <v>0</v>
      </c>
      <c r="LY27" s="109">
        <v>0</v>
      </c>
      <c r="LZ27" s="109">
        <v>0</v>
      </c>
      <c r="MA27" s="109">
        <v>0</v>
      </c>
      <c r="MB27" s="109">
        <v>0</v>
      </c>
      <c r="MC27" s="109">
        <v>0</v>
      </c>
      <c r="MD27" s="110">
        <v>0</v>
      </c>
      <c r="ME27" s="111">
        <v>0</v>
      </c>
      <c r="MF27" s="129">
        <v>0</v>
      </c>
      <c r="MG27" s="109">
        <v>0</v>
      </c>
      <c r="MH27" s="110">
        <v>0</v>
      </c>
      <c r="MI27" s="132">
        <v>0</v>
      </c>
      <c r="MJ27" s="109">
        <v>0</v>
      </c>
      <c r="MK27" s="109">
        <v>0</v>
      </c>
      <c r="ML27" s="109">
        <v>1170206</v>
      </c>
      <c r="MM27" s="109">
        <v>1463003</v>
      </c>
      <c r="MN27" s="109">
        <v>464166</v>
      </c>
      <c r="MO27" s="110">
        <v>3097375</v>
      </c>
      <c r="MP27" s="130">
        <v>3097375</v>
      </c>
      <c r="MQ27" s="129">
        <v>0</v>
      </c>
      <c r="MR27" s="109">
        <v>0</v>
      </c>
      <c r="MS27" s="110">
        <v>0</v>
      </c>
      <c r="MT27" s="132">
        <v>0</v>
      </c>
      <c r="MU27" s="109">
        <v>0</v>
      </c>
      <c r="MV27" s="109">
        <v>0</v>
      </c>
      <c r="MW27" s="109">
        <v>898064</v>
      </c>
      <c r="MX27" s="109">
        <v>1186403</v>
      </c>
      <c r="MY27" s="109">
        <v>169206</v>
      </c>
      <c r="MZ27" s="110">
        <v>2253673</v>
      </c>
      <c r="NA27" s="130">
        <v>2253673</v>
      </c>
      <c r="NB27" s="129">
        <v>0</v>
      </c>
      <c r="NC27" s="109">
        <v>0</v>
      </c>
      <c r="ND27" s="110">
        <v>0</v>
      </c>
      <c r="NE27" s="132">
        <v>0</v>
      </c>
      <c r="NF27" s="109">
        <v>0</v>
      </c>
      <c r="NG27" s="109">
        <v>0</v>
      </c>
      <c r="NH27" s="109">
        <v>272142</v>
      </c>
      <c r="NI27" s="109">
        <v>276600</v>
      </c>
      <c r="NJ27" s="109">
        <v>294960</v>
      </c>
      <c r="NK27" s="110">
        <v>843702</v>
      </c>
      <c r="NL27" s="298">
        <v>843702</v>
      </c>
      <c r="NM27" s="129">
        <v>0</v>
      </c>
      <c r="NN27" s="109">
        <v>0</v>
      </c>
      <c r="NO27" s="110">
        <v>0</v>
      </c>
      <c r="NP27" s="132">
        <v>0</v>
      </c>
      <c r="NQ27" s="109">
        <v>0</v>
      </c>
      <c r="NR27" s="109">
        <v>0</v>
      </c>
      <c r="NS27" s="109">
        <v>0</v>
      </c>
      <c r="NT27" s="109">
        <v>0</v>
      </c>
      <c r="NU27" s="109">
        <v>0</v>
      </c>
      <c r="NV27" s="110">
        <v>0</v>
      </c>
      <c r="NW27" s="111">
        <v>0</v>
      </c>
      <c r="NX27" s="129">
        <v>0</v>
      </c>
      <c r="NY27" s="109">
        <v>0</v>
      </c>
      <c r="NZ27" s="110">
        <v>0</v>
      </c>
      <c r="OA27" s="132">
        <v>0</v>
      </c>
      <c r="OB27" s="109">
        <v>0</v>
      </c>
      <c r="OC27" s="109">
        <v>0</v>
      </c>
      <c r="OD27" s="109">
        <v>0</v>
      </c>
      <c r="OE27" s="109">
        <v>0</v>
      </c>
      <c r="OF27" s="109">
        <v>0</v>
      </c>
      <c r="OG27" s="110">
        <v>0</v>
      </c>
      <c r="OH27" s="111">
        <v>0</v>
      </c>
      <c r="OI27" s="129">
        <v>73382</v>
      </c>
      <c r="OJ27" s="109">
        <v>374657</v>
      </c>
      <c r="OK27" s="128">
        <v>448039</v>
      </c>
      <c r="OL27" s="108">
        <v>0</v>
      </c>
      <c r="OM27" s="109">
        <v>2955989</v>
      </c>
      <c r="ON27" s="109">
        <v>3658511</v>
      </c>
      <c r="OO27" s="109">
        <v>2179928</v>
      </c>
      <c r="OP27" s="109">
        <v>4104134</v>
      </c>
      <c r="OQ27" s="109">
        <v>1874182</v>
      </c>
      <c r="OR27" s="110">
        <v>14772744</v>
      </c>
      <c r="OS27" s="130">
        <v>15220783</v>
      </c>
    </row>
    <row r="28" spans="2:409" ht="21" customHeight="1" x14ac:dyDescent="0.2">
      <c r="B28" s="472" t="s">
        <v>23</v>
      </c>
      <c r="C28" s="100">
        <v>299373</v>
      </c>
      <c r="D28" s="104">
        <v>205955</v>
      </c>
      <c r="E28" s="103">
        <v>505328</v>
      </c>
      <c r="F28" s="99">
        <v>0</v>
      </c>
      <c r="G28" s="104">
        <v>3209775</v>
      </c>
      <c r="H28" s="104">
        <v>3293657</v>
      </c>
      <c r="I28" s="104">
        <v>1930808</v>
      </c>
      <c r="J28" s="104">
        <v>2711961</v>
      </c>
      <c r="K28" s="104">
        <v>1493224</v>
      </c>
      <c r="L28" s="160">
        <v>12639425</v>
      </c>
      <c r="M28" s="106">
        <v>13144753</v>
      </c>
      <c r="N28" s="100">
        <v>107384</v>
      </c>
      <c r="O28" s="104">
        <v>130603</v>
      </c>
      <c r="P28" s="103">
        <v>237987</v>
      </c>
      <c r="Q28" s="100">
        <v>0</v>
      </c>
      <c r="R28" s="104">
        <v>532579</v>
      </c>
      <c r="S28" s="104">
        <v>1261418</v>
      </c>
      <c r="T28" s="104">
        <v>648358</v>
      </c>
      <c r="U28" s="104">
        <v>630203</v>
      </c>
      <c r="V28" s="104">
        <v>419555</v>
      </c>
      <c r="W28" s="103">
        <v>3492113</v>
      </c>
      <c r="X28" s="106">
        <v>3730100</v>
      </c>
      <c r="Y28" s="100">
        <v>0</v>
      </c>
      <c r="Z28" s="104">
        <v>0</v>
      </c>
      <c r="AA28" s="103">
        <v>0</v>
      </c>
      <c r="AB28" s="100">
        <v>0</v>
      </c>
      <c r="AC28" s="104">
        <v>109662</v>
      </c>
      <c r="AD28" s="104">
        <v>517300</v>
      </c>
      <c r="AE28" s="104">
        <v>419292</v>
      </c>
      <c r="AF28" s="104">
        <v>209065</v>
      </c>
      <c r="AG28" s="104">
        <v>274064</v>
      </c>
      <c r="AH28" s="103">
        <v>1529383</v>
      </c>
      <c r="AI28" s="106">
        <v>1529383</v>
      </c>
      <c r="AJ28" s="100">
        <v>0</v>
      </c>
      <c r="AK28" s="104">
        <v>0</v>
      </c>
      <c r="AL28" s="103">
        <v>0</v>
      </c>
      <c r="AM28" s="100">
        <v>0</v>
      </c>
      <c r="AN28" s="104">
        <v>0</v>
      </c>
      <c r="AO28" s="104">
        <v>0</v>
      </c>
      <c r="AP28" s="104">
        <v>0</v>
      </c>
      <c r="AQ28" s="104">
        <v>130285</v>
      </c>
      <c r="AR28" s="104">
        <v>0</v>
      </c>
      <c r="AS28" s="103">
        <v>130285</v>
      </c>
      <c r="AT28" s="106">
        <v>130285</v>
      </c>
      <c r="AU28" s="100">
        <v>55928</v>
      </c>
      <c r="AV28" s="104">
        <v>109470</v>
      </c>
      <c r="AW28" s="103">
        <v>165398</v>
      </c>
      <c r="AX28" s="100">
        <v>0</v>
      </c>
      <c r="AY28" s="104">
        <v>208245</v>
      </c>
      <c r="AZ28" s="104">
        <v>604738</v>
      </c>
      <c r="BA28" s="104">
        <v>134226</v>
      </c>
      <c r="BB28" s="104">
        <v>113981</v>
      </c>
      <c r="BC28" s="104">
        <v>90083</v>
      </c>
      <c r="BD28" s="103">
        <v>1151273</v>
      </c>
      <c r="BE28" s="106">
        <v>1316671</v>
      </c>
      <c r="BF28" s="100">
        <v>0</v>
      </c>
      <c r="BG28" s="104">
        <v>21133</v>
      </c>
      <c r="BH28" s="102">
        <v>21133</v>
      </c>
      <c r="BI28" s="101">
        <v>0</v>
      </c>
      <c r="BJ28" s="104">
        <v>0</v>
      </c>
      <c r="BK28" s="104">
        <v>31700</v>
      </c>
      <c r="BL28" s="104">
        <v>0</v>
      </c>
      <c r="BM28" s="104">
        <v>0</v>
      </c>
      <c r="BN28" s="104">
        <v>0</v>
      </c>
      <c r="BO28" s="103">
        <v>31700</v>
      </c>
      <c r="BP28" s="106">
        <v>52833</v>
      </c>
      <c r="BQ28" s="100">
        <v>51456</v>
      </c>
      <c r="BR28" s="104">
        <v>0</v>
      </c>
      <c r="BS28" s="103">
        <v>51456</v>
      </c>
      <c r="BT28" s="100">
        <v>0</v>
      </c>
      <c r="BU28" s="104">
        <v>214672</v>
      </c>
      <c r="BV28" s="104">
        <v>107680</v>
      </c>
      <c r="BW28" s="104">
        <v>94840</v>
      </c>
      <c r="BX28" s="104">
        <v>176872</v>
      </c>
      <c r="BY28" s="104">
        <v>55408</v>
      </c>
      <c r="BZ28" s="103">
        <v>649472</v>
      </c>
      <c r="CA28" s="106">
        <v>700928</v>
      </c>
      <c r="CB28" s="100">
        <v>0</v>
      </c>
      <c r="CC28" s="104">
        <v>0</v>
      </c>
      <c r="CD28" s="103">
        <v>0</v>
      </c>
      <c r="CE28" s="100">
        <v>0</v>
      </c>
      <c r="CF28" s="104">
        <v>1056267</v>
      </c>
      <c r="CG28" s="104">
        <v>1124196</v>
      </c>
      <c r="CH28" s="104">
        <v>1067816</v>
      </c>
      <c r="CI28" s="104">
        <v>695383</v>
      </c>
      <c r="CJ28" s="104">
        <v>367568</v>
      </c>
      <c r="CK28" s="103">
        <v>4311230</v>
      </c>
      <c r="CL28" s="106">
        <v>4311230</v>
      </c>
      <c r="CM28" s="100">
        <v>0</v>
      </c>
      <c r="CN28" s="104">
        <v>0</v>
      </c>
      <c r="CO28" s="103">
        <v>0</v>
      </c>
      <c r="CP28" s="101">
        <v>0</v>
      </c>
      <c r="CQ28" s="104">
        <v>785887</v>
      </c>
      <c r="CR28" s="104">
        <v>937458</v>
      </c>
      <c r="CS28" s="104">
        <v>770408</v>
      </c>
      <c r="CT28" s="104">
        <v>542561</v>
      </c>
      <c r="CU28" s="104">
        <v>290216</v>
      </c>
      <c r="CV28" s="103">
        <v>3326530</v>
      </c>
      <c r="CW28" s="106">
        <v>3326530</v>
      </c>
      <c r="CX28" s="100">
        <v>0</v>
      </c>
      <c r="CY28" s="104">
        <v>0</v>
      </c>
      <c r="CZ28" s="103">
        <v>0</v>
      </c>
      <c r="DA28" s="100">
        <v>0</v>
      </c>
      <c r="DB28" s="104">
        <v>270380</v>
      </c>
      <c r="DC28" s="104">
        <v>186738</v>
      </c>
      <c r="DD28" s="104">
        <v>297408</v>
      </c>
      <c r="DE28" s="104">
        <v>152822</v>
      </c>
      <c r="DF28" s="104">
        <v>77352</v>
      </c>
      <c r="DG28" s="103">
        <v>984700</v>
      </c>
      <c r="DH28" s="106">
        <v>984700</v>
      </c>
      <c r="DI28" s="100">
        <v>23156</v>
      </c>
      <c r="DJ28" s="104">
        <v>0</v>
      </c>
      <c r="DK28" s="102">
        <v>23156</v>
      </c>
      <c r="DL28" s="101">
        <v>0</v>
      </c>
      <c r="DM28" s="104">
        <v>37676</v>
      </c>
      <c r="DN28" s="104">
        <v>355778</v>
      </c>
      <c r="DO28" s="104">
        <v>64114</v>
      </c>
      <c r="DP28" s="104">
        <v>400795</v>
      </c>
      <c r="DQ28" s="104">
        <v>167958</v>
      </c>
      <c r="DR28" s="103">
        <v>1026321</v>
      </c>
      <c r="DS28" s="106">
        <v>1049477</v>
      </c>
      <c r="DT28" s="100">
        <v>0</v>
      </c>
      <c r="DU28" s="104">
        <v>0</v>
      </c>
      <c r="DV28" s="103">
        <v>0</v>
      </c>
      <c r="DW28" s="100">
        <v>0</v>
      </c>
      <c r="DX28" s="104">
        <v>6068</v>
      </c>
      <c r="DY28" s="104">
        <v>355778</v>
      </c>
      <c r="DZ28" s="104">
        <v>64114</v>
      </c>
      <c r="EA28" s="104">
        <v>400795</v>
      </c>
      <c r="EB28" s="104">
        <v>71317</v>
      </c>
      <c r="EC28" s="103">
        <v>898072</v>
      </c>
      <c r="ED28" s="106">
        <v>898072</v>
      </c>
      <c r="EE28" s="100">
        <v>23156</v>
      </c>
      <c r="EF28" s="102">
        <v>0</v>
      </c>
      <c r="EG28" s="103">
        <v>23156</v>
      </c>
      <c r="EH28" s="100">
        <v>0</v>
      </c>
      <c r="EI28" s="104">
        <v>31608</v>
      </c>
      <c r="EJ28" s="104">
        <v>0</v>
      </c>
      <c r="EK28" s="104">
        <v>0</v>
      </c>
      <c r="EL28" s="104">
        <v>0</v>
      </c>
      <c r="EM28" s="104">
        <v>96641</v>
      </c>
      <c r="EN28" s="102">
        <v>128249</v>
      </c>
      <c r="EO28" s="106">
        <v>151405</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v>0</v>
      </c>
      <c r="FE28" s="104">
        <v>0</v>
      </c>
      <c r="FF28" s="104">
        <v>0</v>
      </c>
      <c r="FG28" s="104">
        <v>0</v>
      </c>
      <c r="FH28" s="104">
        <v>0</v>
      </c>
      <c r="FI28" s="104">
        <v>0</v>
      </c>
      <c r="FJ28" s="103">
        <v>0</v>
      </c>
      <c r="FK28" s="106">
        <v>0</v>
      </c>
      <c r="FL28" s="100">
        <v>6080</v>
      </c>
      <c r="FM28" s="104">
        <v>75352</v>
      </c>
      <c r="FN28" s="103">
        <v>81432</v>
      </c>
      <c r="FO28" s="100">
        <v>0</v>
      </c>
      <c r="FP28" s="104">
        <v>74448</v>
      </c>
      <c r="FQ28" s="104">
        <v>399136</v>
      </c>
      <c r="FR28" s="104">
        <v>150520</v>
      </c>
      <c r="FS28" s="104">
        <v>180344</v>
      </c>
      <c r="FT28" s="104">
        <v>67376</v>
      </c>
      <c r="FU28" s="103">
        <v>871824</v>
      </c>
      <c r="FV28" s="106">
        <v>953256</v>
      </c>
      <c r="FW28" s="105">
        <v>6080</v>
      </c>
      <c r="FX28" s="104">
        <v>75352</v>
      </c>
      <c r="FY28" s="102">
        <v>81432</v>
      </c>
      <c r="FZ28" s="101">
        <v>0</v>
      </c>
      <c r="GA28" s="104">
        <v>74448</v>
      </c>
      <c r="GB28" s="104">
        <v>334896</v>
      </c>
      <c r="GC28" s="104">
        <v>150520</v>
      </c>
      <c r="GD28" s="104">
        <v>180344</v>
      </c>
      <c r="GE28" s="104">
        <v>67376</v>
      </c>
      <c r="GF28" s="103">
        <v>807584</v>
      </c>
      <c r="GG28" s="296">
        <v>889016</v>
      </c>
      <c r="GH28" s="105">
        <v>0</v>
      </c>
      <c r="GI28" s="104">
        <v>0</v>
      </c>
      <c r="GJ28" s="102">
        <v>0</v>
      </c>
      <c r="GK28" s="101">
        <v>0</v>
      </c>
      <c r="GL28" s="104">
        <v>0</v>
      </c>
      <c r="GM28" s="104">
        <v>0</v>
      </c>
      <c r="GN28" s="104">
        <v>0</v>
      </c>
      <c r="GO28" s="104">
        <v>0</v>
      </c>
      <c r="GP28" s="104">
        <v>0</v>
      </c>
      <c r="GQ28" s="103">
        <v>0</v>
      </c>
      <c r="GR28" s="106">
        <v>0</v>
      </c>
      <c r="GS28" s="100">
        <v>0</v>
      </c>
      <c r="GT28" s="104">
        <v>0</v>
      </c>
      <c r="GU28" s="103">
        <v>0</v>
      </c>
      <c r="GV28" s="100">
        <v>0</v>
      </c>
      <c r="GW28" s="104">
        <v>0</v>
      </c>
      <c r="GX28" s="104">
        <v>64240</v>
      </c>
      <c r="GY28" s="104">
        <v>0</v>
      </c>
      <c r="GZ28" s="104">
        <v>0</v>
      </c>
      <c r="HA28" s="104">
        <v>0</v>
      </c>
      <c r="HB28" s="102">
        <v>64240</v>
      </c>
      <c r="HC28" s="106">
        <v>64240</v>
      </c>
      <c r="HD28" s="100">
        <v>162753</v>
      </c>
      <c r="HE28" s="104">
        <v>0</v>
      </c>
      <c r="HF28" s="102">
        <v>162753</v>
      </c>
      <c r="HG28" s="101">
        <v>0</v>
      </c>
      <c r="HH28" s="104">
        <v>1508805</v>
      </c>
      <c r="HI28" s="104">
        <v>153129</v>
      </c>
      <c r="HJ28" s="104">
        <v>0</v>
      </c>
      <c r="HK28" s="104">
        <v>805236</v>
      </c>
      <c r="HL28" s="104">
        <v>470767</v>
      </c>
      <c r="HM28" s="103">
        <v>2937937</v>
      </c>
      <c r="HN28" s="99">
        <v>3100690</v>
      </c>
      <c r="HO28" s="306">
        <v>0</v>
      </c>
      <c r="HP28" s="307">
        <v>0</v>
      </c>
      <c r="HQ28" s="308">
        <v>0</v>
      </c>
      <c r="HR28" s="309">
        <v>0</v>
      </c>
      <c r="HS28" s="307">
        <v>0</v>
      </c>
      <c r="HT28" s="307">
        <v>0</v>
      </c>
      <c r="HU28" s="307">
        <v>0</v>
      </c>
      <c r="HV28" s="307">
        <v>0</v>
      </c>
      <c r="HW28" s="307">
        <v>0</v>
      </c>
      <c r="HX28" s="310">
        <v>0</v>
      </c>
      <c r="HY28" s="311">
        <v>0</v>
      </c>
      <c r="HZ28" s="137">
        <v>0</v>
      </c>
      <c r="IA28" s="122">
        <v>0</v>
      </c>
      <c r="IB28" s="137">
        <v>0</v>
      </c>
      <c r="IC28" s="121">
        <v>0</v>
      </c>
      <c r="ID28" s="122">
        <v>443647</v>
      </c>
      <c r="IE28" s="123">
        <v>274808</v>
      </c>
      <c r="IF28" s="124">
        <v>504189</v>
      </c>
      <c r="IG28" s="122">
        <v>817021</v>
      </c>
      <c r="IH28" s="124">
        <v>243092</v>
      </c>
      <c r="II28" s="125">
        <v>2282757</v>
      </c>
      <c r="IJ28" s="137">
        <v>2282757</v>
      </c>
      <c r="IK28" s="219">
        <v>0</v>
      </c>
      <c r="IL28" s="223">
        <v>0</v>
      </c>
      <c r="IM28" s="224">
        <v>0</v>
      </c>
      <c r="IN28" s="127">
        <v>0</v>
      </c>
      <c r="IO28" s="109">
        <v>0</v>
      </c>
      <c r="IP28" s="109">
        <v>0</v>
      </c>
      <c r="IQ28" s="109">
        <v>0</v>
      </c>
      <c r="IR28" s="109">
        <v>0</v>
      </c>
      <c r="IS28" s="109">
        <v>0</v>
      </c>
      <c r="IT28" s="128">
        <v>0</v>
      </c>
      <c r="IU28" s="298">
        <v>0</v>
      </c>
      <c r="IV28" s="129">
        <v>0</v>
      </c>
      <c r="IW28" s="109">
        <v>0</v>
      </c>
      <c r="IX28" s="110">
        <v>0</v>
      </c>
      <c r="IY28" s="131">
        <v>0</v>
      </c>
      <c r="IZ28" s="109">
        <v>0</v>
      </c>
      <c r="JA28" s="109">
        <v>0</v>
      </c>
      <c r="JB28" s="109">
        <v>0</v>
      </c>
      <c r="JC28" s="109">
        <v>0</v>
      </c>
      <c r="JD28" s="109">
        <v>0</v>
      </c>
      <c r="JE28" s="110">
        <v>0</v>
      </c>
      <c r="JF28" s="111">
        <v>0</v>
      </c>
      <c r="JG28" s="129">
        <v>0</v>
      </c>
      <c r="JH28" s="109">
        <v>0</v>
      </c>
      <c r="JI28" s="128">
        <v>0</v>
      </c>
      <c r="JJ28" s="108">
        <v>0</v>
      </c>
      <c r="JK28" s="109">
        <v>209476</v>
      </c>
      <c r="JL28" s="109">
        <v>25873</v>
      </c>
      <c r="JM28" s="109">
        <v>9262</v>
      </c>
      <c r="JN28" s="109">
        <v>50136</v>
      </c>
      <c r="JO28" s="109">
        <v>0</v>
      </c>
      <c r="JP28" s="110">
        <v>294747</v>
      </c>
      <c r="JQ28" s="298">
        <v>294747</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v>0</v>
      </c>
      <c r="KR28" s="109">
        <v>234171</v>
      </c>
      <c r="KS28" s="109">
        <v>248935</v>
      </c>
      <c r="KT28" s="109">
        <v>494927</v>
      </c>
      <c r="KU28" s="109">
        <v>766885</v>
      </c>
      <c r="KV28" s="109">
        <v>243092</v>
      </c>
      <c r="KW28" s="110">
        <v>1988010</v>
      </c>
      <c r="KX28" s="298">
        <v>1988010</v>
      </c>
      <c r="KY28" s="129">
        <v>0</v>
      </c>
      <c r="KZ28" s="109">
        <v>0</v>
      </c>
      <c r="LA28" s="110">
        <v>0</v>
      </c>
      <c r="LB28" s="132">
        <v>0</v>
      </c>
      <c r="LC28" s="109">
        <v>0</v>
      </c>
      <c r="LD28" s="109">
        <v>0</v>
      </c>
      <c r="LE28" s="109">
        <v>0</v>
      </c>
      <c r="LF28" s="109">
        <v>0</v>
      </c>
      <c r="LG28" s="109">
        <v>0</v>
      </c>
      <c r="LH28" s="110">
        <v>0</v>
      </c>
      <c r="LI28" s="111">
        <v>0</v>
      </c>
      <c r="LJ28" s="129">
        <v>0</v>
      </c>
      <c r="LK28" s="109">
        <v>0</v>
      </c>
      <c r="LL28" s="110">
        <v>0</v>
      </c>
      <c r="LM28" s="132">
        <v>0</v>
      </c>
      <c r="LN28" s="109">
        <v>0</v>
      </c>
      <c r="LO28" s="109">
        <v>0</v>
      </c>
      <c r="LP28" s="109">
        <v>0</v>
      </c>
      <c r="LQ28" s="109">
        <v>0</v>
      </c>
      <c r="LR28" s="109">
        <v>0</v>
      </c>
      <c r="LS28" s="110">
        <v>0</v>
      </c>
      <c r="LT28" s="298">
        <v>0</v>
      </c>
      <c r="LU28" s="129">
        <v>0</v>
      </c>
      <c r="LV28" s="109">
        <v>0</v>
      </c>
      <c r="LW28" s="110">
        <v>0</v>
      </c>
      <c r="LX28" s="132">
        <v>0</v>
      </c>
      <c r="LY28" s="109">
        <v>0</v>
      </c>
      <c r="LZ28" s="109">
        <v>0</v>
      </c>
      <c r="MA28" s="109">
        <v>0</v>
      </c>
      <c r="MB28" s="109">
        <v>0</v>
      </c>
      <c r="MC28" s="109">
        <v>0</v>
      </c>
      <c r="MD28" s="110">
        <v>0</v>
      </c>
      <c r="ME28" s="111">
        <v>0</v>
      </c>
      <c r="MF28" s="129">
        <v>0</v>
      </c>
      <c r="MG28" s="109">
        <v>0</v>
      </c>
      <c r="MH28" s="110">
        <v>0</v>
      </c>
      <c r="MI28" s="132">
        <v>0</v>
      </c>
      <c r="MJ28" s="109">
        <v>0</v>
      </c>
      <c r="MK28" s="109">
        <v>267728</v>
      </c>
      <c r="ML28" s="109">
        <v>1311960</v>
      </c>
      <c r="MM28" s="109">
        <v>2228529</v>
      </c>
      <c r="MN28" s="109">
        <v>677618</v>
      </c>
      <c r="MO28" s="110">
        <v>4485835</v>
      </c>
      <c r="MP28" s="130">
        <v>4485835</v>
      </c>
      <c r="MQ28" s="129">
        <v>0</v>
      </c>
      <c r="MR28" s="109">
        <v>0</v>
      </c>
      <c r="MS28" s="110">
        <v>0</v>
      </c>
      <c r="MT28" s="132">
        <v>0</v>
      </c>
      <c r="MU28" s="109">
        <v>0</v>
      </c>
      <c r="MV28" s="109">
        <v>0</v>
      </c>
      <c r="MW28" s="109">
        <v>730904</v>
      </c>
      <c r="MX28" s="109">
        <v>1336626</v>
      </c>
      <c r="MY28" s="109">
        <v>60717</v>
      </c>
      <c r="MZ28" s="110">
        <v>2128247</v>
      </c>
      <c r="NA28" s="130">
        <v>2128247</v>
      </c>
      <c r="NB28" s="129">
        <v>0</v>
      </c>
      <c r="NC28" s="109">
        <v>0</v>
      </c>
      <c r="ND28" s="110">
        <v>0</v>
      </c>
      <c r="NE28" s="132">
        <v>0</v>
      </c>
      <c r="NF28" s="109">
        <v>0</v>
      </c>
      <c r="NG28" s="109">
        <v>267728</v>
      </c>
      <c r="NH28" s="109">
        <v>581056</v>
      </c>
      <c r="NI28" s="109">
        <v>891903</v>
      </c>
      <c r="NJ28" s="109">
        <v>616901</v>
      </c>
      <c r="NK28" s="110">
        <v>2357588</v>
      </c>
      <c r="NL28" s="298">
        <v>2357588</v>
      </c>
      <c r="NM28" s="129">
        <v>0</v>
      </c>
      <c r="NN28" s="109">
        <v>0</v>
      </c>
      <c r="NO28" s="110">
        <v>0</v>
      </c>
      <c r="NP28" s="132">
        <v>0</v>
      </c>
      <c r="NQ28" s="109">
        <v>0</v>
      </c>
      <c r="NR28" s="109">
        <v>0</v>
      </c>
      <c r="NS28" s="109">
        <v>0</v>
      </c>
      <c r="NT28" s="109">
        <v>0</v>
      </c>
      <c r="NU28" s="109">
        <v>0</v>
      </c>
      <c r="NV28" s="110">
        <v>0</v>
      </c>
      <c r="NW28" s="111">
        <v>0</v>
      </c>
      <c r="NX28" s="129">
        <v>0</v>
      </c>
      <c r="NY28" s="109">
        <v>0</v>
      </c>
      <c r="NZ28" s="110">
        <v>0</v>
      </c>
      <c r="OA28" s="132">
        <v>0</v>
      </c>
      <c r="OB28" s="109">
        <v>0</v>
      </c>
      <c r="OC28" s="109">
        <v>0</v>
      </c>
      <c r="OD28" s="109">
        <v>0</v>
      </c>
      <c r="OE28" s="109">
        <v>0</v>
      </c>
      <c r="OF28" s="109">
        <v>0</v>
      </c>
      <c r="OG28" s="110">
        <v>0</v>
      </c>
      <c r="OH28" s="111">
        <v>0</v>
      </c>
      <c r="OI28" s="129">
        <v>299373</v>
      </c>
      <c r="OJ28" s="109">
        <v>205955</v>
      </c>
      <c r="OK28" s="128">
        <v>505328</v>
      </c>
      <c r="OL28" s="108">
        <v>0</v>
      </c>
      <c r="OM28" s="109">
        <v>3653422</v>
      </c>
      <c r="ON28" s="109">
        <v>3836193</v>
      </c>
      <c r="OO28" s="109">
        <v>3746957</v>
      </c>
      <c r="OP28" s="109">
        <v>5757511</v>
      </c>
      <c r="OQ28" s="109">
        <v>2413934</v>
      </c>
      <c r="OR28" s="110">
        <v>19408017</v>
      </c>
      <c r="OS28" s="130">
        <v>19913345</v>
      </c>
    </row>
    <row r="29" spans="2:409" ht="21" customHeight="1" x14ac:dyDescent="0.2">
      <c r="B29" s="472" t="s">
        <v>24</v>
      </c>
      <c r="C29" s="100">
        <v>458237</v>
      </c>
      <c r="D29" s="104">
        <v>288530</v>
      </c>
      <c r="E29" s="103">
        <v>746767</v>
      </c>
      <c r="F29" s="99">
        <v>0</v>
      </c>
      <c r="G29" s="104">
        <v>2065239</v>
      </c>
      <c r="H29" s="104">
        <v>2713799</v>
      </c>
      <c r="I29" s="104">
        <v>1985582</v>
      </c>
      <c r="J29" s="104">
        <v>1323093</v>
      </c>
      <c r="K29" s="104">
        <v>1405819</v>
      </c>
      <c r="L29" s="160">
        <v>9493532</v>
      </c>
      <c r="M29" s="106">
        <v>10240299</v>
      </c>
      <c r="N29" s="100">
        <v>132088</v>
      </c>
      <c r="O29" s="104">
        <v>44155</v>
      </c>
      <c r="P29" s="103">
        <v>176243</v>
      </c>
      <c r="Q29" s="100">
        <v>0</v>
      </c>
      <c r="R29" s="104">
        <v>929292</v>
      </c>
      <c r="S29" s="104">
        <v>681416</v>
      </c>
      <c r="T29" s="104">
        <v>760220</v>
      </c>
      <c r="U29" s="104">
        <v>235090</v>
      </c>
      <c r="V29" s="104">
        <v>650728</v>
      </c>
      <c r="W29" s="103">
        <v>3256746</v>
      </c>
      <c r="X29" s="106">
        <v>3432989</v>
      </c>
      <c r="Y29" s="100">
        <v>0</v>
      </c>
      <c r="Z29" s="104">
        <v>0</v>
      </c>
      <c r="AA29" s="103">
        <v>0</v>
      </c>
      <c r="AB29" s="100">
        <v>0</v>
      </c>
      <c r="AC29" s="104">
        <v>560228</v>
      </c>
      <c r="AD29" s="104">
        <v>236179</v>
      </c>
      <c r="AE29" s="104">
        <v>201088</v>
      </c>
      <c r="AF29" s="104">
        <v>0</v>
      </c>
      <c r="AG29" s="104">
        <v>356664</v>
      </c>
      <c r="AH29" s="103">
        <v>1354159</v>
      </c>
      <c r="AI29" s="106">
        <v>1354159</v>
      </c>
      <c r="AJ29" s="100">
        <v>0</v>
      </c>
      <c r="AK29" s="104">
        <v>0</v>
      </c>
      <c r="AL29" s="103">
        <v>0</v>
      </c>
      <c r="AM29" s="100">
        <v>0</v>
      </c>
      <c r="AN29" s="104">
        <v>0</v>
      </c>
      <c r="AO29" s="104">
        <v>0</v>
      </c>
      <c r="AP29" s="104">
        <v>45598</v>
      </c>
      <c r="AQ29" s="104">
        <v>48292</v>
      </c>
      <c r="AR29" s="104">
        <v>105228</v>
      </c>
      <c r="AS29" s="103">
        <v>199118</v>
      </c>
      <c r="AT29" s="106">
        <v>199118</v>
      </c>
      <c r="AU29" s="100">
        <v>63560</v>
      </c>
      <c r="AV29" s="104">
        <v>44155</v>
      </c>
      <c r="AW29" s="103">
        <v>107715</v>
      </c>
      <c r="AX29" s="100">
        <v>0</v>
      </c>
      <c r="AY29" s="104">
        <v>189652</v>
      </c>
      <c r="AZ29" s="104">
        <v>235284</v>
      </c>
      <c r="BA29" s="104">
        <v>303571</v>
      </c>
      <c r="BB29" s="104">
        <v>100534</v>
      </c>
      <c r="BC29" s="104">
        <v>78628</v>
      </c>
      <c r="BD29" s="103">
        <v>907669</v>
      </c>
      <c r="BE29" s="106">
        <v>1015384</v>
      </c>
      <c r="BF29" s="100">
        <v>0</v>
      </c>
      <c r="BG29" s="104">
        <v>0</v>
      </c>
      <c r="BH29" s="102">
        <v>0</v>
      </c>
      <c r="BI29" s="101">
        <v>0</v>
      </c>
      <c r="BJ29" s="104">
        <v>43876</v>
      </c>
      <c r="BK29" s="104">
        <v>80257</v>
      </c>
      <c r="BL29" s="104">
        <v>42267</v>
      </c>
      <c r="BM29" s="104">
        <v>0</v>
      </c>
      <c r="BN29" s="104">
        <v>0</v>
      </c>
      <c r="BO29" s="103">
        <v>166400</v>
      </c>
      <c r="BP29" s="106">
        <v>166400</v>
      </c>
      <c r="BQ29" s="100">
        <v>68528</v>
      </c>
      <c r="BR29" s="104">
        <v>0</v>
      </c>
      <c r="BS29" s="103">
        <v>68528</v>
      </c>
      <c r="BT29" s="100">
        <v>0</v>
      </c>
      <c r="BU29" s="104">
        <v>135536</v>
      </c>
      <c r="BV29" s="104">
        <v>129696</v>
      </c>
      <c r="BW29" s="104">
        <v>167696</v>
      </c>
      <c r="BX29" s="104">
        <v>86264</v>
      </c>
      <c r="BY29" s="104">
        <v>110208</v>
      </c>
      <c r="BZ29" s="103">
        <v>629400</v>
      </c>
      <c r="CA29" s="106">
        <v>697928</v>
      </c>
      <c r="CB29" s="100">
        <v>79364</v>
      </c>
      <c r="CC29" s="104">
        <v>35650</v>
      </c>
      <c r="CD29" s="103">
        <v>115014</v>
      </c>
      <c r="CE29" s="100">
        <v>0</v>
      </c>
      <c r="CF29" s="104">
        <v>599354</v>
      </c>
      <c r="CG29" s="104">
        <v>819583</v>
      </c>
      <c r="CH29" s="104">
        <v>620677</v>
      </c>
      <c r="CI29" s="104">
        <v>133146</v>
      </c>
      <c r="CJ29" s="104">
        <v>0</v>
      </c>
      <c r="CK29" s="103">
        <v>2172760</v>
      </c>
      <c r="CL29" s="106">
        <v>2287774</v>
      </c>
      <c r="CM29" s="100">
        <v>0</v>
      </c>
      <c r="CN29" s="104">
        <v>0</v>
      </c>
      <c r="CO29" s="103">
        <v>0</v>
      </c>
      <c r="CP29" s="101">
        <v>0</v>
      </c>
      <c r="CQ29" s="104">
        <v>546581</v>
      </c>
      <c r="CR29" s="104">
        <v>565826</v>
      </c>
      <c r="CS29" s="104">
        <v>338276</v>
      </c>
      <c r="CT29" s="104">
        <v>0</v>
      </c>
      <c r="CU29" s="104">
        <v>0</v>
      </c>
      <c r="CV29" s="103">
        <v>1450683</v>
      </c>
      <c r="CW29" s="106">
        <v>1450683</v>
      </c>
      <c r="CX29" s="100">
        <v>79364</v>
      </c>
      <c r="CY29" s="104">
        <v>35650</v>
      </c>
      <c r="CZ29" s="103">
        <v>115014</v>
      </c>
      <c r="DA29" s="100">
        <v>0</v>
      </c>
      <c r="DB29" s="104">
        <v>52773</v>
      </c>
      <c r="DC29" s="104">
        <v>253757</v>
      </c>
      <c r="DD29" s="104">
        <v>282401</v>
      </c>
      <c r="DE29" s="104">
        <v>133146</v>
      </c>
      <c r="DF29" s="104">
        <v>0</v>
      </c>
      <c r="DG29" s="103">
        <v>722077</v>
      </c>
      <c r="DH29" s="106">
        <v>837091</v>
      </c>
      <c r="DI29" s="100">
        <v>0</v>
      </c>
      <c r="DJ29" s="104">
        <v>0</v>
      </c>
      <c r="DK29" s="102">
        <v>0</v>
      </c>
      <c r="DL29" s="101">
        <v>0</v>
      </c>
      <c r="DM29" s="104">
        <v>0</v>
      </c>
      <c r="DN29" s="104">
        <v>313442</v>
      </c>
      <c r="DO29" s="104">
        <v>25981</v>
      </c>
      <c r="DP29" s="104">
        <v>37980</v>
      </c>
      <c r="DQ29" s="104">
        <v>0</v>
      </c>
      <c r="DR29" s="103">
        <v>377403</v>
      </c>
      <c r="DS29" s="106">
        <v>377403</v>
      </c>
      <c r="DT29" s="100">
        <v>0</v>
      </c>
      <c r="DU29" s="104">
        <v>0</v>
      </c>
      <c r="DV29" s="103">
        <v>0</v>
      </c>
      <c r="DW29" s="100">
        <v>0</v>
      </c>
      <c r="DX29" s="104">
        <v>0</v>
      </c>
      <c r="DY29" s="104">
        <v>160526</v>
      </c>
      <c r="DZ29" s="104">
        <v>25981</v>
      </c>
      <c r="EA29" s="104">
        <v>37980</v>
      </c>
      <c r="EB29" s="104">
        <v>0</v>
      </c>
      <c r="EC29" s="103">
        <v>224487</v>
      </c>
      <c r="ED29" s="106">
        <v>224487</v>
      </c>
      <c r="EE29" s="100">
        <v>0</v>
      </c>
      <c r="EF29" s="102">
        <v>0</v>
      </c>
      <c r="EG29" s="103">
        <v>0</v>
      </c>
      <c r="EH29" s="100">
        <v>0</v>
      </c>
      <c r="EI29" s="104">
        <v>0</v>
      </c>
      <c r="EJ29" s="104">
        <v>152916</v>
      </c>
      <c r="EK29" s="104">
        <v>0</v>
      </c>
      <c r="EL29" s="104">
        <v>0</v>
      </c>
      <c r="EM29" s="104">
        <v>0</v>
      </c>
      <c r="EN29" s="102">
        <v>152916</v>
      </c>
      <c r="EO29" s="106">
        <v>152916</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v>0</v>
      </c>
      <c r="FE29" s="104">
        <v>0</v>
      </c>
      <c r="FF29" s="104">
        <v>0</v>
      </c>
      <c r="FG29" s="104">
        <v>0</v>
      </c>
      <c r="FH29" s="104">
        <v>0</v>
      </c>
      <c r="FI29" s="104">
        <v>0</v>
      </c>
      <c r="FJ29" s="103">
        <v>0</v>
      </c>
      <c r="FK29" s="106">
        <v>0</v>
      </c>
      <c r="FL29" s="100">
        <v>37600</v>
      </c>
      <c r="FM29" s="104">
        <v>111440</v>
      </c>
      <c r="FN29" s="103">
        <v>149040</v>
      </c>
      <c r="FO29" s="100">
        <v>0</v>
      </c>
      <c r="FP29" s="104">
        <v>65192</v>
      </c>
      <c r="FQ29" s="104">
        <v>190784</v>
      </c>
      <c r="FR29" s="104">
        <v>101704</v>
      </c>
      <c r="FS29" s="104">
        <v>72880</v>
      </c>
      <c r="FT29" s="104">
        <v>20776</v>
      </c>
      <c r="FU29" s="103">
        <v>451336</v>
      </c>
      <c r="FV29" s="106">
        <v>600376</v>
      </c>
      <c r="FW29" s="105">
        <v>37600</v>
      </c>
      <c r="FX29" s="104">
        <v>15440</v>
      </c>
      <c r="FY29" s="102">
        <v>53040</v>
      </c>
      <c r="FZ29" s="101">
        <v>0</v>
      </c>
      <c r="GA29" s="104">
        <v>45872</v>
      </c>
      <c r="GB29" s="104">
        <v>157184</v>
      </c>
      <c r="GC29" s="104">
        <v>101704</v>
      </c>
      <c r="GD29" s="104">
        <v>72880</v>
      </c>
      <c r="GE29" s="104">
        <v>20776</v>
      </c>
      <c r="GF29" s="103">
        <v>398416</v>
      </c>
      <c r="GG29" s="296">
        <v>451456</v>
      </c>
      <c r="GH29" s="105">
        <v>0</v>
      </c>
      <c r="GI29" s="104">
        <v>0</v>
      </c>
      <c r="GJ29" s="102">
        <v>0</v>
      </c>
      <c r="GK29" s="101">
        <v>0</v>
      </c>
      <c r="GL29" s="104">
        <v>19320</v>
      </c>
      <c r="GM29" s="104">
        <v>0</v>
      </c>
      <c r="GN29" s="104">
        <v>0</v>
      </c>
      <c r="GO29" s="104">
        <v>0</v>
      </c>
      <c r="GP29" s="104">
        <v>0</v>
      </c>
      <c r="GQ29" s="103">
        <v>19320</v>
      </c>
      <c r="GR29" s="106">
        <v>19320</v>
      </c>
      <c r="GS29" s="100">
        <v>0</v>
      </c>
      <c r="GT29" s="104">
        <v>96000</v>
      </c>
      <c r="GU29" s="103">
        <v>96000</v>
      </c>
      <c r="GV29" s="100">
        <v>0</v>
      </c>
      <c r="GW29" s="104">
        <v>0</v>
      </c>
      <c r="GX29" s="104">
        <v>33600</v>
      </c>
      <c r="GY29" s="104">
        <v>0</v>
      </c>
      <c r="GZ29" s="104">
        <v>0</v>
      </c>
      <c r="HA29" s="104">
        <v>0</v>
      </c>
      <c r="HB29" s="102">
        <v>33600</v>
      </c>
      <c r="HC29" s="106">
        <v>129600</v>
      </c>
      <c r="HD29" s="100">
        <v>209185</v>
      </c>
      <c r="HE29" s="104">
        <v>97285</v>
      </c>
      <c r="HF29" s="102">
        <v>306470</v>
      </c>
      <c r="HG29" s="101">
        <v>0</v>
      </c>
      <c r="HH29" s="104">
        <v>471401</v>
      </c>
      <c r="HI29" s="104">
        <v>708574</v>
      </c>
      <c r="HJ29" s="104">
        <v>477000</v>
      </c>
      <c r="HK29" s="104">
        <v>843997</v>
      </c>
      <c r="HL29" s="104">
        <v>734315</v>
      </c>
      <c r="HM29" s="103">
        <v>3235287</v>
      </c>
      <c r="HN29" s="99">
        <v>3541757</v>
      </c>
      <c r="HO29" s="306">
        <v>0</v>
      </c>
      <c r="HP29" s="307">
        <v>0</v>
      </c>
      <c r="HQ29" s="308">
        <v>0</v>
      </c>
      <c r="HR29" s="309">
        <v>0</v>
      </c>
      <c r="HS29" s="307">
        <v>0</v>
      </c>
      <c r="HT29" s="307">
        <v>0</v>
      </c>
      <c r="HU29" s="307">
        <v>0</v>
      </c>
      <c r="HV29" s="307">
        <v>0</v>
      </c>
      <c r="HW29" s="307">
        <v>0</v>
      </c>
      <c r="HX29" s="310">
        <v>0</v>
      </c>
      <c r="HY29" s="311">
        <v>0</v>
      </c>
      <c r="HZ29" s="118">
        <v>0</v>
      </c>
      <c r="IA29" s="119">
        <v>0</v>
      </c>
      <c r="IB29" s="120">
        <v>0</v>
      </c>
      <c r="IC29" s="133">
        <v>0</v>
      </c>
      <c r="ID29" s="119">
        <v>99454</v>
      </c>
      <c r="IE29" s="134">
        <v>148510</v>
      </c>
      <c r="IF29" s="120">
        <v>1053632</v>
      </c>
      <c r="IG29" s="119">
        <v>389147</v>
      </c>
      <c r="IH29" s="120">
        <v>243538</v>
      </c>
      <c r="II29" s="135">
        <v>1934281</v>
      </c>
      <c r="IJ29" s="126">
        <v>1934281</v>
      </c>
      <c r="IK29" s="219">
        <v>0</v>
      </c>
      <c r="IL29" s="223">
        <v>0</v>
      </c>
      <c r="IM29" s="224">
        <v>0</v>
      </c>
      <c r="IN29" s="127">
        <v>0</v>
      </c>
      <c r="IO29" s="109">
        <v>0</v>
      </c>
      <c r="IP29" s="109">
        <v>0</v>
      </c>
      <c r="IQ29" s="109">
        <v>157041</v>
      </c>
      <c r="IR29" s="109">
        <v>389147</v>
      </c>
      <c r="IS29" s="109">
        <v>0</v>
      </c>
      <c r="IT29" s="128">
        <v>546188</v>
      </c>
      <c r="IU29" s="298">
        <v>546188</v>
      </c>
      <c r="IV29" s="129">
        <v>0</v>
      </c>
      <c r="IW29" s="109">
        <v>0</v>
      </c>
      <c r="IX29" s="110">
        <v>0</v>
      </c>
      <c r="IY29" s="131">
        <v>0</v>
      </c>
      <c r="IZ29" s="109">
        <v>0</v>
      </c>
      <c r="JA29" s="109">
        <v>0</v>
      </c>
      <c r="JB29" s="109">
        <v>0</v>
      </c>
      <c r="JC29" s="109">
        <v>0</v>
      </c>
      <c r="JD29" s="109">
        <v>0</v>
      </c>
      <c r="JE29" s="110">
        <v>0</v>
      </c>
      <c r="JF29" s="111">
        <v>0</v>
      </c>
      <c r="JG29" s="129">
        <v>0</v>
      </c>
      <c r="JH29" s="109">
        <v>0</v>
      </c>
      <c r="JI29" s="128">
        <v>0</v>
      </c>
      <c r="JJ29" s="108">
        <v>0</v>
      </c>
      <c r="JK29" s="109">
        <v>62498</v>
      </c>
      <c r="JL29" s="109">
        <v>148510</v>
      </c>
      <c r="JM29" s="109">
        <v>290355</v>
      </c>
      <c r="JN29" s="109">
        <v>0</v>
      </c>
      <c r="JO29" s="109">
        <v>0</v>
      </c>
      <c r="JP29" s="110">
        <v>501363</v>
      </c>
      <c r="JQ29" s="298">
        <v>501363</v>
      </c>
      <c r="JR29" s="129">
        <v>0</v>
      </c>
      <c r="JS29" s="109">
        <v>0</v>
      </c>
      <c r="JT29" s="128">
        <v>0</v>
      </c>
      <c r="JU29" s="108">
        <v>0</v>
      </c>
      <c r="JV29" s="109">
        <v>36956</v>
      </c>
      <c r="JW29" s="109">
        <v>0</v>
      </c>
      <c r="JX29" s="109">
        <v>137992</v>
      </c>
      <c r="JY29" s="109">
        <v>0</v>
      </c>
      <c r="JZ29" s="109">
        <v>0</v>
      </c>
      <c r="KA29" s="110">
        <v>174948</v>
      </c>
      <c r="KB29" s="298">
        <v>174948</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v>0</v>
      </c>
      <c r="KR29" s="109">
        <v>0</v>
      </c>
      <c r="KS29" s="109">
        <v>0</v>
      </c>
      <c r="KT29" s="109">
        <v>468244</v>
      </c>
      <c r="KU29" s="109">
        <v>0</v>
      </c>
      <c r="KV29" s="109">
        <v>243538</v>
      </c>
      <c r="KW29" s="110">
        <v>711782</v>
      </c>
      <c r="KX29" s="298">
        <v>711782</v>
      </c>
      <c r="KY29" s="129">
        <v>0</v>
      </c>
      <c r="KZ29" s="109">
        <v>0</v>
      </c>
      <c r="LA29" s="110">
        <v>0</v>
      </c>
      <c r="LB29" s="132">
        <v>0</v>
      </c>
      <c r="LC29" s="109">
        <v>0</v>
      </c>
      <c r="LD29" s="109">
        <v>0</v>
      </c>
      <c r="LE29" s="109">
        <v>0</v>
      </c>
      <c r="LF29" s="109">
        <v>0</v>
      </c>
      <c r="LG29" s="109">
        <v>0</v>
      </c>
      <c r="LH29" s="110">
        <v>0</v>
      </c>
      <c r="LI29" s="111">
        <v>0</v>
      </c>
      <c r="LJ29" s="129">
        <v>0</v>
      </c>
      <c r="LK29" s="109">
        <v>0</v>
      </c>
      <c r="LL29" s="110">
        <v>0</v>
      </c>
      <c r="LM29" s="132">
        <v>0</v>
      </c>
      <c r="LN29" s="109">
        <v>0</v>
      </c>
      <c r="LO29" s="109">
        <v>0</v>
      </c>
      <c r="LP29" s="109">
        <v>0</v>
      </c>
      <c r="LQ29" s="109">
        <v>0</v>
      </c>
      <c r="LR29" s="109">
        <v>0</v>
      </c>
      <c r="LS29" s="110">
        <v>0</v>
      </c>
      <c r="LT29" s="298">
        <v>0</v>
      </c>
      <c r="LU29" s="129">
        <v>0</v>
      </c>
      <c r="LV29" s="109">
        <v>0</v>
      </c>
      <c r="LW29" s="110">
        <v>0</v>
      </c>
      <c r="LX29" s="132">
        <v>0</v>
      </c>
      <c r="LY29" s="109">
        <v>0</v>
      </c>
      <c r="LZ29" s="109">
        <v>0</v>
      </c>
      <c r="MA29" s="109">
        <v>0</v>
      </c>
      <c r="MB29" s="109">
        <v>0</v>
      </c>
      <c r="MC29" s="109">
        <v>0</v>
      </c>
      <c r="MD29" s="110">
        <v>0</v>
      </c>
      <c r="ME29" s="111">
        <v>0</v>
      </c>
      <c r="MF29" s="129">
        <v>0</v>
      </c>
      <c r="MG29" s="109">
        <v>0</v>
      </c>
      <c r="MH29" s="110">
        <v>0</v>
      </c>
      <c r="MI29" s="132">
        <v>0</v>
      </c>
      <c r="MJ29" s="109">
        <v>0</v>
      </c>
      <c r="MK29" s="109">
        <v>244964</v>
      </c>
      <c r="ML29" s="109">
        <v>1788740</v>
      </c>
      <c r="MM29" s="109">
        <v>1890983</v>
      </c>
      <c r="MN29" s="109">
        <v>529620</v>
      </c>
      <c r="MO29" s="110">
        <v>4454307</v>
      </c>
      <c r="MP29" s="130">
        <v>4454307</v>
      </c>
      <c r="MQ29" s="129">
        <v>0</v>
      </c>
      <c r="MR29" s="109">
        <v>0</v>
      </c>
      <c r="MS29" s="110">
        <v>0</v>
      </c>
      <c r="MT29" s="132">
        <v>0</v>
      </c>
      <c r="MU29" s="109">
        <v>0</v>
      </c>
      <c r="MV29" s="109">
        <v>0</v>
      </c>
      <c r="MW29" s="109">
        <v>0</v>
      </c>
      <c r="MX29" s="109">
        <v>772589</v>
      </c>
      <c r="MY29" s="109">
        <v>529620</v>
      </c>
      <c r="MZ29" s="110">
        <v>1302209</v>
      </c>
      <c r="NA29" s="130">
        <v>1302209</v>
      </c>
      <c r="NB29" s="129">
        <v>0</v>
      </c>
      <c r="NC29" s="109">
        <v>0</v>
      </c>
      <c r="ND29" s="110">
        <v>0</v>
      </c>
      <c r="NE29" s="132">
        <v>0</v>
      </c>
      <c r="NF29" s="109">
        <v>0</v>
      </c>
      <c r="NG29" s="109">
        <v>244964</v>
      </c>
      <c r="NH29" s="109">
        <v>1788740</v>
      </c>
      <c r="NI29" s="109">
        <v>1118394</v>
      </c>
      <c r="NJ29" s="109">
        <v>0</v>
      </c>
      <c r="NK29" s="110">
        <v>3152098</v>
      </c>
      <c r="NL29" s="298">
        <v>3152098</v>
      </c>
      <c r="NM29" s="129">
        <v>0</v>
      </c>
      <c r="NN29" s="109">
        <v>0</v>
      </c>
      <c r="NO29" s="110">
        <v>0</v>
      </c>
      <c r="NP29" s="132">
        <v>0</v>
      </c>
      <c r="NQ29" s="109">
        <v>0</v>
      </c>
      <c r="NR29" s="109">
        <v>0</v>
      </c>
      <c r="NS29" s="109">
        <v>0</v>
      </c>
      <c r="NT29" s="109">
        <v>0</v>
      </c>
      <c r="NU29" s="109">
        <v>0</v>
      </c>
      <c r="NV29" s="110">
        <v>0</v>
      </c>
      <c r="NW29" s="111">
        <v>0</v>
      </c>
      <c r="NX29" s="129">
        <v>0</v>
      </c>
      <c r="NY29" s="109">
        <v>0</v>
      </c>
      <c r="NZ29" s="110">
        <v>0</v>
      </c>
      <c r="OA29" s="132">
        <v>0</v>
      </c>
      <c r="OB29" s="109">
        <v>0</v>
      </c>
      <c r="OC29" s="109">
        <v>0</v>
      </c>
      <c r="OD29" s="109">
        <v>0</v>
      </c>
      <c r="OE29" s="109">
        <v>0</v>
      </c>
      <c r="OF29" s="109">
        <v>0</v>
      </c>
      <c r="OG29" s="110">
        <v>0</v>
      </c>
      <c r="OH29" s="111">
        <v>0</v>
      </c>
      <c r="OI29" s="129">
        <v>458237</v>
      </c>
      <c r="OJ29" s="109">
        <v>288530</v>
      </c>
      <c r="OK29" s="128">
        <v>746767</v>
      </c>
      <c r="OL29" s="108">
        <v>0</v>
      </c>
      <c r="OM29" s="109">
        <v>2164693</v>
      </c>
      <c r="ON29" s="109">
        <v>3107273</v>
      </c>
      <c r="OO29" s="109">
        <v>4827954</v>
      </c>
      <c r="OP29" s="109">
        <v>3603223</v>
      </c>
      <c r="OQ29" s="109">
        <v>2178977</v>
      </c>
      <c r="OR29" s="110">
        <v>15882120</v>
      </c>
      <c r="OS29" s="130">
        <v>16628887</v>
      </c>
    </row>
    <row r="30" spans="2:409" ht="21" customHeight="1" x14ac:dyDescent="0.2">
      <c r="B30" s="472" t="s">
        <v>25</v>
      </c>
      <c r="C30" s="100">
        <v>90881</v>
      </c>
      <c r="D30" s="104">
        <v>351436</v>
      </c>
      <c r="E30" s="103">
        <v>442317</v>
      </c>
      <c r="F30" s="99">
        <v>0</v>
      </c>
      <c r="G30" s="104">
        <v>1478560</v>
      </c>
      <c r="H30" s="104">
        <v>931023</v>
      </c>
      <c r="I30" s="104">
        <v>1334457</v>
      </c>
      <c r="J30" s="104">
        <v>1314057</v>
      </c>
      <c r="K30" s="104">
        <v>1205408</v>
      </c>
      <c r="L30" s="160">
        <v>6263505</v>
      </c>
      <c r="M30" s="106">
        <v>6705822</v>
      </c>
      <c r="N30" s="100">
        <v>0</v>
      </c>
      <c r="O30" s="104">
        <v>122991</v>
      </c>
      <c r="P30" s="103">
        <v>122991</v>
      </c>
      <c r="Q30" s="100">
        <v>0</v>
      </c>
      <c r="R30" s="104">
        <v>304364</v>
      </c>
      <c r="S30" s="104">
        <v>167322</v>
      </c>
      <c r="T30" s="104">
        <v>230213</v>
      </c>
      <c r="U30" s="104">
        <v>237785</v>
      </c>
      <c r="V30" s="104">
        <v>517288</v>
      </c>
      <c r="W30" s="103">
        <v>1456972</v>
      </c>
      <c r="X30" s="106">
        <v>1579963</v>
      </c>
      <c r="Y30" s="100">
        <v>0</v>
      </c>
      <c r="Z30" s="104">
        <v>0</v>
      </c>
      <c r="AA30" s="103">
        <v>0</v>
      </c>
      <c r="AB30" s="100">
        <v>0</v>
      </c>
      <c r="AC30" s="104">
        <v>180733</v>
      </c>
      <c r="AD30" s="104">
        <v>98850</v>
      </c>
      <c r="AE30" s="104">
        <v>59704</v>
      </c>
      <c r="AF30" s="104">
        <v>50854</v>
      </c>
      <c r="AG30" s="104">
        <v>347000</v>
      </c>
      <c r="AH30" s="103">
        <v>737141</v>
      </c>
      <c r="AI30" s="106">
        <v>737141</v>
      </c>
      <c r="AJ30" s="100">
        <v>0</v>
      </c>
      <c r="AK30" s="104">
        <v>0</v>
      </c>
      <c r="AL30" s="103">
        <v>0</v>
      </c>
      <c r="AM30" s="100">
        <v>0</v>
      </c>
      <c r="AN30" s="104">
        <v>0</v>
      </c>
      <c r="AO30" s="104">
        <v>0</v>
      </c>
      <c r="AP30" s="104">
        <v>35548</v>
      </c>
      <c r="AQ30" s="104">
        <v>108326</v>
      </c>
      <c r="AR30" s="104">
        <v>0</v>
      </c>
      <c r="AS30" s="103">
        <v>143874</v>
      </c>
      <c r="AT30" s="106">
        <v>143874</v>
      </c>
      <c r="AU30" s="100">
        <v>0</v>
      </c>
      <c r="AV30" s="104">
        <v>37714</v>
      </c>
      <c r="AW30" s="103">
        <v>37714</v>
      </c>
      <c r="AX30" s="100">
        <v>0</v>
      </c>
      <c r="AY30" s="104">
        <v>72327</v>
      </c>
      <c r="AZ30" s="104">
        <v>51784</v>
      </c>
      <c r="BA30" s="104">
        <v>70819</v>
      </c>
      <c r="BB30" s="104">
        <v>56869</v>
      </c>
      <c r="BC30" s="104">
        <v>126344</v>
      </c>
      <c r="BD30" s="103">
        <v>378143</v>
      </c>
      <c r="BE30" s="106">
        <v>415857</v>
      </c>
      <c r="BF30" s="100">
        <v>0</v>
      </c>
      <c r="BG30" s="104">
        <v>72701</v>
      </c>
      <c r="BH30" s="102">
        <v>72701</v>
      </c>
      <c r="BI30" s="101">
        <v>0</v>
      </c>
      <c r="BJ30" s="104">
        <v>0</v>
      </c>
      <c r="BK30" s="104">
        <v>0</v>
      </c>
      <c r="BL30" s="104">
        <v>27134</v>
      </c>
      <c r="BM30" s="104">
        <v>0</v>
      </c>
      <c r="BN30" s="104">
        <v>0</v>
      </c>
      <c r="BO30" s="103">
        <v>27134</v>
      </c>
      <c r="BP30" s="106">
        <v>99835</v>
      </c>
      <c r="BQ30" s="100">
        <v>0</v>
      </c>
      <c r="BR30" s="104">
        <v>12576</v>
      </c>
      <c r="BS30" s="103">
        <v>12576</v>
      </c>
      <c r="BT30" s="100">
        <v>0</v>
      </c>
      <c r="BU30" s="104">
        <v>51304</v>
      </c>
      <c r="BV30" s="104">
        <v>16688</v>
      </c>
      <c r="BW30" s="104">
        <v>37008</v>
      </c>
      <c r="BX30" s="104">
        <v>21736</v>
      </c>
      <c r="BY30" s="104">
        <v>43944</v>
      </c>
      <c r="BZ30" s="103">
        <v>170680</v>
      </c>
      <c r="CA30" s="106">
        <v>183256</v>
      </c>
      <c r="CB30" s="100">
        <v>78353</v>
      </c>
      <c r="CC30" s="104">
        <v>72862</v>
      </c>
      <c r="CD30" s="103">
        <v>151215</v>
      </c>
      <c r="CE30" s="100">
        <v>0</v>
      </c>
      <c r="CF30" s="104">
        <v>676680</v>
      </c>
      <c r="CG30" s="104">
        <v>403204</v>
      </c>
      <c r="CH30" s="104">
        <v>337428</v>
      </c>
      <c r="CI30" s="104">
        <v>423545</v>
      </c>
      <c r="CJ30" s="104">
        <v>434819</v>
      </c>
      <c r="CK30" s="103">
        <v>2275676</v>
      </c>
      <c r="CL30" s="106">
        <v>2426891</v>
      </c>
      <c r="CM30" s="100">
        <v>0</v>
      </c>
      <c r="CN30" s="104">
        <v>0</v>
      </c>
      <c r="CO30" s="103">
        <v>0</v>
      </c>
      <c r="CP30" s="101">
        <v>0</v>
      </c>
      <c r="CQ30" s="104">
        <v>466265</v>
      </c>
      <c r="CR30" s="104">
        <v>67648</v>
      </c>
      <c r="CS30" s="104">
        <v>64261</v>
      </c>
      <c r="CT30" s="104">
        <v>327667</v>
      </c>
      <c r="CU30" s="104">
        <v>0</v>
      </c>
      <c r="CV30" s="103">
        <v>925841</v>
      </c>
      <c r="CW30" s="106">
        <v>925841</v>
      </c>
      <c r="CX30" s="100">
        <v>78353</v>
      </c>
      <c r="CY30" s="104">
        <v>72862</v>
      </c>
      <c r="CZ30" s="103">
        <v>151215</v>
      </c>
      <c r="DA30" s="100">
        <v>0</v>
      </c>
      <c r="DB30" s="104">
        <v>210415</v>
      </c>
      <c r="DC30" s="104">
        <v>335556</v>
      </c>
      <c r="DD30" s="104">
        <v>273167</v>
      </c>
      <c r="DE30" s="104">
        <v>95878</v>
      </c>
      <c r="DF30" s="104">
        <v>434819</v>
      </c>
      <c r="DG30" s="103">
        <v>1349835</v>
      </c>
      <c r="DH30" s="106">
        <v>1501050</v>
      </c>
      <c r="DI30" s="100">
        <v>0</v>
      </c>
      <c r="DJ30" s="104">
        <v>14643</v>
      </c>
      <c r="DK30" s="102">
        <v>14643</v>
      </c>
      <c r="DL30" s="101">
        <v>0</v>
      </c>
      <c r="DM30" s="104">
        <v>168258</v>
      </c>
      <c r="DN30" s="104">
        <v>78311</v>
      </c>
      <c r="DO30" s="104">
        <v>394168</v>
      </c>
      <c r="DP30" s="104">
        <v>136237</v>
      </c>
      <c r="DQ30" s="104">
        <v>0</v>
      </c>
      <c r="DR30" s="103">
        <v>776974</v>
      </c>
      <c r="DS30" s="106">
        <v>791617</v>
      </c>
      <c r="DT30" s="100">
        <v>0</v>
      </c>
      <c r="DU30" s="104">
        <v>14643</v>
      </c>
      <c r="DV30" s="103">
        <v>14643</v>
      </c>
      <c r="DW30" s="100">
        <v>0</v>
      </c>
      <c r="DX30" s="104">
        <v>168258</v>
      </c>
      <c r="DY30" s="104">
        <v>78311</v>
      </c>
      <c r="DZ30" s="104">
        <v>307718</v>
      </c>
      <c r="EA30" s="104">
        <v>136237</v>
      </c>
      <c r="EB30" s="104">
        <v>0</v>
      </c>
      <c r="EC30" s="103">
        <v>690524</v>
      </c>
      <c r="ED30" s="106">
        <v>705167</v>
      </c>
      <c r="EE30" s="100">
        <v>0</v>
      </c>
      <c r="EF30" s="102">
        <v>0</v>
      </c>
      <c r="EG30" s="103">
        <v>0</v>
      </c>
      <c r="EH30" s="100">
        <v>0</v>
      </c>
      <c r="EI30" s="104">
        <v>0</v>
      </c>
      <c r="EJ30" s="104">
        <v>0</v>
      </c>
      <c r="EK30" s="104">
        <v>86450</v>
      </c>
      <c r="EL30" s="104">
        <v>0</v>
      </c>
      <c r="EM30" s="104">
        <v>0</v>
      </c>
      <c r="EN30" s="102">
        <v>86450</v>
      </c>
      <c r="EO30" s="106">
        <v>8645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v>0</v>
      </c>
      <c r="FE30" s="104">
        <v>0</v>
      </c>
      <c r="FF30" s="104">
        <v>0</v>
      </c>
      <c r="FG30" s="104">
        <v>0</v>
      </c>
      <c r="FH30" s="104">
        <v>0</v>
      </c>
      <c r="FI30" s="104">
        <v>0</v>
      </c>
      <c r="FJ30" s="103">
        <v>0</v>
      </c>
      <c r="FK30" s="106">
        <v>0</v>
      </c>
      <c r="FL30" s="100">
        <v>12528</v>
      </c>
      <c r="FM30" s="104">
        <v>52032</v>
      </c>
      <c r="FN30" s="103">
        <v>64560</v>
      </c>
      <c r="FO30" s="100">
        <v>0</v>
      </c>
      <c r="FP30" s="104">
        <v>17904</v>
      </c>
      <c r="FQ30" s="104">
        <v>102528</v>
      </c>
      <c r="FR30" s="104">
        <v>182776</v>
      </c>
      <c r="FS30" s="104">
        <v>87456</v>
      </c>
      <c r="FT30" s="104">
        <v>27264</v>
      </c>
      <c r="FU30" s="103">
        <v>417928</v>
      </c>
      <c r="FV30" s="106">
        <v>482488</v>
      </c>
      <c r="FW30" s="105">
        <v>12528</v>
      </c>
      <c r="FX30" s="104">
        <v>52032</v>
      </c>
      <c r="FY30" s="102">
        <v>64560</v>
      </c>
      <c r="FZ30" s="101">
        <v>0</v>
      </c>
      <c r="GA30" s="104">
        <v>17904</v>
      </c>
      <c r="GB30" s="104">
        <v>102528</v>
      </c>
      <c r="GC30" s="104">
        <v>98776</v>
      </c>
      <c r="GD30" s="104">
        <v>87456</v>
      </c>
      <c r="GE30" s="104">
        <v>27264</v>
      </c>
      <c r="GF30" s="103">
        <v>333928</v>
      </c>
      <c r="GG30" s="296">
        <v>398488</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0</v>
      </c>
      <c r="GX30" s="104">
        <v>0</v>
      </c>
      <c r="GY30" s="104">
        <v>84000</v>
      </c>
      <c r="GZ30" s="104">
        <v>0</v>
      </c>
      <c r="HA30" s="104">
        <v>0</v>
      </c>
      <c r="HB30" s="102">
        <v>84000</v>
      </c>
      <c r="HC30" s="106">
        <v>84000</v>
      </c>
      <c r="HD30" s="100">
        <v>0</v>
      </c>
      <c r="HE30" s="104">
        <v>88908</v>
      </c>
      <c r="HF30" s="102">
        <v>88908</v>
      </c>
      <c r="HG30" s="101">
        <v>0</v>
      </c>
      <c r="HH30" s="104">
        <v>311354</v>
      </c>
      <c r="HI30" s="104">
        <v>179658</v>
      </c>
      <c r="HJ30" s="104">
        <v>189872</v>
      </c>
      <c r="HK30" s="104">
        <v>429034</v>
      </c>
      <c r="HL30" s="104">
        <v>226037</v>
      </c>
      <c r="HM30" s="103">
        <v>1335955</v>
      </c>
      <c r="HN30" s="99">
        <v>1424863</v>
      </c>
      <c r="HO30" s="306">
        <v>0</v>
      </c>
      <c r="HP30" s="307">
        <v>0</v>
      </c>
      <c r="HQ30" s="308">
        <v>0</v>
      </c>
      <c r="HR30" s="309">
        <v>0</v>
      </c>
      <c r="HS30" s="307">
        <v>0</v>
      </c>
      <c r="HT30" s="307">
        <v>0</v>
      </c>
      <c r="HU30" s="307">
        <v>0</v>
      </c>
      <c r="HV30" s="307">
        <v>0</v>
      </c>
      <c r="HW30" s="307">
        <v>0</v>
      </c>
      <c r="HX30" s="310">
        <v>0</v>
      </c>
      <c r="HY30" s="311">
        <v>0</v>
      </c>
      <c r="HZ30" s="137">
        <v>41280</v>
      </c>
      <c r="IA30" s="122">
        <v>0</v>
      </c>
      <c r="IB30" s="137">
        <v>41280</v>
      </c>
      <c r="IC30" s="121">
        <v>0</v>
      </c>
      <c r="ID30" s="122">
        <v>194549</v>
      </c>
      <c r="IE30" s="123">
        <v>76166</v>
      </c>
      <c r="IF30" s="124">
        <v>0</v>
      </c>
      <c r="IG30" s="122">
        <v>0</v>
      </c>
      <c r="IH30" s="124">
        <v>0</v>
      </c>
      <c r="II30" s="125">
        <v>270715</v>
      </c>
      <c r="IJ30" s="137">
        <v>311995</v>
      </c>
      <c r="IK30" s="219">
        <v>0</v>
      </c>
      <c r="IL30" s="223">
        <v>0</v>
      </c>
      <c r="IM30" s="224">
        <v>0</v>
      </c>
      <c r="IN30" s="127">
        <v>0</v>
      </c>
      <c r="IO30" s="109">
        <v>0</v>
      </c>
      <c r="IP30" s="109">
        <v>0</v>
      </c>
      <c r="IQ30" s="109">
        <v>0</v>
      </c>
      <c r="IR30" s="109">
        <v>0</v>
      </c>
      <c r="IS30" s="109">
        <v>0</v>
      </c>
      <c r="IT30" s="128">
        <v>0</v>
      </c>
      <c r="IU30" s="298">
        <v>0</v>
      </c>
      <c r="IV30" s="129">
        <v>0</v>
      </c>
      <c r="IW30" s="109">
        <v>0</v>
      </c>
      <c r="IX30" s="110">
        <v>0</v>
      </c>
      <c r="IY30" s="131">
        <v>0</v>
      </c>
      <c r="IZ30" s="109">
        <v>0</v>
      </c>
      <c r="JA30" s="109">
        <v>0</v>
      </c>
      <c r="JB30" s="109">
        <v>0</v>
      </c>
      <c r="JC30" s="109">
        <v>0</v>
      </c>
      <c r="JD30" s="109">
        <v>0</v>
      </c>
      <c r="JE30" s="110">
        <v>0</v>
      </c>
      <c r="JF30" s="111">
        <v>0</v>
      </c>
      <c r="JG30" s="129">
        <v>0</v>
      </c>
      <c r="JH30" s="109">
        <v>0</v>
      </c>
      <c r="JI30" s="128">
        <v>0</v>
      </c>
      <c r="JJ30" s="108">
        <v>0</v>
      </c>
      <c r="JK30" s="109">
        <v>194549</v>
      </c>
      <c r="JL30" s="109">
        <v>76166</v>
      </c>
      <c r="JM30" s="109">
        <v>0</v>
      </c>
      <c r="JN30" s="109">
        <v>0</v>
      </c>
      <c r="JO30" s="109">
        <v>0</v>
      </c>
      <c r="JP30" s="110">
        <v>270715</v>
      </c>
      <c r="JQ30" s="298">
        <v>270715</v>
      </c>
      <c r="JR30" s="129">
        <v>0</v>
      </c>
      <c r="JS30" s="109">
        <v>0</v>
      </c>
      <c r="JT30" s="128">
        <v>0</v>
      </c>
      <c r="JU30" s="108">
        <v>0</v>
      </c>
      <c r="JV30" s="109">
        <v>0</v>
      </c>
      <c r="JW30" s="109">
        <v>0</v>
      </c>
      <c r="JX30" s="109">
        <v>0</v>
      </c>
      <c r="JY30" s="109">
        <v>0</v>
      </c>
      <c r="JZ30" s="109">
        <v>0</v>
      </c>
      <c r="KA30" s="110">
        <v>0</v>
      </c>
      <c r="KB30" s="298">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v>0</v>
      </c>
      <c r="KR30" s="109">
        <v>0</v>
      </c>
      <c r="KS30" s="109">
        <v>0</v>
      </c>
      <c r="KT30" s="109">
        <v>0</v>
      </c>
      <c r="KU30" s="109">
        <v>0</v>
      </c>
      <c r="KV30" s="109">
        <v>0</v>
      </c>
      <c r="KW30" s="110">
        <v>0</v>
      </c>
      <c r="KX30" s="298">
        <v>0</v>
      </c>
      <c r="KY30" s="129">
        <v>0</v>
      </c>
      <c r="KZ30" s="109">
        <v>0</v>
      </c>
      <c r="LA30" s="110">
        <v>0</v>
      </c>
      <c r="LB30" s="132">
        <v>0</v>
      </c>
      <c r="LC30" s="109">
        <v>0</v>
      </c>
      <c r="LD30" s="109">
        <v>0</v>
      </c>
      <c r="LE30" s="109">
        <v>0</v>
      </c>
      <c r="LF30" s="109">
        <v>0</v>
      </c>
      <c r="LG30" s="109">
        <v>0</v>
      </c>
      <c r="LH30" s="110">
        <v>0</v>
      </c>
      <c r="LI30" s="111">
        <v>0</v>
      </c>
      <c r="LJ30" s="129">
        <v>0</v>
      </c>
      <c r="LK30" s="109">
        <v>0</v>
      </c>
      <c r="LL30" s="110">
        <v>0</v>
      </c>
      <c r="LM30" s="132">
        <v>0</v>
      </c>
      <c r="LN30" s="109">
        <v>0</v>
      </c>
      <c r="LO30" s="109">
        <v>0</v>
      </c>
      <c r="LP30" s="109">
        <v>0</v>
      </c>
      <c r="LQ30" s="109">
        <v>0</v>
      </c>
      <c r="LR30" s="109">
        <v>0</v>
      </c>
      <c r="LS30" s="110">
        <v>0</v>
      </c>
      <c r="LT30" s="298">
        <v>0</v>
      </c>
      <c r="LU30" s="129">
        <v>0</v>
      </c>
      <c r="LV30" s="109">
        <v>0</v>
      </c>
      <c r="LW30" s="110">
        <v>0</v>
      </c>
      <c r="LX30" s="132">
        <v>0</v>
      </c>
      <c r="LY30" s="109">
        <v>0</v>
      </c>
      <c r="LZ30" s="109">
        <v>0</v>
      </c>
      <c r="MA30" s="109">
        <v>0</v>
      </c>
      <c r="MB30" s="109">
        <v>0</v>
      </c>
      <c r="MC30" s="109">
        <v>0</v>
      </c>
      <c r="MD30" s="110">
        <v>0</v>
      </c>
      <c r="ME30" s="111">
        <v>0</v>
      </c>
      <c r="MF30" s="129">
        <v>0</v>
      </c>
      <c r="MG30" s="109">
        <v>0</v>
      </c>
      <c r="MH30" s="110">
        <v>0</v>
      </c>
      <c r="MI30" s="132">
        <v>0</v>
      </c>
      <c r="MJ30" s="109">
        <v>456755</v>
      </c>
      <c r="MK30" s="109">
        <v>529044</v>
      </c>
      <c r="ML30" s="109">
        <v>1122678</v>
      </c>
      <c r="MM30" s="109">
        <v>781174</v>
      </c>
      <c r="MN30" s="109">
        <v>888790</v>
      </c>
      <c r="MO30" s="110">
        <v>3778441</v>
      </c>
      <c r="MP30" s="130">
        <v>3778441</v>
      </c>
      <c r="MQ30" s="129">
        <v>0</v>
      </c>
      <c r="MR30" s="109">
        <v>0</v>
      </c>
      <c r="MS30" s="110">
        <v>0</v>
      </c>
      <c r="MT30" s="132">
        <v>0</v>
      </c>
      <c r="MU30" s="109">
        <v>0</v>
      </c>
      <c r="MV30" s="109">
        <v>201826</v>
      </c>
      <c r="MW30" s="109">
        <v>1122678</v>
      </c>
      <c r="MX30" s="109">
        <v>246820</v>
      </c>
      <c r="MY30" s="109">
        <v>521119</v>
      </c>
      <c r="MZ30" s="110">
        <v>2092443</v>
      </c>
      <c r="NA30" s="130">
        <v>2092443</v>
      </c>
      <c r="NB30" s="129">
        <v>0</v>
      </c>
      <c r="NC30" s="109">
        <v>0</v>
      </c>
      <c r="ND30" s="110">
        <v>0</v>
      </c>
      <c r="NE30" s="132">
        <v>0</v>
      </c>
      <c r="NF30" s="109">
        <v>456755</v>
      </c>
      <c r="NG30" s="109">
        <v>327218</v>
      </c>
      <c r="NH30" s="109">
        <v>0</v>
      </c>
      <c r="NI30" s="109">
        <v>534354</v>
      </c>
      <c r="NJ30" s="109">
        <v>367671</v>
      </c>
      <c r="NK30" s="110">
        <v>1685998</v>
      </c>
      <c r="NL30" s="298">
        <v>1685998</v>
      </c>
      <c r="NM30" s="129">
        <v>0</v>
      </c>
      <c r="NN30" s="109">
        <v>0</v>
      </c>
      <c r="NO30" s="110">
        <v>0</v>
      </c>
      <c r="NP30" s="132">
        <v>0</v>
      </c>
      <c r="NQ30" s="109">
        <v>0</v>
      </c>
      <c r="NR30" s="109">
        <v>0</v>
      </c>
      <c r="NS30" s="109">
        <v>0</v>
      </c>
      <c r="NT30" s="109">
        <v>0</v>
      </c>
      <c r="NU30" s="109">
        <v>0</v>
      </c>
      <c r="NV30" s="110">
        <v>0</v>
      </c>
      <c r="NW30" s="111">
        <v>0</v>
      </c>
      <c r="NX30" s="129">
        <v>0</v>
      </c>
      <c r="NY30" s="109">
        <v>0</v>
      </c>
      <c r="NZ30" s="110">
        <v>0</v>
      </c>
      <c r="OA30" s="132">
        <v>0</v>
      </c>
      <c r="OB30" s="109">
        <v>0</v>
      </c>
      <c r="OC30" s="109">
        <v>0</v>
      </c>
      <c r="OD30" s="109">
        <v>0</v>
      </c>
      <c r="OE30" s="109">
        <v>0</v>
      </c>
      <c r="OF30" s="109">
        <v>0</v>
      </c>
      <c r="OG30" s="110">
        <v>0</v>
      </c>
      <c r="OH30" s="111">
        <v>0</v>
      </c>
      <c r="OI30" s="129">
        <v>132161</v>
      </c>
      <c r="OJ30" s="109">
        <v>351436</v>
      </c>
      <c r="OK30" s="128">
        <v>483597</v>
      </c>
      <c r="OL30" s="108">
        <v>0</v>
      </c>
      <c r="OM30" s="109">
        <v>2129864</v>
      </c>
      <c r="ON30" s="109">
        <v>1536233</v>
      </c>
      <c r="OO30" s="109">
        <v>2457135</v>
      </c>
      <c r="OP30" s="109">
        <v>2095231</v>
      </c>
      <c r="OQ30" s="109">
        <v>2094198</v>
      </c>
      <c r="OR30" s="110">
        <v>10312661</v>
      </c>
      <c r="OS30" s="130">
        <v>10796258</v>
      </c>
    </row>
    <row r="31" spans="2:409" ht="21" customHeight="1" x14ac:dyDescent="0.2">
      <c r="B31" s="472" t="s">
        <v>26</v>
      </c>
      <c r="C31" s="100">
        <v>128782</v>
      </c>
      <c r="D31" s="104">
        <v>82624</v>
      </c>
      <c r="E31" s="103">
        <v>211406</v>
      </c>
      <c r="F31" s="99">
        <v>0</v>
      </c>
      <c r="G31" s="104">
        <v>1255369</v>
      </c>
      <c r="H31" s="104">
        <v>1846173</v>
      </c>
      <c r="I31" s="104">
        <v>1589396</v>
      </c>
      <c r="J31" s="104">
        <v>388053</v>
      </c>
      <c r="K31" s="104">
        <v>302226</v>
      </c>
      <c r="L31" s="160">
        <v>5381217</v>
      </c>
      <c r="M31" s="106">
        <v>5592623</v>
      </c>
      <c r="N31" s="100">
        <v>25931</v>
      </c>
      <c r="O31" s="104">
        <v>0</v>
      </c>
      <c r="P31" s="103">
        <v>25931</v>
      </c>
      <c r="Q31" s="100">
        <v>0</v>
      </c>
      <c r="R31" s="104">
        <v>374026</v>
      </c>
      <c r="S31" s="104">
        <v>357046</v>
      </c>
      <c r="T31" s="104">
        <v>1078309</v>
      </c>
      <c r="U31" s="104">
        <v>319733</v>
      </c>
      <c r="V31" s="104">
        <v>209699</v>
      </c>
      <c r="W31" s="103">
        <v>2338813</v>
      </c>
      <c r="X31" s="106">
        <v>2364744</v>
      </c>
      <c r="Y31" s="100">
        <v>0</v>
      </c>
      <c r="Z31" s="104">
        <v>0</v>
      </c>
      <c r="AA31" s="103">
        <v>0</v>
      </c>
      <c r="AB31" s="100">
        <v>0</v>
      </c>
      <c r="AC31" s="104">
        <v>288781</v>
      </c>
      <c r="AD31" s="104">
        <v>139670</v>
      </c>
      <c r="AE31" s="104">
        <v>775070</v>
      </c>
      <c r="AF31" s="104">
        <v>36477</v>
      </c>
      <c r="AG31" s="104">
        <v>95654</v>
      </c>
      <c r="AH31" s="103">
        <v>1335652</v>
      </c>
      <c r="AI31" s="106">
        <v>1335652</v>
      </c>
      <c r="AJ31" s="100">
        <v>0</v>
      </c>
      <c r="AK31" s="104">
        <v>0</v>
      </c>
      <c r="AL31" s="103">
        <v>0</v>
      </c>
      <c r="AM31" s="100">
        <v>0</v>
      </c>
      <c r="AN31" s="104">
        <v>0</v>
      </c>
      <c r="AO31" s="104">
        <v>0</v>
      </c>
      <c r="AP31" s="104">
        <v>0</v>
      </c>
      <c r="AQ31" s="104">
        <v>154369</v>
      </c>
      <c r="AR31" s="104">
        <v>70140</v>
      </c>
      <c r="AS31" s="103">
        <v>224509</v>
      </c>
      <c r="AT31" s="106">
        <v>224509</v>
      </c>
      <c r="AU31" s="100">
        <v>0</v>
      </c>
      <c r="AV31" s="104">
        <v>0</v>
      </c>
      <c r="AW31" s="103">
        <v>0</v>
      </c>
      <c r="AX31" s="100">
        <v>0</v>
      </c>
      <c r="AY31" s="104">
        <v>68219</v>
      </c>
      <c r="AZ31" s="104">
        <v>42661</v>
      </c>
      <c r="BA31" s="104">
        <v>194511</v>
      </c>
      <c r="BB31" s="104">
        <v>105719</v>
      </c>
      <c r="BC31" s="104">
        <v>41521</v>
      </c>
      <c r="BD31" s="103">
        <v>452631</v>
      </c>
      <c r="BE31" s="106">
        <v>452631</v>
      </c>
      <c r="BF31" s="100">
        <v>23547</v>
      </c>
      <c r="BG31" s="104">
        <v>0</v>
      </c>
      <c r="BH31" s="102">
        <v>23547</v>
      </c>
      <c r="BI31" s="101">
        <v>0</v>
      </c>
      <c r="BJ31" s="104">
        <v>6802</v>
      </c>
      <c r="BK31" s="104">
        <v>119811</v>
      </c>
      <c r="BL31" s="104">
        <v>15800</v>
      </c>
      <c r="BM31" s="104">
        <v>0</v>
      </c>
      <c r="BN31" s="104">
        <v>0</v>
      </c>
      <c r="BO31" s="103">
        <v>142413</v>
      </c>
      <c r="BP31" s="106">
        <v>165960</v>
      </c>
      <c r="BQ31" s="100">
        <v>2384</v>
      </c>
      <c r="BR31" s="104">
        <v>0</v>
      </c>
      <c r="BS31" s="103">
        <v>2384</v>
      </c>
      <c r="BT31" s="100">
        <v>0</v>
      </c>
      <c r="BU31" s="104">
        <v>10224</v>
      </c>
      <c r="BV31" s="104">
        <v>54904</v>
      </c>
      <c r="BW31" s="104">
        <v>92928</v>
      </c>
      <c r="BX31" s="104">
        <v>23168</v>
      </c>
      <c r="BY31" s="104">
        <v>2384</v>
      </c>
      <c r="BZ31" s="103">
        <v>183608</v>
      </c>
      <c r="CA31" s="106">
        <v>185992</v>
      </c>
      <c r="CB31" s="100">
        <v>0</v>
      </c>
      <c r="CC31" s="104">
        <v>0</v>
      </c>
      <c r="CD31" s="103">
        <v>0</v>
      </c>
      <c r="CE31" s="100">
        <v>0</v>
      </c>
      <c r="CF31" s="104">
        <v>488848</v>
      </c>
      <c r="CG31" s="104">
        <v>558314</v>
      </c>
      <c r="CH31" s="104">
        <v>249827</v>
      </c>
      <c r="CI31" s="104">
        <v>0</v>
      </c>
      <c r="CJ31" s="104">
        <v>0</v>
      </c>
      <c r="CK31" s="103">
        <v>1296989</v>
      </c>
      <c r="CL31" s="106">
        <v>1296989</v>
      </c>
      <c r="CM31" s="100">
        <v>0</v>
      </c>
      <c r="CN31" s="104">
        <v>0</v>
      </c>
      <c r="CO31" s="103">
        <v>0</v>
      </c>
      <c r="CP31" s="101">
        <v>0</v>
      </c>
      <c r="CQ31" s="104">
        <v>376062</v>
      </c>
      <c r="CR31" s="104">
        <v>459419</v>
      </c>
      <c r="CS31" s="104">
        <v>165238</v>
      </c>
      <c r="CT31" s="104">
        <v>0</v>
      </c>
      <c r="CU31" s="104">
        <v>0</v>
      </c>
      <c r="CV31" s="103">
        <v>1000719</v>
      </c>
      <c r="CW31" s="106">
        <v>1000719</v>
      </c>
      <c r="CX31" s="100">
        <v>0</v>
      </c>
      <c r="CY31" s="104">
        <v>0</v>
      </c>
      <c r="CZ31" s="103">
        <v>0</v>
      </c>
      <c r="DA31" s="100">
        <v>0</v>
      </c>
      <c r="DB31" s="104">
        <v>112786</v>
      </c>
      <c r="DC31" s="104">
        <v>98895</v>
      </c>
      <c r="DD31" s="104">
        <v>84589</v>
      </c>
      <c r="DE31" s="104">
        <v>0</v>
      </c>
      <c r="DF31" s="104">
        <v>0</v>
      </c>
      <c r="DG31" s="103">
        <v>296270</v>
      </c>
      <c r="DH31" s="106">
        <v>296270</v>
      </c>
      <c r="DI31" s="100">
        <v>0</v>
      </c>
      <c r="DJ31" s="104">
        <v>0</v>
      </c>
      <c r="DK31" s="102">
        <v>0</v>
      </c>
      <c r="DL31" s="101">
        <v>0</v>
      </c>
      <c r="DM31" s="104">
        <v>126175</v>
      </c>
      <c r="DN31" s="104">
        <v>243567</v>
      </c>
      <c r="DO31" s="104">
        <v>94212</v>
      </c>
      <c r="DP31" s="104">
        <v>0</v>
      </c>
      <c r="DQ31" s="104">
        <v>22543</v>
      </c>
      <c r="DR31" s="103">
        <v>486497</v>
      </c>
      <c r="DS31" s="106">
        <v>486497</v>
      </c>
      <c r="DT31" s="100">
        <v>0</v>
      </c>
      <c r="DU31" s="104">
        <v>0</v>
      </c>
      <c r="DV31" s="103">
        <v>0</v>
      </c>
      <c r="DW31" s="100">
        <v>0</v>
      </c>
      <c r="DX31" s="104">
        <v>126175</v>
      </c>
      <c r="DY31" s="104">
        <v>243567</v>
      </c>
      <c r="DZ31" s="104">
        <v>0</v>
      </c>
      <c r="EA31" s="104">
        <v>0</v>
      </c>
      <c r="EB31" s="104">
        <v>22543</v>
      </c>
      <c r="EC31" s="103">
        <v>392285</v>
      </c>
      <c r="ED31" s="106">
        <v>392285</v>
      </c>
      <c r="EE31" s="100">
        <v>0</v>
      </c>
      <c r="EF31" s="102">
        <v>0</v>
      </c>
      <c r="EG31" s="103">
        <v>0</v>
      </c>
      <c r="EH31" s="100">
        <v>0</v>
      </c>
      <c r="EI31" s="104">
        <v>0</v>
      </c>
      <c r="EJ31" s="104">
        <v>0</v>
      </c>
      <c r="EK31" s="104">
        <v>94212</v>
      </c>
      <c r="EL31" s="104">
        <v>0</v>
      </c>
      <c r="EM31" s="104">
        <v>0</v>
      </c>
      <c r="EN31" s="102">
        <v>94212</v>
      </c>
      <c r="EO31" s="106">
        <v>94212</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v>0</v>
      </c>
      <c r="FE31" s="104">
        <v>0</v>
      </c>
      <c r="FF31" s="104">
        <v>0</v>
      </c>
      <c r="FG31" s="104">
        <v>0</v>
      </c>
      <c r="FH31" s="104">
        <v>0</v>
      </c>
      <c r="FI31" s="104">
        <v>0</v>
      </c>
      <c r="FJ31" s="103">
        <v>0</v>
      </c>
      <c r="FK31" s="106">
        <v>0</v>
      </c>
      <c r="FL31" s="100">
        <v>50560</v>
      </c>
      <c r="FM31" s="104">
        <v>82624</v>
      </c>
      <c r="FN31" s="103">
        <v>133184</v>
      </c>
      <c r="FO31" s="100">
        <v>0</v>
      </c>
      <c r="FP31" s="104">
        <v>114160</v>
      </c>
      <c r="FQ31" s="104">
        <v>344928</v>
      </c>
      <c r="FR31" s="104">
        <v>167048</v>
      </c>
      <c r="FS31" s="104">
        <v>68320</v>
      </c>
      <c r="FT31" s="104">
        <v>69984</v>
      </c>
      <c r="FU31" s="103">
        <v>764440</v>
      </c>
      <c r="FV31" s="106">
        <v>897624</v>
      </c>
      <c r="FW31" s="105">
        <v>50560</v>
      </c>
      <c r="FX31" s="104">
        <v>21024</v>
      </c>
      <c r="FY31" s="102">
        <v>71584</v>
      </c>
      <c r="FZ31" s="101">
        <v>0</v>
      </c>
      <c r="GA31" s="104">
        <v>70160</v>
      </c>
      <c r="GB31" s="104">
        <v>322752</v>
      </c>
      <c r="GC31" s="104">
        <v>167048</v>
      </c>
      <c r="GD31" s="104">
        <v>68320</v>
      </c>
      <c r="GE31" s="104">
        <v>69984</v>
      </c>
      <c r="GF31" s="103">
        <v>698264</v>
      </c>
      <c r="GG31" s="296">
        <v>769848</v>
      </c>
      <c r="GH31" s="105">
        <v>0</v>
      </c>
      <c r="GI31" s="104">
        <v>0</v>
      </c>
      <c r="GJ31" s="102">
        <v>0</v>
      </c>
      <c r="GK31" s="101">
        <v>0</v>
      </c>
      <c r="GL31" s="104">
        <v>0</v>
      </c>
      <c r="GM31" s="104">
        <v>22176</v>
      </c>
      <c r="GN31" s="104">
        <v>0</v>
      </c>
      <c r="GO31" s="104">
        <v>0</v>
      </c>
      <c r="GP31" s="104">
        <v>0</v>
      </c>
      <c r="GQ31" s="103">
        <v>22176</v>
      </c>
      <c r="GR31" s="106">
        <v>22176</v>
      </c>
      <c r="GS31" s="100">
        <v>0</v>
      </c>
      <c r="GT31" s="104">
        <v>61600</v>
      </c>
      <c r="GU31" s="103">
        <v>61600</v>
      </c>
      <c r="GV31" s="100">
        <v>0</v>
      </c>
      <c r="GW31" s="104">
        <v>44000</v>
      </c>
      <c r="GX31" s="104">
        <v>0</v>
      </c>
      <c r="GY31" s="104">
        <v>0</v>
      </c>
      <c r="GZ31" s="104">
        <v>0</v>
      </c>
      <c r="HA31" s="104">
        <v>0</v>
      </c>
      <c r="HB31" s="102">
        <v>44000</v>
      </c>
      <c r="HC31" s="106">
        <v>105600</v>
      </c>
      <c r="HD31" s="100">
        <v>52291</v>
      </c>
      <c r="HE31" s="104">
        <v>0</v>
      </c>
      <c r="HF31" s="102">
        <v>52291</v>
      </c>
      <c r="HG31" s="101">
        <v>0</v>
      </c>
      <c r="HH31" s="104">
        <v>152160</v>
      </c>
      <c r="HI31" s="104">
        <v>342318</v>
      </c>
      <c r="HJ31" s="104">
        <v>0</v>
      </c>
      <c r="HK31" s="104">
        <v>0</v>
      </c>
      <c r="HL31" s="104">
        <v>0</v>
      </c>
      <c r="HM31" s="103">
        <v>494478</v>
      </c>
      <c r="HN31" s="99">
        <v>546769</v>
      </c>
      <c r="HO31" s="306">
        <v>0</v>
      </c>
      <c r="HP31" s="307">
        <v>0</v>
      </c>
      <c r="HQ31" s="308">
        <v>0</v>
      </c>
      <c r="HR31" s="309">
        <v>0</v>
      </c>
      <c r="HS31" s="307">
        <v>0</v>
      </c>
      <c r="HT31" s="307">
        <v>0</v>
      </c>
      <c r="HU31" s="307">
        <v>0</v>
      </c>
      <c r="HV31" s="307">
        <v>0</v>
      </c>
      <c r="HW31" s="307">
        <v>0</v>
      </c>
      <c r="HX31" s="310">
        <v>0</v>
      </c>
      <c r="HY31" s="311">
        <v>0</v>
      </c>
      <c r="HZ31" s="118">
        <v>0</v>
      </c>
      <c r="IA31" s="119">
        <v>0</v>
      </c>
      <c r="IB31" s="120">
        <v>0</v>
      </c>
      <c r="IC31" s="133">
        <v>0</v>
      </c>
      <c r="ID31" s="119">
        <v>203869</v>
      </c>
      <c r="IE31" s="134">
        <v>436245</v>
      </c>
      <c r="IF31" s="120">
        <v>295750</v>
      </c>
      <c r="IG31" s="119">
        <v>247334</v>
      </c>
      <c r="IH31" s="120">
        <v>406682</v>
      </c>
      <c r="II31" s="135">
        <v>1589880</v>
      </c>
      <c r="IJ31" s="126">
        <v>1589880</v>
      </c>
      <c r="IK31" s="219">
        <v>0</v>
      </c>
      <c r="IL31" s="223">
        <v>0</v>
      </c>
      <c r="IM31" s="224">
        <v>0</v>
      </c>
      <c r="IN31" s="127">
        <v>0</v>
      </c>
      <c r="IO31" s="109">
        <v>0</v>
      </c>
      <c r="IP31" s="109">
        <v>0</v>
      </c>
      <c r="IQ31" s="109">
        <v>0</v>
      </c>
      <c r="IR31" s="109">
        <v>0</v>
      </c>
      <c r="IS31" s="109">
        <v>0</v>
      </c>
      <c r="IT31" s="128">
        <v>0</v>
      </c>
      <c r="IU31" s="298">
        <v>0</v>
      </c>
      <c r="IV31" s="129">
        <v>0</v>
      </c>
      <c r="IW31" s="109">
        <v>0</v>
      </c>
      <c r="IX31" s="110">
        <v>0</v>
      </c>
      <c r="IY31" s="131">
        <v>0</v>
      </c>
      <c r="IZ31" s="109">
        <v>0</v>
      </c>
      <c r="JA31" s="109">
        <v>0</v>
      </c>
      <c r="JB31" s="109">
        <v>0</v>
      </c>
      <c r="JC31" s="109">
        <v>0</v>
      </c>
      <c r="JD31" s="109">
        <v>0</v>
      </c>
      <c r="JE31" s="110">
        <v>0</v>
      </c>
      <c r="JF31" s="111">
        <v>0</v>
      </c>
      <c r="JG31" s="129">
        <v>0</v>
      </c>
      <c r="JH31" s="109">
        <v>0</v>
      </c>
      <c r="JI31" s="128">
        <v>0</v>
      </c>
      <c r="JJ31" s="108">
        <v>0</v>
      </c>
      <c r="JK31" s="109">
        <v>203869</v>
      </c>
      <c r="JL31" s="109">
        <v>85250</v>
      </c>
      <c r="JM31" s="109">
        <v>46510</v>
      </c>
      <c r="JN31" s="109">
        <v>0</v>
      </c>
      <c r="JO31" s="109">
        <v>406682</v>
      </c>
      <c r="JP31" s="110">
        <v>742311</v>
      </c>
      <c r="JQ31" s="298">
        <v>742311</v>
      </c>
      <c r="JR31" s="129">
        <v>0</v>
      </c>
      <c r="JS31" s="109">
        <v>0</v>
      </c>
      <c r="JT31" s="128">
        <v>0</v>
      </c>
      <c r="JU31" s="108">
        <v>0</v>
      </c>
      <c r="JV31" s="109">
        <v>0</v>
      </c>
      <c r="JW31" s="109">
        <v>117604</v>
      </c>
      <c r="JX31" s="109">
        <v>0</v>
      </c>
      <c r="JY31" s="109">
        <v>0</v>
      </c>
      <c r="JZ31" s="109">
        <v>0</v>
      </c>
      <c r="KA31" s="110">
        <v>117604</v>
      </c>
      <c r="KB31" s="298">
        <v>117604</v>
      </c>
      <c r="KC31" s="221">
        <v>0</v>
      </c>
      <c r="KD31" s="217">
        <v>0</v>
      </c>
      <c r="KE31" s="110">
        <v>0</v>
      </c>
      <c r="KF31" s="108">
        <v>0</v>
      </c>
      <c r="KG31" s="109">
        <v>0</v>
      </c>
      <c r="KH31" s="109">
        <v>0</v>
      </c>
      <c r="KI31" s="109">
        <v>0</v>
      </c>
      <c r="KJ31" s="109">
        <v>0</v>
      </c>
      <c r="KK31" s="109">
        <v>0</v>
      </c>
      <c r="KL31" s="110">
        <v>0</v>
      </c>
      <c r="KM31" s="130">
        <v>0</v>
      </c>
      <c r="KN31" s="219">
        <v>0</v>
      </c>
      <c r="KO31" s="223">
        <v>0</v>
      </c>
      <c r="KP31" s="224">
        <v>0</v>
      </c>
      <c r="KQ31" s="127">
        <v>0</v>
      </c>
      <c r="KR31" s="109">
        <v>0</v>
      </c>
      <c r="KS31" s="109">
        <v>233391</v>
      </c>
      <c r="KT31" s="109">
        <v>249240</v>
      </c>
      <c r="KU31" s="109">
        <v>247334</v>
      </c>
      <c r="KV31" s="109">
        <v>0</v>
      </c>
      <c r="KW31" s="110">
        <v>729965</v>
      </c>
      <c r="KX31" s="298">
        <v>729965</v>
      </c>
      <c r="KY31" s="129">
        <v>0</v>
      </c>
      <c r="KZ31" s="109">
        <v>0</v>
      </c>
      <c r="LA31" s="110">
        <v>0</v>
      </c>
      <c r="LB31" s="132">
        <v>0</v>
      </c>
      <c r="LC31" s="109">
        <v>0</v>
      </c>
      <c r="LD31" s="109">
        <v>0</v>
      </c>
      <c r="LE31" s="109">
        <v>0</v>
      </c>
      <c r="LF31" s="109">
        <v>0</v>
      </c>
      <c r="LG31" s="109">
        <v>0</v>
      </c>
      <c r="LH31" s="110">
        <v>0</v>
      </c>
      <c r="LI31" s="111">
        <v>0</v>
      </c>
      <c r="LJ31" s="129">
        <v>0</v>
      </c>
      <c r="LK31" s="109">
        <v>0</v>
      </c>
      <c r="LL31" s="110">
        <v>0</v>
      </c>
      <c r="LM31" s="132">
        <v>0</v>
      </c>
      <c r="LN31" s="109">
        <v>0</v>
      </c>
      <c r="LO31" s="109">
        <v>0</v>
      </c>
      <c r="LP31" s="109">
        <v>0</v>
      </c>
      <c r="LQ31" s="109">
        <v>0</v>
      </c>
      <c r="LR31" s="109">
        <v>0</v>
      </c>
      <c r="LS31" s="110">
        <v>0</v>
      </c>
      <c r="LT31" s="298">
        <v>0</v>
      </c>
      <c r="LU31" s="129">
        <v>0</v>
      </c>
      <c r="LV31" s="109">
        <v>0</v>
      </c>
      <c r="LW31" s="110">
        <v>0</v>
      </c>
      <c r="LX31" s="132">
        <v>0</v>
      </c>
      <c r="LY31" s="109">
        <v>0</v>
      </c>
      <c r="LZ31" s="109">
        <v>0</v>
      </c>
      <c r="MA31" s="109">
        <v>0</v>
      </c>
      <c r="MB31" s="109">
        <v>0</v>
      </c>
      <c r="MC31" s="109">
        <v>0</v>
      </c>
      <c r="MD31" s="110">
        <v>0</v>
      </c>
      <c r="ME31" s="111">
        <v>0</v>
      </c>
      <c r="MF31" s="129">
        <v>0</v>
      </c>
      <c r="MG31" s="109">
        <v>0</v>
      </c>
      <c r="MH31" s="110">
        <v>0</v>
      </c>
      <c r="MI31" s="132">
        <v>0</v>
      </c>
      <c r="MJ31" s="109">
        <v>0</v>
      </c>
      <c r="MK31" s="109">
        <v>161263</v>
      </c>
      <c r="ML31" s="109">
        <v>944762</v>
      </c>
      <c r="MM31" s="109">
        <v>989314</v>
      </c>
      <c r="MN31" s="109">
        <v>258790</v>
      </c>
      <c r="MO31" s="110">
        <v>2354129</v>
      </c>
      <c r="MP31" s="130">
        <v>2354129</v>
      </c>
      <c r="MQ31" s="129">
        <v>0</v>
      </c>
      <c r="MR31" s="109">
        <v>0</v>
      </c>
      <c r="MS31" s="110">
        <v>0</v>
      </c>
      <c r="MT31" s="132">
        <v>0</v>
      </c>
      <c r="MU31" s="109">
        <v>0</v>
      </c>
      <c r="MV31" s="109">
        <v>0</v>
      </c>
      <c r="MW31" s="109">
        <v>688358</v>
      </c>
      <c r="MX31" s="109">
        <v>989314</v>
      </c>
      <c r="MY31" s="109">
        <v>258790</v>
      </c>
      <c r="MZ31" s="110">
        <v>1936462</v>
      </c>
      <c r="NA31" s="130">
        <v>1936462</v>
      </c>
      <c r="NB31" s="129">
        <v>0</v>
      </c>
      <c r="NC31" s="109">
        <v>0</v>
      </c>
      <c r="ND31" s="110">
        <v>0</v>
      </c>
      <c r="NE31" s="132">
        <v>0</v>
      </c>
      <c r="NF31" s="109">
        <v>0</v>
      </c>
      <c r="NG31" s="109">
        <v>161263</v>
      </c>
      <c r="NH31" s="109">
        <v>256404</v>
      </c>
      <c r="NI31" s="109">
        <v>0</v>
      </c>
      <c r="NJ31" s="109">
        <v>0</v>
      </c>
      <c r="NK31" s="110">
        <v>417667</v>
      </c>
      <c r="NL31" s="298">
        <v>417667</v>
      </c>
      <c r="NM31" s="129">
        <v>0</v>
      </c>
      <c r="NN31" s="109">
        <v>0</v>
      </c>
      <c r="NO31" s="110">
        <v>0</v>
      </c>
      <c r="NP31" s="132">
        <v>0</v>
      </c>
      <c r="NQ31" s="109">
        <v>0</v>
      </c>
      <c r="NR31" s="109">
        <v>0</v>
      </c>
      <c r="NS31" s="109">
        <v>0</v>
      </c>
      <c r="NT31" s="109">
        <v>0</v>
      </c>
      <c r="NU31" s="109">
        <v>0</v>
      </c>
      <c r="NV31" s="110">
        <v>0</v>
      </c>
      <c r="NW31" s="111">
        <v>0</v>
      </c>
      <c r="NX31" s="129">
        <v>0</v>
      </c>
      <c r="NY31" s="109">
        <v>0</v>
      </c>
      <c r="NZ31" s="110">
        <v>0</v>
      </c>
      <c r="OA31" s="132">
        <v>0</v>
      </c>
      <c r="OB31" s="109">
        <v>0</v>
      </c>
      <c r="OC31" s="109">
        <v>0</v>
      </c>
      <c r="OD31" s="109">
        <v>0</v>
      </c>
      <c r="OE31" s="109">
        <v>0</v>
      </c>
      <c r="OF31" s="109">
        <v>0</v>
      </c>
      <c r="OG31" s="110">
        <v>0</v>
      </c>
      <c r="OH31" s="111">
        <v>0</v>
      </c>
      <c r="OI31" s="129">
        <v>128782</v>
      </c>
      <c r="OJ31" s="109">
        <v>82624</v>
      </c>
      <c r="OK31" s="128">
        <v>211406</v>
      </c>
      <c r="OL31" s="108">
        <v>0</v>
      </c>
      <c r="OM31" s="109">
        <v>1459238</v>
      </c>
      <c r="ON31" s="109">
        <v>2443681</v>
      </c>
      <c r="OO31" s="109">
        <v>2829908</v>
      </c>
      <c r="OP31" s="109">
        <v>1624701</v>
      </c>
      <c r="OQ31" s="109">
        <v>967698</v>
      </c>
      <c r="OR31" s="110">
        <v>9325226</v>
      </c>
      <c r="OS31" s="130">
        <v>9536632</v>
      </c>
    </row>
    <row r="32" spans="2:409" ht="21" customHeight="1" x14ac:dyDescent="0.2">
      <c r="B32" s="472" t="s">
        <v>27</v>
      </c>
      <c r="C32" s="100">
        <v>114774</v>
      </c>
      <c r="D32" s="104">
        <v>297398</v>
      </c>
      <c r="E32" s="103">
        <v>412172</v>
      </c>
      <c r="F32" s="99">
        <v>0</v>
      </c>
      <c r="G32" s="104">
        <v>1248904</v>
      </c>
      <c r="H32" s="104">
        <v>1313915</v>
      </c>
      <c r="I32" s="104">
        <v>1859509</v>
      </c>
      <c r="J32" s="104">
        <v>2255438</v>
      </c>
      <c r="K32" s="104">
        <v>867844</v>
      </c>
      <c r="L32" s="160">
        <v>7545610</v>
      </c>
      <c r="M32" s="106">
        <v>7957782</v>
      </c>
      <c r="N32" s="100">
        <v>15056</v>
      </c>
      <c r="O32" s="104">
        <v>119316</v>
      </c>
      <c r="P32" s="103">
        <v>134372</v>
      </c>
      <c r="Q32" s="100">
        <v>0</v>
      </c>
      <c r="R32" s="104">
        <v>340426</v>
      </c>
      <c r="S32" s="104">
        <v>364828</v>
      </c>
      <c r="T32" s="104">
        <v>596926</v>
      </c>
      <c r="U32" s="104">
        <v>758767</v>
      </c>
      <c r="V32" s="104">
        <v>500705</v>
      </c>
      <c r="W32" s="103">
        <v>2561652</v>
      </c>
      <c r="X32" s="106">
        <v>2696024</v>
      </c>
      <c r="Y32" s="100">
        <v>0</v>
      </c>
      <c r="Z32" s="104">
        <v>0</v>
      </c>
      <c r="AA32" s="103">
        <v>0</v>
      </c>
      <c r="AB32" s="100">
        <v>0</v>
      </c>
      <c r="AC32" s="104">
        <v>98534</v>
      </c>
      <c r="AD32" s="104">
        <v>134298</v>
      </c>
      <c r="AE32" s="104">
        <v>280877</v>
      </c>
      <c r="AF32" s="104">
        <v>416282</v>
      </c>
      <c r="AG32" s="104">
        <v>245492</v>
      </c>
      <c r="AH32" s="103">
        <v>1175483</v>
      </c>
      <c r="AI32" s="106">
        <v>1175483</v>
      </c>
      <c r="AJ32" s="100">
        <v>0</v>
      </c>
      <c r="AK32" s="104">
        <v>0</v>
      </c>
      <c r="AL32" s="103">
        <v>0</v>
      </c>
      <c r="AM32" s="100">
        <v>0</v>
      </c>
      <c r="AN32" s="104">
        <v>0</v>
      </c>
      <c r="AO32" s="104">
        <v>0</v>
      </c>
      <c r="AP32" s="104">
        <v>56926</v>
      </c>
      <c r="AQ32" s="104">
        <v>22773</v>
      </c>
      <c r="AR32" s="104">
        <v>44405</v>
      </c>
      <c r="AS32" s="103">
        <v>124104</v>
      </c>
      <c r="AT32" s="106">
        <v>124104</v>
      </c>
      <c r="AU32" s="100">
        <v>0</v>
      </c>
      <c r="AV32" s="104">
        <v>109916</v>
      </c>
      <c r="AW32" s="103">
        <v>109916</v>
      </c>
      <c r="AX32" s="100">
        <v>0</v>
      </c>
      <c r="AY32" s="104">
        <v>200148</v>
      </c>
      <c r="AZ32" s="104">
        <v>151734</v>
      </c>
      <c r="BA32" s="104">
        <v>201803</v>
      </c>
      <c r="BB32" s="104">
        <v>237240</v>
      </c>
      <c r="BC32" s="104">
        <v>170392</v>
      </c>
      <c r="BD32" s="103">
        <v>961317</v>
      </c>
      <c r="BE32" s="106">
        <v>1071233</v>
      </c>
      <c r="BF32" s="100">
        <v>0</v>
      </c>
      <c r="BG32" s="104">
        <v>0</v>
      </c>
      <c r="BH32" s="102">
        <v>0</v>
      </c>
      <c r="BI32" s="101">
        <v>0</v>
      </c>
      <c r="BJ32" s="104">
        <v>0</v>
      </c>
      <c r="BK32" s="104">
        <v>23700</v>
      </c>
      <c r="BL32" s="104">
        <v>0</v>
      </c>
      <c r="BM32" s="104">
        <v>0</v>
      </c>
      <c r="BN32" s="104">
        <v>0</v>
      </c>
      <c r="BO32" s="103">
        <v>23700</v>
      </c>
      <c r="BP32" s="106">
        <v>23700</v>
      </c>
      <c r="BQ32" s="100">
        <v>15056</v>
      </c>
      <c r="BR32" s="104">
        <v>9400</v>
      </c>
      <c r="BS32" s="103">
        <v>24456</v>
      </c>
      <c r="BT32" s="100">
        <v>0</v>
      </c>
      <c r="BU32" s="104">
        <v>41744</v>
      </c>
      <c r="BV32" s="104">
        <v>55096</v>
      </c>
      <c r="BW32" s="104">
        <v>57320</v>
      </c>
      <c r="BX32" s="104">
        <v>82472</v>
      </c>
      <c r="BY32" s="104">
        <v>40416</v>
      </c>
      <c r="BZ32" s="103">
        <v>277048</v>
      </c>
      <c r="CA32" s="106">
        <v>301504</v>
      </c>
      <c r="CB32" s="100">
        <v>0</v>
      </c>
      <c r="CC32" s="104">
        <v>79762</v>
      </c>
      <c r="CD32" s="103">
        <v>79762</v>
      </c>
      <c r="CE32" s="100">
        <v>0</v>
      </c>
      <c r="CF32" s="104">
        <v>563775</v>
      </c>
      <c r="CG32" s="104">
        <v>803039</v>
      </c>
      <c r="CH32" s="104">
        <v>773634</v>
      </c>
      <c r="CI32" s="104">
        <v>363339</v>
      </c>
      <c r="CJ32" s="104">
        <v>0</v>
      </c>
      <c r="CK32" s="103">
        <v>2503787</v>
      </c>
      <c r="CL32" s="106">
        <v>2583549</v>
      </c>
      <c r="CM32" s="100">
        <v>0</v>
      </c>
      <c r="CN32" s="104">
        <v>0</v>
      </c>
      <c r="CO32" s="103">
        <v>0</v>
      </c>
      <c r="CP32" s="101">
        <v>0</v>
      </c>
      <c r="CQ32" s="104">
        <v>563775</v>
      </c>
      <c r="CR32" s="104">
        <v>622539</v>
      </c>
      <c r="CS32" s="104">
        <v>616066</v>
      </c>
      <c r="CT32" s="104">
        <v>363339</v>
      </c>
      <c r="CU32" s="104">
        <v>0</v>
      </c>
      <c r="CV32" s="103">
        <v>2165719</v>
      </c>
      <c r="CW32" s="106">
        <v>2165719</v>
      </c>
      <c r="CX32" s="100">
        <v>0</v>
      </c>
      <c r="CY32" s="104">
        <v>79762</v>
      </c>
      <c r="CZ32" s="103">
        <v>79762</v>
      </c>
      <c r="DA32" s="100">
        <v>0</v>
      </c>
      <c r="DB32" s="104">
        <v>0</v>
      </c>
      <c r="DC32" s="104">
        <v>180500</v>
      </c>
      <c r="DD32" s="104">
        <v>157568</v>
      </c>
      <c r="DE32" s="104">
        <v>0</v>
      </c>
      <c r="DF32" s="104">
        <v>0</v>
      </c>
      <c r="DG32" s="103">
        <v>338068</v>
      </c>
      <c r="DH32" s="106">
        <v>417830</v>
      </c>
      <c r="DI32" s="100">
        <v>0</v>
      </c>
      <c r="DJ32" s="104">
        <v>0</v>
      </c>
      <c r="DK32" s="102">
        <v>0</v>
      </c>
      <c r="DL32" s="101">
        <v>0</v>
      </c>
      <c r="DM32" s="104">
        <v>23976</v>
      </c>
      <c r="DN32" s="104">
        <v>0</v>
      </c>
      <c r="DO32" s="104">
        <v>294269</v>
      </c>
      <c r="DP32" s="104">
        <v>0</v>
      </c>
      <c r="DQ32" s="104">
        <v>109361</v>
      </c>
      <c r="DR32" s="103">
        <v>427606</v>
      </c>
      <c r="DS32" s="106">
        <v>427606</v>
      </c>
      <c r="DT32" s="100">
        <v>0</v>
      </c>
      <c r="DU32" s="104">
        <v>0</v>
      </c>
      <c r="DV32" s="103">
        <v>0</v>
      </c>
      <c r="DW32" s="100">
        <v>0</v>
      </c>
      <c r="DX32" s="104">
        <v>0</v>
      </c>
      <c r="DY32" s="104">
        <v>0</v>
      </c>
      <c r="DZ32" s="104">
        <v>262597</v>
      </c>
      <c r="EA32" s="104">
        <v>0</v>
      </c>
      <c r="EB32" s="104">
        <v>109361</v>
      </c>
      <c r="EC32" s="103">
        <v>371958</v>
      </c>
      <c r="ED32" s="106">
        <v>371958</v>
      </c>
      <c r="EE32" s="100">
        <v>0</v>
      </c>
      <c r="EF32" s="102">
        <v>0</v>
      </c>
      <c r="EG32" s="103">
        <v>0</v>
      </c>
      <c r="EH32" s="100">
        <v>0</v>
      </c>
      <c r="EI32" s="104">
        <v>23976</v>
      </c>
      <c r="EJ32" s="104">
        <v>0</v>
      </c>
      <c r="EK32" s="104">
        <v>31672</v>
      </c>
      <c r="EL32" s="104">
        <v>0</v>
      </c>
      <c r="EM32" s="104">
        <v>0</v>
      </c>
      <c r="EN32" s="102">
        <v>55648</v>
      </c>
      <c r="EO32" s="106">
        <v>55648</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v>0</v>
      </c>
      <c r="FE32" s="104">
        <v>0</v>
      </c>
      <c r="FF32" s="104">
        <v>0</v>
      </c>
      <c r="FG32" s="104">
        <v>0</v>
      </c>
      <c r="FH32" s="104">
        <v>0</v>
      </c>
      <c r="FI32" s="104">
        <v>0</v>
      </c>
      <c r="FJ32" s="103">
        <v>0</v>
      </c>
      <c r="FK32" s="106">
        <v>0</v>
      </c>
      <c r="FL32" s="100">
        <v>48960</v>
      </c>
      <c r="FM32" s="104">
        <v>98320</v>
      </c>
      <c r="FN32" s="103">
        <v>147280</v>
      </c>
      <c r="FO32" s="100">
        <v>0</v>
      </c>
      <c r="FP32" s="104">
        <v>12000</v>
      </c>
      <c r="FQ32" s="104">
        <v>146048</v>
      </c>
      <c r="FR32" s="104">
        <v>194680</v>
      </c>
      <c r="FS32" s="104">
        <v>81032</v>
      </c>
      <c r="FT32" s="104">
        <v>33088</v>
      </c>
      <c r="FU32" s="103">
        <v>466848</v>
      </c>
      <c r="FV32" s="106">
        <v>614128</v>
      </c>
      <c r="FW32" s="105">
        <v>7600</v>
      </c>
      <c r="FX32" s="104">
        <v>98320</v>
      </c>
      <c r="FY32" s="102">
        <v>105920</v>
      </c>
      <c r="FZ32" s="101">
        <v>0</v>
      </c>
      <c r="GA32" s="104">
        <v>12000</v>
      </c>
      <c r="GB32" s="104">
        <v>146048</v>
      </c>
      <c r="GC32" s="104">
        <v>194680</v>
      </c>
      <c r="GD32" s="104">
        <v>81032</v>
      </c>
      <c r="GE32" s="104">
        <v>33088</v>
      </c>
      <c r="GF32" s="103">
        <v>466848</v>
      </c>
      <c r="GG32" s="296">
        <v>572768</v>
      </c>
      <c r="GH32" s="105">
        <v>0</v>
      </c>
      <c r="GI32" s="104">
        <v>0</v>
      </c>
      <c r="GJ32" s="102">
        <v>0</v>
      </c>
      <c r="GK32" s="101">
        <v>0</v>
      </c>
      <c r="GL32" s="104">
        <v>0</v>
      </c>
      <c r="GM32" s="104">
        <v>0</v>
      </c>
      <c r="GN32" s="104">
        <v>0</v>
      </c>
      <c r="GO32" s="104">
        <v>0</v>
      </c>
      <c r="GP32" s="104">
        <v>0</v>
      </c>
      <c r="GQ32" s="103">
        <v>0</v>
      </c>
      <c r="GR32" s="106">
        <v>0</v>
      </c>
      <c r="GS32" s="100">
        <v>41360</v>
      </c>
      <c r="GT32" s="104">
        <v>0</v>
      </c>
      <c r="GU32" s="103">
        <v>41360</v>
      </c>
      <c r="GV32" s="100">
        <v>0</v>
      </c>
      <c r="GW32" s="104">
        <v>0</v>
      </c>
      <c r="GX32" s="104">
        <v>0</v>
      </c>
      <c r="GY32" s="104">
        <v>0</v>
      </c>
      <c r="GZ32" s="104">
        <v>0</v>
      </c>
      <c r="HA32" s="104">
        <v>0</v>
      </c>
      <c r="HB32" s="102">
        <v>0</v>
      </c>
      <c r="HC32" s="106">
        <v>41360</v>
      </c>
      <c r="HD32" s="100">
        <v>50758</v>
      </c>
      <c r="HE32" s="104">
        <v>0</v>
      </c>
      <c r="HF32" s="102">
        <v>50758</v>
      </c>
      <c r="HG32" s="101">
        <v>0</v>
      </c>
      <c r="HH32" s="104">
        <v>308727</v>
      </c>
      <c r="HI32" s="104">
        <v>0</v>
      </c>
      <c r="HJ32" s="104">
        <v>0</v>
      </c>
      <c r="HK32" s="104">
        <v>1052300</v>
      </c>
      <c r="HL32" s="104">
        <v>224690</v>
      </c>
      <c r="HM32" s="103">
        <v>1585717</v>
      </c>
      <c r="HN32" s="99">
        <v>1636475</v>
      </c>
      <c r="HO32" s="306">
        <v>0</v>
      </c>
      <c r="HP32" s="307">
        <v>0</v>
      </c>
      <c r="HQ32" s="308">
        <v>0</v>
      </c>
      <c r="HR32" s="309">
        <v>0</v>
      </c>
      <c r="HS32" s="307">
        <v>0</v>
      </c>
      <c r="HT32" s="307">
        <v>0</v>
      </c>
      <c r="HU32" s="307">
        <v>0</v>
      </c>
      <c r="HV32" s="307">
        <v>0</v>
      </c>
      <c r="HW32" s="307">
        <v>0</v>
      </c>
      <c r="HX32" s="310">
        <v>0</v>
      </c>
      <c r="HY32" s="311">
        <v>0</v>
      </c>
      <c r="HZ32" s="137">
        <v>0</v>
      </c>
      <c r="IA32" s="122">
        <v>0</v>
      </c>
      <c r="IB32" s="137">
        <v>0</v>
      </c>
      <c r="IC32" s="121">
        <v>0</v>
      </c>
      <c r="ID32" s="122">
        <v>117168</v>
      </c>
      <c r="IE32" s="123">
        <v>21221</v>
      </c>
      <c r="IF32" s="124">
        <v>687880</v>
      </c>
      <c r="IG32" s="122">
        <v>239648</v>
      </c>
      <c r="IH32" s="124">
        <v>96012</v>
      </c>
      <c r="II32" s="125">
        <v>1161929</v>
      </c>
      <c r="IJ32" s="137">
        <v>1161929</v>
      </c>
      <c r="IK32" s="219">
        <v>0</v>
      </c>
      <c r="IL32" s="223">
        <v>0</v>
      </c>
      <c r="IM32" s="224">
        <v>0</v>
      </c>
      <c r="IN32" s="127">
        <v>0</v>
      </c>
      <c r="IO32" s="109">
        <v>0</v>
      </c>
      <c r="IP32" s="109">
        <v>0</v>
      </c>
      <c r="IQ32" s="109">
        <v>175496</v>
      </c>
      <c r="IR32" s="109">
        <v>0</v>
      </c>
      <c r="IS32" s="109">
        <v>0</v>
      </c>
      <c r="IT32" s="128">
        <v>175496</v>
      </c>
      <c r="IU32" s="298">
        <v>175496</v>
      </c>
      <c r="IV32" s="129">
        <v>0</v>
      </c>
      <c r="IW32" s="109">
        <v>0</v>
      </c>
      <c r="IX32" s="110">
        <v>0</v>
      </c>
      <c r="IY32" s="131">
        <v>0</v>
      </c>
      <c r="IZ32" s="109">
        <v>0</v>
      </c>
      <c r="JA32" s="109">
        <v>0</v>
      </c>
      <c r="JB32" s="109">
        <v>0</v>
      </c>
      <c r="JC32" s="109">
        <v>0</v>
      </c>
      <c r="JD32" s="109">
        <v>0</v>
      </c>
      <c r="JE32" s="110">
        <v>0</v>
      </c>
      <c r="JF32" s="111">
        <v>0</v>
      </c>
      <c r="JG32" s="129">
        <v>0</v>
      </c>
      <c r="JH32" s="109">
        <v>0</v>
      </c>
      <c r="JI32" s="128">
        <v>0</v>
      </c>
      <c r="JJ32" s="108">
        <v>0</v>
      </c>
      <c r="JK32" s="109">
        <v>0</v>
      </c>
      <c r="JL32" s="109">
        <v>21221</v>
      </c>
      <c r="JM32" s="109">
        <v>0</v>
      </c>
      <c r="JN32" s="109">
        <v>0</v>
      </c>
      <c r="JO32" s="109">
        <v>0</v>
      </c>
      <c r="JP32" s="110">
        <v>21221</v>
      </c>
      <c r="JQ32" s="298">
        <v>21221</v>
      </c>
      <c r="JR32" s="129">
        <v>0</v>
      </c>
      <c r="JS32" s="109">
        <v>0</v>
      </c>
      <c r="JT32" s="128">
        <v>0</v>
      </c>
      <c r="JU32" s="108">
        <v>0</v>
      </c>
      <c r="JV32" s="109">
        <v>117168</v>
      </c>
      <c r="JW32" s="109">
        <v>0</v>
      </c>
      <c r="JX32" s="109">
        <v>47056</v>
      </c>
      <c r="JY32" s="109">
        <v>239648</v>
      </c>
      <c r="JZ32" s="109">
        <v>0</v>
      </c>
      <c r="KA32" s="110">
        <v>403872</v>
      </c>
      <c r="KB32" s="298">
        <v>403872</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v>0</v>
      </c>
      <c r="KR32" s="109">
        <v>0</v>
      </c>
      <c r="KS32" s="109">
        <v>0</v>
      </c>
      <c r="KT32" s="109">
        <v>242774</v>
      </c>
      <c r="KU32" s="109">
        <v>0</v>
      </c>
      <c r="KV32" s="109">
        <v>0</v>
      </c>
      <c r="KW32" s="110">
        <v>242774</v>
      </c>
      <c r="KX32" s="298">
        <v>242774</v>
      </c>
      <c r="KY32" s="129">
        <v>0</v>
      </c>
      <c r="KZ32" s="109">
        <v>0</v>
      </c>
      <c r="LA32" s="110">
        <v>0</v>
      </c>
      <c r="LB32" s="132">
        <v>0</v>
      </c>
      <c r="LC32" s="109">
        <v>0</v>
      </c>
      <c r="LD32" s="109">
        <v>0</v>
      </c>
      <c r="LE32" s="109">
        <v>0</v>
      </c>
      <c r="LF32" s="109">
        <v>0</v>
      </c>
      <c r="LG32" s="109">
        <v>0</v>
      </c>
      <c r="LH32" s="110">
        <v>0</v>
      </c>
      <c r="LI32" s="111">
        <v>0</v>
      </c>
      <c r="LJ32" s="129">
        <v>0</v>
      </c>
      <c r="LK32" s="109">
        <v>0</v>
      </c>
      <c r="LL32" s="110">
        <v>0</v>
      </c>
      <c r="LM32" s="132">
        <v>0</v>
      </c>
      <c r="LN32" s="109">
        <v>0</v>
      </c>
      <c r="LO32" s="109">
        <v>0</v>
      </c>
      <c r="LP32" s="109">
        <v>222554</v>
      </c>
      <c r="LQ32" s="109">
        <v>0</v>
      </c>
      <c r="LR32" s="109">
        <v>96012</v>
      </c>
      <c r="LS32" s="110">
        <v>318566</v>
      </c>
      <c r="LT32" s="298">
        <v>318566</v>
      </c>
      <c r="LU32" s="129">
        <v>0</v>
      </c>
      <c r="LV32" s="109">
        <v>0</v>
      </c>
      <c r="LW32" s="110">
        <v>0</v>
      </c>
      <c r="LX32" s="132">
        <v>0</v>
      </c>
      <c r="LY32" s="109">
        <v>0</v>
      </c>
      <c r="LZ32" s="109">
        <v>0</v>
      </c>
      <c r="MA32" s="109">
        <v>0</v>
      </c>
      <c r="MB32" s="109">
        <v>0</v>
      </c>
      <c r="MC32" s="109">
        <v>0</v>
      </c>
      <c r="MD32" s="110">
        <v>0</v>
      </c>
      <c r="ME32" s="111">
        <v>0</v>
      </c>
      <c r="MF32" s="129">
        <v>0</v>
      </c>
      <c r="MG32" s="109">
        <v>0</v>
      </c>
      <c r="MH32" s="110">
        <v>0</v>
      </c>
      <c r="MI32" s="132">
        <v>0</v>
      </c>
      <c r="MJ32" s="109">
        <v>283246</v>
      </c>
      <c r="MK32" s="109">
        <v>1242463</v>
      </c>
      <c r="ML32" s="109">
        <v>820604</v>
      </c>
      <c r="MM32" s="109">
        <v>1886678</v>
      </c>
      <c r="MN32" s="109">
        <v>0</v>
      </c>
      <c r="MO32" s="110">
        <v>4232991</v>
      </c>
      <c r="MP32" s="130">
        <v>4232991</v>
      </c>
      <c r="MQ32" s="129">
        <v>0</v>
      </c>
      <c r="MR32" s="109">
        <v>0</v>
      </c>
      <c r="MS32" s="110">
        <v>0</v>
      </c>
      <c r="MT32" s="132">
        <v>0</v>
      </c>
      <c r="MU32" s="109">
        <v>0</v>
      </c>
      <c r="MV32" s="109">
        <v>227048</v>
      </c>
      <c r="MW32" s="109">
        <v>0</v>
      </c>
      <c r="MX32" s="109">
        <v>478999</v>
      </c>
      <c r="MY32" s="109">
        <v>0</v>
      </c>
      <c r="MZ32" s="110">
        <v>706047</v>
      </c>
      <c r="NA32" s="130">
        <v>706047</v>
      </c>
      <c r="NB32" s="129">
        <v>0</v>
      </c>
      <c r="NC32" s="109">
        <v>0</v>
      </c>
      <c r="ND32" s="110">
        <v>0</v>
      </c>
      <c r="NE32" s="132">
        <v>0</v>
      </c>
      <c r="NF32" s="109">
        <v>283246</v>
      </c>
      <c r="NG32" s="109">
        <v>1015415</v>
      </c>
      <c r="NH32" s="109">
        <v>820604</v>
      </c>
      <c r="NI32" s="109">
        <v>1057964</v>
      </c>
      <c r="NJ32" s="109">
        <v>0</v>
      </c>
      <c r="NK32" s="110">
        <v>3177229</v>
      </c>
      <c r="NL32" s="298">
        <v>3177229</v>
      </c>
      <c r="NM32" s="129">
        <v>0</v>
      </c>
      <c r="NN32" s="109">
        <v>0</v>
      </c>
      <c r="NO32" s="110">
        <v>0</v>
      </c>
      <c r="NP32" s="132">
        <v>0</v>
      </c>
      <c r="NQ32" s="109">
        <v>0</v>
      </c>
      <c r="NR32" s="109">
        <v>0</v>
      </c>
      <c r="NS32" s="109">
        <v>0</v>
      </c>
      <c r="NT32" s="109">
        <v>0</v>
      </c>
      <c r="NU32" s="109">
        <v>0</v>
      </c>
      <c r="NV32" s="110">
        <v>0</v>
      </c>
      <c r="NW32" s="111">
        <v>0</v>
      </c>
      <c r="NX32" s="129">
        <v>0</v>
      </c>
      <c r="NY32" s="109">
        <v>0</v>
      </c>
      <c r="NZ32" s="110">
        <v>0</v>
      </c>
      <c r="OA32" s="132">
        <v>0</v>
      </c>
      <c r="OB32" s="109">
        <v>0</v>
      </c>
      <c r="OC32" s="109">
        <v>0</v>
      </c>
      <c r="OD32" s="109">
        <v>0</v>
      </c>
      <c r="OE32" s="109">
        <v>349715</v>
      </c>
      <c r="OF32" s="109">
        <v>0</v>
      </c>
      <c r="OG32" s="110">
        <v>349715</v>
      </c>
      <c r="OH32" s="111">
        <v>349715</v>
      </c>
      <c r="OI32" s="129">
        <v>114774</v>
      </c>
      <c r="OJ32" s="109">
        <v>297398</v>
      </c>
      <c r="OK32" s="128">
        <v>412172</v>
      </c>
      <c r="OL32" s="108">
        <v>0</v>
      </c>
      <c r="OM32" s="109">
        <v>1649318</v>
      </c>
      <c r="ON32" s="109">
        <v>2577599</v>
      </c>
      <c r="OO32" s="109">
        <v>3367993</v>
      </c>
      <c r="OP32" s="109">
        <v>4381764</v>
      </c>
      <c r="OQ32" s="109">
        <v>963856</v>
      </c>
      <c r="OR32" s="110">
        <v>12940530</v>
      </c>
      <c r="OS32" s="130">
        <v>13352702</v>
      </c>
    </row>
    <row r="33" spans="2:409" ht="21" customHeight="1" x14ac:dyDescent="0.2">
      <c r="B33" s="472" t="s">
        <v>28</v>
      </c>
      <c r="C33" s="100">
        <v>0</v>
      </c>
      <c r="D33" s="104">
        <v>46281</v>
      </c>
      <c r="E33" s="103">
        <v>46281</v>
      </c>
      <c r="F33" s="99">
        <v>0</v>
      </c>
      <c r="G33" s="104">
        <v>681137</v>
      </c>
      <c r="H33" s="104">
        <v>314617</v>
      </c>
      <c r="I33" s="104">
        <v>200130</v>
      </c>
      <c r="J33" s="104">
        <v>200969</v>
      </c>
      <c r="K33" s="104">
        <v>197651</v>
      </c>
      <c r="L33" s="160">
        <v>1594504</v>
      </c>
      <c r="M33" s="106">
        <v>1640785</v>
      </c>
      <c r="N33" s="100">
        <v>0</v>
      </c>
      <c r="O33" s="104">
        <v>0</v>
      </c>
      <c r="P33" s="103">
        <v>0</v>
      </c>
      <c r="Q33" s="100">
        <v>0</v>
      </c>
      <c r="R33" s="104">
        <v>28800</v>
      </c>
      <c r="S33" s="104">
        <v>84238</v>
      </c>
      <c r="T33" s="104">
        <v>0</v>
      </c>
      <c r="U33" s="104">
        <v>200969</v>
      </c>
      <c r="V33" s="104">
        <v>15488</v>
      </c>
      <c r="W33" s="103">
        <v>329495</v>
      </c>
      <c r="X33" s="106">
        <v>329495</v>
      </c>
      <c r="Y33" s="100">
        <v>0</v>
      </c>
      <c r="Z33" s="104">
        <v>0</v>
      </c>
      <c r="AA33" s="103">
        <v>0</v>
      </c>
      <c r="AB33" s="100">
        <v>0</v>
      </c>
      <c r="AC33" s="104">
        <v>0</v>
      </c>
      <c r="AD33" s="104">
        <v>0</v>
      </c>
      <c r="AE33" s="104">
        <v>0</v>
      </c>
      <c r="AF33" s="104">
        <v>139392</v>
      </c>
      <c r="AG33" s="104">
        <v>0</v>
      </c>
      <c r="AH33" s="103">
        <v>139392</v>
      </c>
      <c r="AI33" s="106">
        <v>139392</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62926</v>
      </c>
      <c r="BA33" s="104">
        <v>0</v>
      </c>
      <c r="BB33" s="104">
        <v>56809</v>
      </c>
      <c r="BC33" s="104">
        <v>0</v>
      </c>
      <c r="BD33" s="103">
        <v>119735</v>
      </c>
      <c r="BE33" s="106">
        <v>119735</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28800</v>
      </c>
      <c r="BV33" s="104">
        <v>21312</v>
      </c>
      <c r="BW33" s="104">
        <v>0</v>
      </c>
      <c r="BX33" s="104">
        <v>4768</v>
      </c>
      <c r="BY33" s="104">
        <v>15488</v>
      </c>
      <c r="BZ33" s="103">
        <v>70368</v>
      </c>
      <c r="CA33" s="106">
        <v>70368</v>
      </c>
      <c r="CB33" s="100">
        <v>0</v>
      </c>
      <c r="CC33" s="104">
        <v>39881</v>
      </c>
      <c r="CD33" s="103">
        <v>39881</v>
      </c>
      <c r="CE33" s="100">
        <v>0</v>
      </c>
      <c r="CF33" s="104">
        <v>99955</v>
      </c>
      <c r="CG33" s="104">
        <v>167643</v>
      </c>
      <c r="CH33" s="104">
        <v>76061</v>
      </c>
      <c r="CI33" s="104">
        <v>0</v>
      </c>
      <c r="CJ33" s="104">
        <v>0</v>
      </c>
      <c r="CK33" s="103">
        <v>343659</v>
      </c>
      <c r="CL33" s="106">
        <v>383540</v>
      </c>
      <c r="CM33" s="100">
        <v>0</v>
      </c>
      <c r="CN33" s="104">
        <v>0</v>
      </c>
      <c r="CO33" s="103">
        <v>0</v>
      </c>
      <c r="CP33" s="101">
        <v>0</v>
      </c>
      <c r="CQ33" s="104">
        <v>99955</v>
      </c>
      <c r="CR33" s="104">
        <v>167643</v>
      </c>
      <c r="CS33" s="104">
        <v>0</v>
      </c>
      <c r="CT33" s="104">
        <v>0</v>
      </c>
      <c r="CU33" s="104">
        <v>0</v>
      </c>
      <c r="CV33" s="103">
        <v>267598</v>
      </c>
      <c r="CW33" s="106">
        <v>267598</v>
      </c>
      <c r="CX33" s="100">
        <v>0</v>
      </c>
      <c r="CY33" s="104">
        <v>39881</v>
      </c>
      <c r="CZ33" s="103">
        <v>39881</v>
      </c>
      <c r="DA33" s="100">
        <v>0</v>
      </c>
      <c r="DB33" s="104">
        <v>0</v>
      </c>
      <c r="DC33" s="104">
        <v>0</v>
      </c>
      <c r="DD33" s="104">
        <v>76061</v>
      </c>
      <c r="DE33" s="104">
        <v>0</v>
      </c>
      <c r="DF33" s="104">
        <v>0</v>
      </c>
      <c r="DG33" s="103">
        <v>76061</v>
      </c>
      <c r="DH33" s="106">
        <v>115942</v>
      </c>
      <c r="DI33" s="100">
        <v>0</v>
      </c>
      <c r="DJ33" s="104">
        <v>0</v>
      </c>
      <c r="DK33" s="102">
        <v>0</v>
      </c>
      <c r="DL33" s="101">
        <v>0</v>
      </c>
      <c r="DM33" s="104">
        <v>0</v>
      </c>
      <c r="DN33" s="104">
        <v>0</v>
      </c>
      <c r="DO33" s="104">
        <v>116469</v>
      </c>
      <c r="DP33" s="104">
        <v>0</v>
      </c>
      <c r="DQ33" s="104">
        <v>182163</v>
      </c>
      <c r="DR33" s="103">
        <v>298632</v>
      </c>
      <c r="DS33" s="106">
        <v>298632</v>
      </c>
      <c r="DT33" s="100">
        <v>0</v>
      </c>
      <c r="DU33" s="104">
        <v>0</v>
      </c>
      <c r="DV33" s="103">
        <v>0</v>
      </c>
      <c r="DW33" s="100">
        <v>0</v>
      </c>
      <c r="DX33" s="104">
        <v>0</v>
      </c>
      <c r="DY33" s="104">
        <v>0</v>
      </c>
      <c r="DZ33" s="104">
        <v>0</v>
      </c>
      <c r="EA33" s="104">
        <v>0</v>
      </c>
      <c r="EB33" s="104">
        <v>182163</v>
      </c>
      <c r="EC33" s="103">
        <v>182163</v>
      </c>
      <c r="ED33" s="106">
        <v>182163</v>
      </c>
      <c r="EE33" s="100">
        <v>0</v>
      </c>
      <c r="EF33" s="102">
        <v>0</v>
      </c>
      <c r="EG33" s="103">
        <v>0</v>
      </c>
      <c r="EH33" s="100">
        <v>0</v>
      </c>
      <c r="EI33" s="104">
        <v>0</v>
      </c>
      <c r="EJ33" s="104">
        <v>0</v>
      </c>
      <c r="EK33" s="104">
        <v>116469</v>
      </c>
      <c r="EL33" s="104">
        <v>0</v>
      </c>
      <c r="EM33" s="104">
        <v>0</v>
      </c>
      <c r="EN33" s="102">
        <v>116469</v>
      </c>
      <c r="EO33" s="106">
        <v>116469</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v>0</v>
      </c>
      <c r="FE33" s="104">
        <v>0</v>
      </c>
      <c r="FF33" s="104">
        <v>0</v>
      </c>
      <c r="FG33" s="104">
        <v>0</v>
      </c>
      <c r="FH33" s="104">
        <v>0</v>
      </c>
      <c r="FI33" s="104">
        <v>0</v>
      </c>
      <c r="FJ33" s="103">
        <v>0</v>
      </c>
      <c r="FK33" s="106">
        <v>0</v>
      </c>
      <c r="FL33" s="100">
        <v>0</v>
      </c>
      <c r="FM33" s="104">
        <v>6400</v>
      </c>
      <c r="FN33" s="103">
        <v>6400</v>
      </c>
      <c r="FO33" s="100">
        <v>0</v>
      </c>
      <c r="FP33" s="104">
        <v>95000</v>
      </c>
      <c r="FQ33" s="104">
        <v>62736</v>
      </c>
      <c r="FR33" s="104">
        <v>7600</v>
      </c>
      <c r="FS33" s="104">
        <v>0</v>
      </c>
      <c r="FT33" s="104">
        <v>0</v>
      </c>
      <c r="FU33" s="103">
        <v>165336</v>
      </c>
      <c r="FV33" s="106">
        <v>171736</v>
      </c>
      <c r="FW33" s="105">
        <v>0</v>
      </c>
      <c r="FX33" s="104">
        <v>6400</v>
      </c>
      <c r="FY33" s="102">
        <v>6400</v>
      </c>
      <c r="FZ33" s="101">
        <v>0</v>
      </c>
      <c r="GA33" s="104">
        <v>15800</v>
      </c>
      <c r="GB33" s="104">
        <v>62736</v>
      </c>
      <c r="GC33" s="104">
        <v>7600</v>
      </c>
      <c r="GD33" s="104">
        <v>0</v>
      </c>
      <c r="GE33" s="104">
        <v>0</v>
      </c>
      <c r="GF33" s="103">
        <v>86136</v>
      </c>
      <c r="GG33" s="296">
        <v>9253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79200</v>
      </c>
      <c r="GX33" s="104">
        <v>0</v>
      </c>
      <c r="GY33" s="104">
        <v>0</v>
      </c>
      <c r="GZ33" s="104">
        <v>0</v>
      </c>
      <c r="HA33" s="104">
        <v>0</v>
      </c>
      <c r="HB33" s="102">
        <v>79200</v>
      </c>
      <c r="HC33" s="106">
        <v>79200</v>
      </c>
      <c r="HD33" s="100">
        <v>0</v>
      </c>
      <c r="HE33" s="104">
        <v>0</v>
      </c>
      <c r="HF33" s="102">
        <v>0</v>
      </c>
      <c r="HG33" s="101">
        <v>0</v>
      </c>
      <c r="HH33" s="104">
        <v>457382</v>
      </c>
      <c r="HI33" s="104">
        <v>0</v>
      </c>
      <c r="HJ33" s="104">
        <v>0</v>
      </c>
      <c r="HK33" s="104">
        <v>0</v>
      </c>
      <c r="HL33" s="104">
        <v>0</v>
      </c>
      <c r="HM33" s="103">
        <v>457382</v>
      </c>
      <c r="HN33" s="99">
        <v>457382</v>
      </c>
      <c r="HO33" s="306">
        <v>0</v>
      </c>
      <c r="HP33" s="307">
        <v>0</v>
      </c>
      <c r="HQ33" s="308">
        <v>0</v>
      </c>
      <c r="HR33" s="309">
        <v>0</v>
      </c>
      <c r="HS33" s="307">
        <v>0</v>
      </c>
      <c r="HT33" s="307">
        <v>0</v>
      </c>
      <c r="HU33" s="307">
        <v>0</v>
      </c>
      <c r="HV33" s="307">
        <v>0</v>
      </c>
      <c r="HW33" s="307">
        <v>0</v>
      </c>
      <c r="HX33" s="310">
        <v>0</v>
      </c>
      <c r="HY33" s="311">
        <v>0</v>
      </c>
      <c r="HZ33" s="118">
        <v>0</v>
      </c>
      <c r="IA33" s="119">
        <v>0</v>
      </c>
      <c r="IB33" s="120">
        <v>0</v>
      </c>
      <c r="IC33" s="133">
        <v>0</v>
      </c>
      <c r="ID33" s="119">
        <v>135832</v>
      </c>
      <c r="IE33" s="134">
        <v>41632</v>
      </c>
      <c r="IF33" s="120">
        <v>0</v>
      </c>
      <c r="IG33" s="119">
        <v>0</v>
      </c>
      <c r="IH33" s="120">
        <v>610256</v>
      </c>
      <c r="II33" s="135">
        <v>787720</v>
      </c>
      <c r="IJ33" s="126">
        <v>787720</v>
      </c>
      <c r="IK33" s="219">
        <v>0</v>
      </c>
      <c r="IL33" s="223">
        <v>0</v>
      </c>
      <c r="IM33" s="224">
        <v>0</v>
      </c>
      <c r="IN33" s="127">
        <v>0</v>
      </c>
      <c r="IO33" s="109">
        <v>0</v>
      </c>
      <c r="IP33" s="109">
        <v>0</v>
      </c>
      <c r="IQ33" s="109">
        <v>0</v>
      </c>
      <c r="IR33" s="109">
        <v>0</v>
      </c>
      <c r="IS33" s="109">
        <v>0</v>
      </c>
      <c r="IT33" s="128">
        <v>0</v>
      </c>
      <c r="IU33" s="298">
        <v>0</v>
      </c>
      <c r="IV33" s="129">
        <v>0</v>
      </c>
      <c r="IW33" s="109">
        <v>0</v>
      </c>
      <c r="IX33" s="110">
        <v>0</v>
      </c>
      <c r="IY33" s="131">
        <v>0</v>
      </c>
      <c r="IZ33" s="109">
        <v>0</v>
      </c>
      <c r="JA33" s="109">
        <v>0</v>
      </c>
      <c r="JB33" s="109">
        <v>0</v>
      </c>
      <c r="JC33" s="109">
        <v>0</v>
      </c>
      <c r="JD33" s="109">
        <v>0</v>
      </c>
      <c r="JE33" s="110">
        <v>0</v>
      </c>
      <c r="JF33" s="111">
        <v>0</v>
      </c>
      <c r="JG33" s="129">
        <v>0</v>
      </c>
      <c r="JH33" s="109">
        <v>0</v>
      </c>
      <c r="JI33" s="128">
        <v>0</v>
      </c>
      <c r="JJ33" s="108">
        <v>0</v>
      </c>
      <c r="JK33" s="109">
        <v>135832</v>
      </c>
      <c r="JL33" s="109">
        <v>41632</v>
      </c>
      <c r="JM33" s="109">
        <v>0</v>
      </c>
      <c r="JN33" s="109">
        <v>0</v>
      </c>
      <c r="JO33" s="109">
        <v>0</v>
      </c>
      <c r="JP33" s="110">
        <v>177464</v>
      </c>
      <c r="JQ33" s="298">
        <v>177464</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v>0</v>
      </c>
      <c r="KR33" s="109">
        <v>0</v>
      </c>
      <c r="KS33" s="109">
        <v>0</v>
      </c>
      <c r="KT33" s="109">
        <v>0</v>
      </c>
      <c r="KU33" s="109">
        <v>0</v>
      </c>
      <c r="KV33" s="109">
        <v>610256</v>
      </c>
      <c r="KW33" s="110">
        <v>610256</v>
      </c>
      <c r="KX33" s="298">
        <v>610256</v>
      </c>
      <c r="KY33" s="129">
        <v>0</v>
      </c>
      <c r="KZ33" s="109">
        <v>0</v>
      </c>
      <c r="LA33" s="110">
        <v>0</v>
      </c>
      <c r="LB33" s="132">
        <v>0</v>
      </c>
      <c r="LC33" s="109">
        <v>0</v>
      </c>
      <c r="LD33" s="109">
        <v>0</v>
      </c>
      <c r="LE33" s="109">
        <v>0</v>
      </c>
      <c r="LF33" s="109">
        <v>0</v>
      </c>
      <c r="LG33" s="109">
        <v>0</v>
      </c>
      <c r="LH33" s="110">
        <v>0</v>
      </c>
      <c r="LI33" s="111">
        <v>0</v>
      </c>
      <c r="LJ33" s="129">
        <v>0</v>
      </c>
      <c r="LK33" s="109">
        <v>0</v>
      </c>
      <c r="LL33" s="110">
        <v>0</v>
      </c>
      <c r="LM33" s="132">
        <v>0</v>
      </c>
      <c r="LN33" s="109">
        <v>0</v>
      </c>
      <c r="LO33" s="109">
        <v>0</v>
      </c>
      <c r="LP33" s="109">
        <v>0</v>
      </c>
      <c r="LQ33" s="109">
        <v>0</v>
      </c>
      <c r="LR33" s="109">
        <v>0</v>
      </c>
      <c r="LS33" s="110">
        <v>0</v>
      </c>
      <c r="LT33" s="298">
        <v>0</v>
      </c>
      <c r="LU33" s="129">
        <v>0</v>
      </c>
      <c r="LV33" s="109">
        <v>0</v>
      </c>
      <c r="LW33" s="110">
        <v>0</v>
      </c>
      <c r="LX33" s="132">
        <v>0</v>
      </c>
      <c r="LY33" s="109">
        <v>0</v>
      </c>
      <c r="LZ33" s="109">
        <v>0</v>
      </c>
      <c r="MA33" s="109">
        <v>0</v>
      </c>
      <c r="MB33" s="109">
        <v>0</v>
      </c>
      <c r="MC33" s="109">
        <v>0</v>
      </c>
      <c r="MD33" s="110">
        <v>0</v>
      </c>
      <c r="ME33" s="111">
        <v>0</v>
      </c>
      <c r="MF33" s="129">
        <v>0</v>
      </c>
      <c r="MG33" s="109">
        <v>0</v>
      </c>
      <c r="MH33" s="110">
        <v>0</v>
      </c>
      <c r="MI33" s="132">
        <v>0</v>
      </c>
      <c r="MJ33" s="109">
        <v>0</v>
      </c>
      <c r="MK33" s="109">
        <v>210496</v>
      </c>
      <c r="ML33" s="109">
        <v>0</v>
      </c>
      <c r="MM33" s="109">
        <v>221704</v>
      </c>
      <c r="MN33" s="109">
        <v>0</v>
      </c>
      <c r="MO33" s="110">
        <v>432200</v>
      </c>
      <c r="MP33" s="130">
        <v>432200</v>
      </c>
      <c r="MQ33" s="129">
        <v>0</v>
      </c>
      <c r="MR33" s="109">
        <v>0</v>
      </c>
      <c r="MS33" s="110">
        <v>0</v>
      </c>
      <c r="MT33" s="132">
        <v>0</v>
      </c>
      <c r="MU33" s="109">
        <v>0</v>
      </c>
      <c r="MV33" s="109">
        <v>0</v>
      </c>
      <c r="MW33" s="109">
        <v>0</v>
      </c>
      <c r="MX33" s="109">
        <v>221704</v>
      </c>
      <c r="MY33" s="109">
        <v>0</v>
      </c>
      <c r="MZ33" s="110">
        <v>221704</v>
      </c>
      <c r="NA33" s="130">
        <v>221704</v>
      </c>
      <c r="NB33" s="129">
        <v>0</v>
      </c>
      <c r="NC33" s="109">
        <v>0</v>
      </c>
      <c r="ND33" s="110">
        <v>0</v>
      </c>
      <c r="NE33" s="132">
        <v>0</v>
      </c>
      <c r="NF33" s="109">
        <v>0</v>
      </c>
      <c r="NG33" s="109">
        <v>210496</v>
      </c>
      <c r="NH33" s="109">
        <v>0</v>
      </c>
      <c r="NI33" s="109">
        <v>0</v>
      </c>
      <c r="NJ33" s="109">
        <v>0</v>
      </c>
      <c r="NK33" s="110">
        <v>210496</v>
      </c>
      <c r="NL33" s="298">
        <v>210496</v>
      </c>
      <c r="NM33" s="129">
        <v>0</v>
      </c>
      <c r="NN33" s="109">
        <v>0</v>
      </c>
      <c r="NO33" s="110">
        <v>0</v>
      </c>
      <c r="NP33" s="132">
        <v>0</v>
      </c>
      <c r="NQ33" s="109">
        <v>0</v>
      </c>
      <c r="NR33" s="109">
        <v>0</v>
      </c>
      <c r="NS33" s="109">
        <v>0</v>
      </c>
      <c r="NT33" s="109">
        <v>0</v>
      </c>
      <c r="NU33" s="109">
        <v>0</v>
      </c>
      <c r="NV33" s="110">
        <v>0</v>
      </c>
      <c r="NW33" s="111">
        <v>0</v>
      </c>
      <c r="NX33" s="129">
        <v>0</v>
      </c>
      <c r="NY33" s="109">
        <v>0</v>
      </c>
      <c r="NZ33" s="110">
        <v>0</v>
      </c>
      <c r="OA33" s="132">
        <v>0</v>
      </c>
      <c r="OB33" s="109">
        <v>0</v>
      </c>
      <c r="OC33" s="109">
        <v>0</v>
      </c>
      <c r="OD33" s="109">
        <v>0</v>
      </c>
      <c r="OE33" s="109">
        <v>0</v>
      </c>
      <c r="OF33" s="109">
        <v>0</v>
      </c>
      <c r="OG33" s="110">
        <v>0</v>
      </c>
      <c r="OH33" s="111">
        <v>0</v>
      </c>
      <c r="OI33" s="129">
        <v>0</v>
      </c>
      <c r="OJ33" s="109">
        <v>46281</v>
      </c>
      <c r="OK33" s="128">
        <v>46281</v>
      </c>
      <c r="OL33" s="108">
        <v>0</v>
      </c>
      <c r="OM33" s="109">
        <v>816969</v>
      </c>
      <c r="ON33" s="109">
        <v>566745</v>
      </c>
      <c r="OO33" s="109">
        <v>200130</v>
      </c>
      <c r="OP33" s="109">
        <v>422673</v>
      </c>
      <c r="OQ33" s="109">
        <v>807907</v>
      </c>
      <c r="OR33" s="110">
        <v>2814424</v>
      </c>
      <c r="OS33" s="130">
        <v>2860705</v>
      </c>
    </row>
    <row r="34" spans="2:409" ht="21" customHeight="1" x14ac:dyDescent="0.2">
      <c r="B34" s="472" t="s">
        <v>29</v>
      </c>
      <c r="C34" s="100">
        <v>77616</v>
      </c>
      <c r="D34" s="104">
        <v>13888</v>
      </c>
      <c r="E34" s="103">
        <v>91504</v>
      </c>
      <c r="F34" s="99">
        <v>0</v>
      </c>
      <c r="G34" s="104">
        <v>275320</v>
      </c>
      <c r="H34" s="104">
        <v>838968</v>
      </c>
      <c r="I34" s="104">
        <v>128844</v>
      </c>
      <c r="J34" s="104">
        <v>213463</v>
      </c>
      <c r="K34" s="104">
        <v>206393</v>
      </c>
      <c r="L34" s="160">
        <v>1662988</v>
      </c>
      <c r="M34" s="106">
        <v>1754492</v>
      </c>
      <c r="N34" s="100">
        <v>0</v>
      </c>
      <c r="O34" s="104">
        <v>13888</v>
      </c>
      <c r="P34" s="103">
        <v>13888</v>
      </c>
      <c r="Q34" s="100">
        <v>0</v>
      </c>
      <c r="R34" s="104">
        <v>107072</v>
      </c>
      <c r="S34" s="104">
        <v>261282</v>
      </c>
      <c r="T34" s="104">
        <v>14032</v>
      </c>
      <c r="U34" s="104">
        <v>15584</v>
      </c>
      <c r="V34" s="104">
        <v>37552</v>
      </c>
      <c r="W34" s="103">
        <v>435522</v>
      </c>
      <c r="X34" s="106">
        <v>449410</v>
      </c>
      <c r="Y34" s="100">
        <v>0</v>
      </c>
      <c r="Z34" s="104">
        <v>0</v>
      </c>
      <c r="AA34" s="103">
        <v>0</v>
      </c>
      <c r="AB34" s="100">
        <v>0</v>
      </c>
      <c r="AC34" s="104">
        <v>0</v>
      </c>
      <c r="AD34" s="104">
        <v>132242</v>
      </c>
      <c r="AE34" s="104">
        <v>0</v>
      </c>
      <c r="AF34" s="104">
        <v>11440</v>
      </c>
      <c r="AG34" s="104">
        <v>0</v>
      </c>
      <c r="AH34" s="103">
        <v>143682</v>
      </c>
      <c r="AI34" s="106">
        <v>143682</v>
      </c>
      <c r="AJ34" s="100">
        <v>0</v>
      </c>
      <c r="AK34" s="104">
        <v>0</v>
      </c>
      <c r="AL34" s="103">
        <v>0</v>
      </c>
      <c r="AM34" s="100">
        <v>0</v>
      </c>
      <c r="AN34" s="104">
        <v>0</v>
      </c>
      <c r="AO34" s="104">
        <v>0</v>
      </c>
      <c r="AP34" s="104">
        <v>0</v>
      </c>
      <c r="AQ34" s="104">
        <v>0</v>
      </c>
      <c r="AR34" s="104">
        <v>32784</v>
      </c>
      <c r="AS34" s="103">
        <v>32784</v>
      </c>
      <c r="AT34" s="106">
        <v>32784</v>
      </c>
      <c r="AU34" s="100">
        <v>0</v>
      </c>
      <c r="AV34" s="104">
        <v>13888</v>
      </c>
      <c r="AW34" s="103">
        <v>13888</v>
      </c>
      <c r="AX34" s="100">
        <v>0</v>
      </c>
      <c r="AY34" s="104">
        <v>0</v>
      </c>
      <c r="AZ34" s="104">
        <v>56304</v>
      </c>
      <c r="BA34" s="104">
        <v>0</v>
      </c>
      <c r="BB34" s="104">
        <v>0</v>
      </c>
      <c r="BC34" s="104">
        <v>0</v>
      </c>
      <c r="BD34" s="103">
        <v>56304</v>
      </c>
      <c r="BE34" s="106">
        <v>70192</v>
      </c>
      <c r="BF34" s="100">
        <v>0</v>
      </c>
      <c r="BG34" s="104">
        <v>0</v>
      </c>
      <c r="BH34" s="102">
        <v>0</v>
      </c>
      <c r="BI34" s="101">
        <v>0</v>
      </c>
      <c r="BJ34" s="104">
        <v>107072</v>
      </c>
      <c r="BK34" s="104">
        <v>30592</v>
      </c>
      <c r="BL34" s="104">
        <v>0</v>
      </c>
      <c r="BM34" s="104">
        <v>0</v>
      </c>
      <c r="BN34" s="104">
        <v>0</v>
      </c>
      <c r="BO34" s="103">
        <v>137664</v>
      </c>
      <c r="BP34" s="106">
        <v>137664</v>
      </c>
      <c r="BQ34" s="100">
        <v>0</v>
      </c>
      <c r="BR34" s="104">
        <v>0</v>
      </c>
      <c r="BS34" s="103">
        <v>0</v>
      </c>
      <c r="BT34" s="100">
        <v>0</v>
      </c>
      <c r="BU34" s="104">
        <v>0</v>
      </c>
      <c r="BV34" s="104">
        <v>42144</v>
      </c>
      <c r="BW34" s="104">
        <v>14032</v>
      </c>
      <c r="BX34" s="104">
        <v>4144</v>
      </c>
      <c r="BY34" s="104">
        <v>4768</v>
      </c>
      <c r="BZ34" s="103">
        <v>65088</v>
      </c>
      <c r="CA34" s="106">
        <v>65088</v>
      </c>
      <c r="CB34" s="100">
        <v>18544</v>
      </c>
      <c r="CC34" s="104">
        <v>0</v>
      </c>
      <c r="CD34" s="103">
        <v>18544</v>
      </c>
      <c r="CE34" s="100">
        <v>0</v>
      </c>
      <c r="CF34" s="104">
        <v>166648</v>
      </c>
      <c r="CG34" s="104">
        <v>166304</v>
      </c>
      <c r="CH34" s="104">
        <v>37408</v>
      </c>
      <c r="CI34" s="104">
        <v>9144</v>
      </c>
      <c r="CJ34" s="104">
        <v>0</v>
      </c>
      <c r="CK34" s="103">
        <v>379504</v>
      </c>
      <c r="CL34" s="106">
        <v>398048</v>
      </c>
      <c r="CM34" s="100">
        <v>0</v>
      </c>
      <c r="CN34" s="104">
        <v>0</v>
      </c>
      <c r="CO34" s="103">
        <v>0</v>
      </c>
      <c r="CP34" s="101">
        <v>0</v>
      </c>
      <c r="CQ34" s="104">
        <v>166648</v>
      </c>
      <c r="CR34" s="104">
        <v>166304</v>
      </c>
      <c r="CS34" s="104">
        <v>37408</v>
      </c>
      <c r="CT34" s="104">
        <v>9144</v>
      </c>
      <c r="CU34" s="104">
        <v>0</v>
      </c>
      <c r="CV34" s="103">
        <v>379504</v>
      </c>
      <c r="CW34" s="106">
        <v>379504</v>
      </c>
      <c r="CX34" s="100">
        <v>18544</v>
      </c>
      <c r="CY34" s="104">
        <v>0</v>
      </c>
      <c r="CZ34" s="103">
        <v>18544</v>
      </c>
      <c r="DA34" s="100">
        <v>0</v>
      </c>
      <c r="DB34" s="104">
        <v>0</v>
      </c>
      <c r="DC34" s="104">
        <v>0</v>
      </c>
      <c r="DD34" s="104">
        <v>0</v>
      </c>
      <c r="DE34" s="104">
        <v>0</v>
      </c>
      <c r="DF34" s="104">
        <v>0</v>
      </c>
      <c r="DG34" s="103">
        <v>0</v>
      </c>
      <c r="DH34" s="106">
        <v>18544</v>
      </c>
      <c r="DI34" s="100">
        <v>0</v>
      </c>
      <c r="DJ34" s="104">
        <v>0</v>
      </c>
      <c r="DK34" s="102">
        <v>0</v>
      </c>
      <c r="DL34" s="101">
        <v>0</v>
      </c>
      <c r="DM34" s="104">
        <v>0</v>
      </c>
      <c r="DN34" s="104">
        <v>0</v>
      </c>
      <c r="DO34" s="104">
        <v>70844</v>
      </c>
      <c r="DP34" s="104">
        <v>0</v>
      </c>
      <c r="DQ34" s="104">
        <v>116201</v>
      </c>
      <c r="DR34" s="103">
        <v>187045</v>
      </c>
      <c r="DS34" s="106">
        <v>187045</v>
      </c>
      <c r="DT34" s="100">
        <v>0</v>
      </c>
      <c r="DU34" s="104">
        <v>0</v>
      </c>
      <c r="DV34" s="103">
        <v>0</v>
      </c>
      <c r="DW34" s="100">
        <v>0</v>
      </c>
      <c r="DX34" s="104">
        <v>0</v>
      </c>
      <c r="DY34" s="104">
        <v>0</v>
      </c>
      <c r="DZ34" s="104">
        <v>70844</v>
      </c>
      <c r="EA34" s="104">
        <v>0</v>
      </c>
      <c r="EB34" s="104">
        <v>73487</v>
      </c>
      <c r="EC34" s="103">
        <v>144331</v>
      </c>
      <c r="ED34" s="106">
        <v>144331</v>
      </c>
      <c r="EE34" s="100">
        <v>0</v>
      </c>
      <c r="EF34" s="102">
        <v>0</v>
      </c>
      <c r="EG34" s="103">
        <v>0</v>
      </c>
      <c r="EH34" s="100">
        <v>0</v>
      </c>
      <c r="EI34" s="104">
        <v>0</v>
      </c>
      <c r="EJ34" s="104">
        <v>0</v>
      </c>
      <c r="EK34" s="104">
        <v>0</v>
      </c>
      <c r="EL34" s="104">
        <v>0</v>
      </c>
      <c r="EM34" s="104">
        <v>42714</v>
      </c>
      <c r="EN34" s="102">
        <v>42714</v>
      </c>
      <c r="EO34" s="106">
        <v>42714</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v>0</v>
      </c>
      <c r="FE34" s="104">
        <v>0</v>
      </c>
      <c r="FF34" s="104">
        <v>0</v>
      </c>
      <c r="FG34" s="104">
        <v>0</v>
      </c>
      <c r="FH34" s="104">
        <v>0</v>
      </c>
      <c r="FI34" s="104">
        <v>0</v>
      </c>
      <c r="FJ34" s="103">
        <v>0</v>
      </c>
      <c r="FK34" s="106">
        <v>0</v>
      </c>
      <c r="FL34" s="100">
        <v>13680</v>
      </c>
      <c r="FM34" s="104">
        <v>0</v>
      </c>
      <c r="FN34" s="103">
        <v>13680</v>
      </c>
      <c r="FO34" s="100">
        <v>0</v>
      </c>
      <c r="FP34" s="104">
        <v>1600</v>
      </c>
      <c r="FQ34" s="104">
        <v>57184</v>
      </c>
      <c r="FR34" s="104">
        <v>6560</v>
      </c>
      <c r="FS34" s="104">
        <v>0</v>
      </c>
      <c r="FT34" s="104">
        <v>52640</v>
      </c>
      <c r="FU34" s="103">
        <v>117984</v>
      </c>
      <c r="FV34" s="106">
        <v>131664</v>
      </c>
      <c r="FW34" s="105">
        <v>13680</v>
      </c>
      <c r="FX34" s="104">
        <v>0</v>
      </c>
      <c r="FY34" s="102">
        <v>13680</v>
      </c>
      <c r="FZ34" s="101">
        <v>0</v>
      </c>
      <c r="GA34" s="104">
        <v>1600</v>
      </c>
      <c r="GB34" s="104">
        <v>57184</v>
      </c>
      <c r="GC34" s="104">
        <v>6560</v>
      </c>
      <c r="GD34" s="104">
        <v>0</v>
      </c>
      <c r="GE34" s="104">
        <v>52640</v>
      </c>
      <c r="GF34" s="103">
        <v>117984</v>
      </c>
      <c r="GG34" s="296">
        <v>131664</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45392</v>
      </c>
      <c r="HE34" s="104">
        <v>0</v>
      </c>
      <c r="HF34" s="102">
        <v>45392</v>
      </c>
      <c r="HG34" s="101">
        <v>0</v>
      </c>
      <c r="HH34" s="104">
        <v>0</v>
      </c>
      <c r="HI34" s="104">
        <v>354198</v>
      </c>
      <c r="HJ34" s="104">
        <v>0</v>
      </c>
      <c r="HK34" s="104">
        <v>188735</v>
      </c>
      <c r="HL34" s="104">
        <v>0</v>
      </c>
      <c r="HM34" s="103">
        <v>542933</v>
      </c>
      <c r="HN34" s="99">
        <v>588325</v>
      </c>
      <c r="HO34" s="306">
        <v>0</v>
      </c>
      <c r="HP34" s="307">
        <v>0</v>
      </c>
      <c r="HQ34" s="308">
        <v>0</v>
      </c>
      <c r="HR34" s="309">
        <v>0</v>
      </c>
      <c r="HS34" s="307">
        <v>0</v>
      </c>
      <c r="HT34" s="307">
        <v>0</v>
      </c>
      <c r="HU34" s="307">
        <v>0</v>
      </c>
      <c r="HV34" s="307">
        <v>0</v>
      </c>
      <c r="HW34" s="307">
        <v>0</v>
      </c>
      <c r="HX34" s="310">
        <v>0</v>
      </c>
      <c r="HY34" s="311">
        <v>0</v>
      </c>
      <c r="HZ34" s="137">
        <v>0</v>
      </c>
      <c r="IA34" s="122">
        <v>0</v>
      </c>
      <c r="IB34" s="137">
        <v>0</v>
      </c>
      <c r="IC34" s="121">
        <v>0</v>
      </c>
      <c r="ID34" s="122">
        <v>84704</v>
      </c>
      <c r="IE34" s="123">
        <v>95072</v>
      </c>
      <c r="IF34" s="124">
        <v>0</v>
      </c>
      <c r="IG34" s="122">
        <v>251416</v>
      </c>
      <c r="IH34" s="124">
        <v>0</v>
      </c>
      <c r="II34" s="125">
        <v>431192</v>
      </c>
      <c r="IJ34" s="137">
        <v>431192</v>
      </c>
      <c r="IK34" s="219">
        <v>0</v>
      </c>
      <c r="IL34" s="223">
        <v>0</v>
      </c>
      <c r="IM34" s="224">
        <v>0</v>
      </c>
      <c r="IN34" s="127">
        <v>0</v>
      </c>
      <c r="IO34" s="109">
        <v>0</v>
      </c>
      <c r="IP34" s="109">
        <v>0</v>
      </c>
      <c r="IQ34" s="109">
        <v>0</v>
      </c>
      <c r="IR34" s="109">
        <v>0</v>
      </c>
      <c r="IS34" s="109">
        <v>0</v>
      </c>
      <c r="IT34" s="128">
        <v>0</v>
      </c>
      <c r="IU34" s="298">
        <v>0</v>
      </c>
      <c r="IV34" s="129">
        <v>0</v>
      </c>
      <c r="IW34" s="109">
        <v>0</v>
      </c>
      <c r="IX34" s="110">
        <v>0</v>
      </c>
      <c r="IY34" s="131">
        <v>0</v>
      </c>
      <c r="IZ34" s="109">
        <v>0</v>
      </c>
      <c r="JA34" s="109">
        <v>0</v>
      </c>
      <c r="JB34" s="109">
        <v>0</v>
      </c>
      <c r="JC34" s="109">
        <v>0</v>
      </c>
      <c r="JD34" s="109">
        <v>0</v>
      </c>
      <c r="JE34" s="110">
        <v>0</v>
      </c>
      <c r="JF34" s="111">
        <v>0</v>
      </c>
      <c r="JG34" s="129">
        <v>0</v>
      </c>
      <c r="JH34" s="109">
        <v>0</v>
      </c>
      <c r="JI34" s="128">
        <v>0</v>
      </c>
      <c r="JJ34" s="108">
        <v>0</v>
      </c>
      <c r="JK34" s="109">
        <v>84704</v>
      </c>
      <c r="JL34" s="109">
        <v>76432</v>
      </c>
      <c r="JM34" s="109">
        <v>0</v>
      </c>
      <c r="JN34" s="109">
        <v>0</v>
      </c>
      <c r="JO34" s="109">
        <v>0</v>
      </c>
      <c r="JP34" s="110">
        <v>161136</v>
      </c>
      <c r="JQ34" s="298">
        <v>161136</v>
      </c>
      <c r="JR34" s="129">
        <v>0</v>
      </c>
      <c r="JS34" s="109">
        <v>0</v>
      </c>
      <c r="JT34" s="128">
        <v>0</v>
      </c>
      <c r="JU34" s="108">
        <v>0</v>
      </c>
      <c r="JV34" s="109">
        <v>0</v>
      </c>
      <c r="JW34" s="109">
        <v>18640</v>
      </c>
      <c r="JX34" s="109">
        <v>0</v>
      </c>
      <c r="JY34" s="109">
        <v>0</v>
      </c>
      <c r="JZ34" s="109">
        <v>0</v>
      </c>
      <c r="KA34" s="110">
        <v>18640</v>
      </c>
      <c r="KB34" s="298">
        <v>18640</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v>0</v>
      </c>
      <c r="KR34" s="109">
        <v>0</v>
      </c>
      <c r="KS34" s="109">
        <v>0</v>
      </c>
      <c r="KT34" s="109">
        <v>0</v>
      </c>
      <c r="KU34" s="109">
        <v>0</v>
      </c>
      <c r="KV34" s="109">
        <v>0</v>
      </c>
      <c r="KW34" s="110">
        <v>0</v>
      </c>
      <c r="KX34" s="298">
        <v>0</v>
      </c>
      <c r="KY34" s="129">
        <v>0</v>
      </c>
      <c r="KZ34" s="109">
        <v>0</v>
      </c>
      <c r="LA34" s="110">
        <v>0</v>
      </c>
      <c r="LB34" s="132">
        <v>0</v>
      </c>
      <c r="LC34" s="109">
        <v>0</v>
      </c>
      <c r="LD34" s="109">
        <v>0</v>
      </c>
      <c r="LE34" s="109">
        <v>0</v>
      </c>
      <c r="LF34" s="109">
        <v>0</v>
      </c>
      <c r="LG34" s="109">
        <v>0</v>
      </c>
      <c r="LH34" s="110">
        <v>0</v>
      </c>
      <c r="LI34" s="111">
        <v>0</v>
      </c>
      <c r="LJ34" s="129">
        <v>0</v>
      </c>
      <c r="LK34" s="109">
        <v>0</v>
      </c>
      <c r="LL34" s="110">
        <v>0</v>
      </c>
      <c r="LM34" s="132">
        <v>0</v>
      </c>
      <c r="LN34" s="109">
        <v>0</v>
      </c>
      <c r="LO34" s="109">
        <v>0</v>
      </c>
      <c r="LP34" s="109">
        <v>0</v>
      </c>
      <c r="LQ34" s="109">
        <v>251416</v>
      </c>
      <c r="LR34" s="109">
        <v>0</v>
      </c>
      <c r="LS34" s="110">
        <v>251416</v>
      </c>
      <c r="LT34" s="298">
        <v>251416</v>
      </c>
      <c r="LU34" s="129">
        <v>0</v>
      </c>
      <c r="LV34" s="109">
        <v>0</v>
      </c>
      <c r="LW34" s="110">
        <v>0</v>
      </c>
      <c r="LX34" s="132">
        <v>0</v>
      </c>
      <c r="LY34" s="109">
        <v>0</v>
      </c>
      <c r="LZ34" s="109">
        <v>0</v>
      </c>
      <c r="MA34" s="109">
        <v>0</v>
      </c>
      <c r="MB34" s="109">
        <v>0</v>
      </c>
      <c r="MC34" s="109">
        <v>0</v>
      </c>
      <c r="MD34" s="110">
        <v>0</v>
      </c>
      <c r="ME34" s="111">
        <v>0</v>
      </c>
      <c r="MF34" s="129">
        <v>0</v>
      </c>
      <c r="MG34" s="109">
        <v>0</v>
      </c>
      <c r="MH34" s="110">
        <v>0</v>
      </c>
      <c r="MI34" s="132">
        <v>0</v>
      </c>
      <c r="MJ34" s="109">
        <v>0</v>
      </c>
      <c r="MK34" s="109">
        <v>0</v>
      </c>
      <c r="ML34" s="109">
        <v>0</v>
      </c>
      <c r="MM34" s="109">
        <v>241940</v>
      </c>
      <c r="MN34" s="109">
        <v>0</v>
      </c>
      <c r="MO34" s="110">
        <v>241940</v>
      </c>
      <c r="MP34" s="130">
        <v>241940</v>
      </c>
      <c r="MQ34" s="129">
        <v>0</v>
      </c>
      <c r="MR34" s="109">
        <v>0</v>
      </c>
      <c r="MS34" s="110">
        <v>0</v>
      </c>
      <c r="MT34" s="132">
        <v>0</v>
      </c>
      <c r="MU34" s="109">
        <v>0</v>
      </c>
      <c r="MV34" s="109">
        <v>0</v>
      </c>
      <c r="MW34" s="109">
        <v>0</v>
      </c>
      <c r="MX34" s="109">
        <v>241940</v>
      </c>
      <c r="MY34" s="109">
        <v>0</v>
      </c>
      <c r="MZ34" s="110">
        <v>241940</v>
      </c>
      <c r="NA34" s="130">
        <v>241940</v>
      </c>
      <c r="NB34" s="129">
        <v>0</v>
      </c>
      <c r="NC34" s="109">
        <v>0</v>
      </c>
      <c r="ND34" s="110">
        <v>0</v>
      </c>
      <c r="NE34" s="132">
        <v>0</v>
      </c>
      <c r="NF34" s="109">
        <v>0</v>
      </c>
      <c r="NG34" s="109">
        <v>0</v>
      </c>
      <c r="NH34" s="109">
        <v>0</v>
      </c>
      <c r="NI34" s="109">
        <v>0</v>
      </c>
      <c r="NJ34" s="109">
        <v>0</v>
      </c>
      <c r="NK34" s="110">
        <v>0</v>
      </c>
      <c r="NL34" s="298">
        <v>0</v>
      </c>
      <c r="NM34" s="129">
        <v>0</v>
      </c>
      <c r="NN34" s="109">
        <v>0</v>
      </c>
      <c r="NO34" s="110">
        <v>0</v>
      </c>
      <c r="NP34" s="132">
        <v>0</v>
      </c>
      <c r="NQ34" s="109">
        <v>0</v>
      </c>
      <c r="NR34" s="109">
        <v>0</v>
      </c>
      <c r="NS34" s="109">
        <v>0</v>
      </c>
      <c r="NT34" s="109">
        <v>0</v>
      </c>
      <c r="NU34" s="109">
        <v>0</v>
      </c>
      <c r="NV34" s="110">
        <v>0</v>
      </c>
      <c r="NW34" s="111">
        <v>0</v>
      </c>
      <c r="NX34" s="129">
        <v>0</v>
      </c>
      <c r="NY34" s="109">
        <v>0</v>
      </c>
      <c r="NZ34" s="110">
        <v>0</v>
      </c>
      <c r="OA34" s="132">
        <v>0</v>
      </c>
      <c r="OB34" s="109">
        <v>0</v>
      </c>
      <c r="OC34" s="109">
        <v>0</v>
      </c>
      <c r="OD34" s="109">
        <v>0</v>
      </c>
      <c r="OE34" s="109">
        <v>0</v>
      </c>
      <c r="OF34" s="109">
        <v>0</v>
      </c>
      <c r="OG34" s="110">
        <v>0</v>
      </c>
      <c r="OH34" s="111">
        <v>0</v>
      </c>
      <c r="OI34" s="129">
        <v>77616</v>
      </c>
      <c r="OJ34" s="109">
        <v>13888</v>
      </c>
      <c r="OK34" s="128">
        <v>91504</v>
      </c>
      <c r="OL34" s="108">
        <v>0</v>
      </c>
      <c r="OM34" s="109">
        <v>360024</v>
      </c>
      <c r="ON34" s="109">
        <v>934040</v>
      </c>
      <c r="OO34" s="109">
        <v>128844</v>
      </c>
      <c r="OP34" s="109">
        <v>706819</v>
      </c>
      <c r="OQ34" s="109">
        <v>206393</v>
      </c>
      <c r="OR34" s="110">
        <v>2336120</v>
      </c>
      <c r="OS34" s="130">
        <v>2427624</v>
      </c>
    </row>
    <row r="35" spans="2:409" ht="21" customHeight="1" x14ac:dyDescent="0.2">
      <c r="B35" s="472" t="s">
        <v>30</v>
      </c>
      <c r="C35" s="100">
        <v>39600</v>
      </c>
      <c r="D35" s="104">
        <v>80672</v>
      </c>
      <c r="E35" s="161">
        <v>120272</v>
      </c>
      <c r="F35" s="162">
        <v>0</v>
      </c>
      <c r="G35" s="163">
        <v>266201</v>
      </c>
      <c r="H35" s="163">
        <v>0</v>
      </c>
      <c r="I35" s="163">
        <v>421407</v>
      </c>
      <c r="J35" s="163">
        <v>302856</v>
      </c>
      <c r="K35" s="163">
        <v>235064</v>
      </c>
      <c r="L35" s="164">
        <v>1225528</v>
      </c>
      <c r="M35" s="106">
        <v>1345800</v>
      </c>
      <c r="N35" s="100">
        <v>0</v>
      </c>
      <c r="O35" s="104">
        <v>77392</v>
      </c>
      <c r="P35" s="103">
        <v>77392</v>
      </c>
      <c r="Q35" s="100">
        <v>0</v>
      </c>
      <c r="R35" s="104">
        <v>108482</v>
      </c>
      <c r="S35" s="104">
        <v>0</v>
      </c>
      <c r="T35" s="104">
        <v>130408</v>
      </c>
      <c r="U35" s="104">
        <v>100360</v>
      </c>
      <c r="V35" s="104">
        <v>217464</v>
      </c>
      <c r="W35" s="103">
        <v>556714</v>
      </c>
      <c r="X35" s="106">
        <v>634106</v>
      </c>
      <c r="Y35" s="100">
        <v>0</v>
      </c>
      <c r="Z35" s="104">
        <v>0</v>
      </c>
      <c r="AA35" s="103">
        <v>0</v>
      </c>
      <c r="AB35" s="100">
        <v>0</v>
      </c>
      <c r="AC35" s="104">
        <v>34938</v>
      </c>
      <c r="AD35" s="104">
        <v>0</v>
      </c>
      <c r="AE35" s="104">
        <v>73008</v>
      </c>
      <c r="AF35" s="104">
        <v>33688</v>
      </c>
      <c r="AG35" s="104">
        <v>134576</v>
      </c>
      <c r="AH35" s="103">
        <v>276210</v>
      </c>
      <c r="AI35" s="106">
        <v>276210</v>
      </c>
      <c r="AJ35" s="100">
        <v>0</v>
      </c>
      <c r="AK35" s="104">
        <v>0</v>
      </c>
      <c r="AL35" s="103">
        <v>0</v>
      </c>
      <c r="AM35" s="100">
        <v>0</v>
      </c>
      <c r="AN35" s="104">
        <v>0</v>
      </c>
      <c r="AO35" s="104">
        <v>0</v>
      </c>
      <c r="AP35" s="104">
        <v>0</v>
      </c>
      <c r="AQ35" s="104">
        <v>0</v>
      </c>
      <c r="AR35" s="104">
        <v>0</v>
      </c>
      <c r="AS35" s="103">
        <v>0</v>
      </c>
      <c r="AT35" s="106">
        <v>0</v>
      </c>
      <c r="AU35" s="100">
        <v>0</v>
      </c>
      <c r="AV35" s="104">
        <v>77392</v>
      </c>
      <c r="AW35" s="103">
        <v>77392</v>
      </c>
      <c r="AX35" s="100">
        <v>0</v>
      </c>
      <c r="AY35" s="104">
        <v>50472</v>
      </c>
      <c r="AZ35" s="104">
        <v>0</v>
      </c>
      <c r="BA35" s="104">
        <v>35456</v>
      </c>
      <c r="BB35" s="104">
        <v>35456</v>
      </c>
      <c r="BC35" s="104">
        <v>72304</v>
      </c>
      <c r="BD35" s="103">
        <v>193688</v>
      </c>
      <c r="BE35" s="106">
        <v>271080</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3072</v>
      </c>
      <c r="BV35" s="104">
        <v>0</v>
      </c>
      <c r="BW35" s="104">
        <v>21944</v>
      </c>
      <c r="BX35" s="104">
        <v>31216</v>
      </c>
      <c r="BY35" s="104">
        <v>10584</v>
      </c>
      <c r="BZ35" s="103">
        <v>86816</v>
      </c>
      <c r="CA35" s="106">
        <v>86816</v>
      </c>
      <c r="CB35" s="100">
        <v>39600</v>
      </c>
      <c r="CC35" s="104">
        <v>0</v>
      </c>
      <c r="CD35" s="103">
        <v>39600</v>
      </c>
      <c r="CE35" s="100">
        <v>0</v>
      </c>
      <c r="CF35" s="104">
        <v>0</v>
      </c>
      <c r="CG35" s="104">
        <v>0</v>
      </c>
      <c r="CH35" s="104">
        <v>153497</v>
      </c>
      <c r="CI35" s="104">
        <v>113336</v>
      </c>
      <c r="CJ35" s="104">
        <v>0</v>
      </c>
      <c r="CK35" s="103">
        <v>266833</v>
      </c>
      <c r="CL35" s="106">
        <v>306433</v>
      </c>
      <c r="CM35" s="100">
        <v>0</v>
      </c>
      <c r="CN35" s="104">
        <v>0</v>
      </c>
      <c r="CO35" s="103">
        <v>0</v>
      </c>
      <c r="CP35" s="101">
        <v>0</v>
      </c>
      <c r="CQ35" s="104">
        <v>0</v>
      </c>
      <c r="CR35" s="104">
        <v>0</v>
      </c>
      <c r="CS35" s="104">
        <v>0</v>
      </c>
      <c r="CT35" s="104">
        <v>113336</v>
      </c>
      <c r="CU35" s="104">
        <v>0</v>
      </c>
      <c r="CV35" s="103">
        <v>113336</v>
      </c>
      <c r="CW35" s="106">
        <v>113336</v>
      </c>
      <c r="CX35" s="100">
        <v>39600</v>
      </c>
      <c r="CY35" s="104">
        <v>0</v>
      </c>
      <c r="CZ35" s="103">
        <v>39600</v>
      </c>
      <c r="DA35" s="100">
        <v>0</v>
      </c>
      <c r="DB35" s="104">
        <v>0</v>
      </c>
      <c r="DC35" s="104">
        <v>0</v>
      </c>
      <c r="DD35" s="104">
        <v>153497</v>
      </c>
      <c r="DE35" s="104">
        <v>0</v>
      </c>
      <c r="DF35" s="104">
        <v>0</v>
      </c>
      <c r="DG35" s="103">
        <v>153497</v>
      </c>
      <c r="DH35" s="106">
        <v>193097</v>
      </c>
      <c r="DI35" s="100">
        <v>0</v>
      </c>
      <c r="DJ35" s="104">
        <v>0</v>
      </c>
      <c r="DK35" s="102">
        <v>0</v>
      </c>
      <c r="DL35" s="101">
        <v>0</v>
      </c>
      <c r="DM35" s="104">
        <v>0</v>
      </c>
      <c r="DN35" s="104">
        <v>0</v>
      </c>
      <c r="DO35" s="104">
        <v>81182</v>
      </c>
      <c r="DP35" s="104">
        <v>66952</v>
      </c>
      <c r="DQ35" s="104">
        <v>0</v>
      </c>
      <c r="DR35" s="103">
        <v>148134</v>
      </c>
      <c r="DS35" s="106">
        <v>148134</v>
      </c>
      <c r="DT35" s="100">
        <v>0</v>
      </c>
      <c r="DU35" s="104">
        <v>0</v>
      </c>
      <c r="DV35" s="103">
        <v>0</v>
      </c>
      <c r="DW35" s="100">
        <v>0</v>
      </c>
      <c r="DX35" s="104">
        <v>0</v>
      </c>
      <c r="DY35" s="104">
        <v>0</v>
      </c>
      <c r="DZ35" s="104">
        <v>81182</v>
      </c>
      <c r="EA35" s="104">
        <v>66952</v>
      </c>
      <c r="EB35" s="104">
        <v>0</v>
      </c>
      <c r="EC35" s="103">
        <v>148134</v>
      </c>
      <c r="ED35" s="106">
        <v>148134</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v>0</v>
      </c>
      <c r="FE35" s="104">
        <v>0</v>
      </c>
      <c r="FF35" s="104">
        <v>0</v>
      </c>
      <c r="FG35" s="104">
        <v>0</v>
      </c>
      <c r="FH35" s="104">
        <v>0</v>
      </c>
      <c r="FI35" s="104">
        <v>0</v>
      </c>
      <c r="FJ35" s="103">
        <v>0</v>
      </c>
      <c r="FK35" s="106">
        <v>0</v>
      </c>
      <c r="FL35" s="100">
        <v>0</v>
      </c>
      <c r="FM35" s="104">
        <v>3280</v>
      </c>
      <c r="FN35" s="103">
        <v>3280</v>
      </c>
      <c r="FO35" s="100">
        <v>0</v>
      </c>
      <c r="FP35" s="104">
        <v>2240</v>
      </c>
      <c r="FQ35" s="104">
        <v>0</v>
      </c>
      <c r="FR35" s="104">
        <v>56320</v>
      </c>
      <c r="FS35" s="104">
        <v>22208</v>
      </c>
      <c r="FT35" s="104">
        <v>17600</v>
      </c>
      <c r="FU35" s="103">
        <v>98368</v>
      </c>
      <c r="FV35" s="106">
        <v>101648</v>
      </c>
      <c r="FW35" s="105">
        <v>0</v>
      </c>
      <c r="FX35" s="104">
        <v>3280</v>
      </c>
      <c r="FY35" s="102">
        <v>3280</v>
      </c>
      <c r="FZ35" s="101">
        <v>0</v>
      </c>
      <c r="GA35" s="104">
        <v>2240</v>
      </c>
      <c r="GB35" s="104">
        <v>0</v>
      </c>
      <c r="GC35" s="104">
        <v>56320</v>
      </c>
      <c r="GD35" s="104">
        <v>22208</v>
      </c>
      <c r="GE35" s="104">
        <v>17600</v>
      </c>
      <c r="GF35" s="103">
        <v>98368</v>
      </c>
      <c r="GG35" s="296">
        <v>10164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55479</v>
      </c>
      <c r="HI35" s="104">
        <v>0</v>
      </c>
      <c r="HJ35" s="104">
        <v>0</v>
      </c>
      <c r="HK35" s="104">
        <v>0</v>
      </c>
      <c r="HL35" s="104">
        <v>0</v>
      </c>
      <c r="HM35" s="103">
        <v>155479</v>
      </c>
      <c r="HN35" s="99">
        <v>155479</v>
      </c>
      <c r="HO35" s="306">
        <v>0</v>
      </c>
      <c r="HP35" s="307">
        <v>0</v>
      </c>
      <c r="HQ35" s="308">
        <v>0</v>
      </c>
      <c r="HR35" s="309">
        <v>0</v>
      </c>
      <c r="HS35" s="307">
        <v>0</v>
      </c>
      <c r="HT35" s="307">
        <v>0</v>
      </c>
      <c r="HU35" s="307">
        <v>0</v>
      </c>
      <c r="HV35" s="307">
        <v>0</v>
      </c>
      <c r="HW35" s="307">
        <v>0</v>
      </c>
      <c r="HX35" s="310">
        <v>0</v>
      </c>
      <c r="HY35" s="311">
        <v>0</v>
      </c>
      <c r="HZ35" s="118">
        <v>0</v>
      </c>
      <c r="IA35" s="119">
        <v>0</v>
      </c>
      <c r="IB35" s="120">
        <v>0</v>
      </c>
      <c r="IC35" s="133">
        <v>0</v>
      </c>
      <c r="ID35" s="119">
        <v>64015</v>
      </c>
      <c r="IE35" s="134">
        <v>0</v>
      </c>
      <c r="IF35" s="120">
        <v>140952</v>
      </c>
      <c r="IG35" s="119">
        <v>242328</v>
      </c>
      <c r="IH35" s="120">
        <v>0</v>
      </c>
      <c r="II35" s="135">
        <v>447295</v>
      </c>
      <c r="IJ35" s="126">
        <v>447295</v>
      </c>
      <c r="IK35" s="219">
        <v>0</v>
      </c>
      <c r="IL35" s="223">
        <v>0</v>
      </c>
      <c r="IM35" s="224">
        <v>0</v>
      </c>
      <c r="IN35" s="127">
        <v>0</v>
      </c>
      <c r="IO35" s="109">
        <v>0</v>
      </c>
      <c r="IP35" s="109">
        <v>0</v>
      </c>
      <c r="IQ35" s="109">
        <v>0</v>
      </c>
      <c r="IR35" s="109">
        <v>0</v>
      </c>
      <c r="IS35" s="109">
        <v>0</v>
      </c>
      <c r="IT35" s="128">
        <v>0</v>
      </c>
      <c r="IU35" s="298">
        <v>0</v>
      </c>
      <c r="IV35" s="129">
        <v>0</v>
      </c>
      <c r="IW35" s="109">
        <v>0</v>
      </c>
      <c r="IX35" s="110">
        <v>0</v>
      </c>
      <c r="IY35" s="131">
        <v>0</v>
      </c>
      <c r="IZ35" s="109">
        <v>0</v>
      </c>
      <c r="JA35" s="109">
        <v>0</v>
      </c>
      <c r="JB35" s="109">
        <v>0</v>
      </c>
      <c r="JC35" s="109">
        <v>0</v>
      </c>
      <c r="JD35" s="109">
        <v>0</v>
      </c>
      <c r="JE35" s="110">
        <v>0</v>
      </c>
      <c r="JF35" s="111">
        <v>0</v>
      </c>
      <c r="JG35" s="129">
        <v>0</v>
      </c>
      <c r="JH35" s="109">
        <v>0</v>
      </c>
      <c r="JI35" s="128">
        <v>0</v>
      </c>
      <c r="JJ35" s="108">
        <v>0</v>
      </c>
      <c r="JK35" s="109">
        <v>64015</v>
      </c>
      <c r="JL35" s="109">
        <v>0</v>
      </c>
      <c r="JM35" s="109">
        <v>140952</v>
      </c>
      <c r="JN35" s="109">
        <v>0</v>
      </c>
      <c r="JO35" s="109">
        <v>0</v>
      </c>
      <c r="JP35" s="110">
        <v>204967</v>
      </c>
      <c r="JQ35" s="298">
        <v>204967</v>
      </c>
      <c r="JR35" s="129">
        <v>0</v>
      </c>
      <c r="JS35" s="109">
        <v>0</v>
      </c>
      <c r="JT35" s="128">
        <v>0</v>
      </c>
      <c r="JU35" s="108">
        <v>0</v>
      </c>
      <c r="JV35" s="109">
        <v>0</v>
      </c>
      <c r="JW35" s="109">
        <v>0</v>
      </c>
      <c r="JX35" s="109">
        <v>0</v>
      </c>
      <c r="JY35" s="109">
        <v>0</v>
      </c>
      <c r="JZ35" s="109">
        <v>0</v>
      </c>
      <c r="KA35" s="110">
        <v>0</v>
      </c>
      <c r="KB35" s="298">
        <v>0</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v>0</v>
      </c>
      <c r="KR35" s="109">
        <v>0</v>
      </c>
      <c r="KS35" s="109">
        <v>0</v>
      </c>
      <c r="KT35" s="109">
        <v>0</v>
      </c>
      <c r="KU35" s="109">
        <v>242328</v>
      </c>
      <c r="KV35" s="109">
        <v>0</v>
      </c>
      <c r="KW35" s="110">
        <v>242328</v>
      </c>
      <c r="KX35" s="298">
        <v>242328</v>
      </c>
      <c r="KY35" s="129">
        <v>0</v>
      </c>
      <c r="KZ35" s="109">
        <v>0</v>
      </c>
      <c r="LA35" s="110">
        <v>0</v>
      </c>
      <c r="LB35" s="132">
        <v>0</v>
      </c>
      <c r="LC35" s="109">
        <v>0</v>
      </c>
      <c r="LD35" s="109">
        <v>0</v>
      </c>
      <c r="LE35" s="109">
        <v>0</v>
      </c>
      <c r="LF35" s="109">
        <v>0</v>
      </c>
      <c r="LG35" s="109">
        <v>0</v>
      </c>
      <c r="LH35" s="110">
        <v>0</v>
      </c>
      <c r="LI35" s="111">
        <v>0</v>
      </c>
      <c r="LJ35" s="129">
        <v>0</v>
      </c>
      <c r="LK35" s="109">
        <v>0</v>
      </c>
      <c r="LL35" s="110">
        <v>0</v>
      </c>
      <c r="LM35" s="132">
        <v>0</v>
      </c>
      <c r="LN35" s="109">
        <v>0</v>
      </c>
      <c r="LO35" s="109">
        <v>0</v>
      </c>
      <c r="LP35" s="109">
        <v>0</v>
      </c>
      <c r="LQ35" s="109">
        <v>0</v>
      </c>
      <c r="LR35" s="109">
        <v>0</v>
      </c>
      <c r="LS35" s="110">
        <v>0</v>
      </c>
      <c r="LT35" s="298">
        <v>0</v>
      </c>
      <c r="LU35" s="129">
        <v>0</v>
      </c>
      <c r="LV35" s="109">
        <v>0</v>
      </c>
      <c r="LW35" s="110">
        <v>0</v>
      </c>
      <c r="LX35" s="132">
        <v>0</v>
      </c>
      <c r="LY35" s="109">
        <v>0</v>
      </c>
      <c r="LZ35" s="109">
        <v>0</v>
      </c>
      <c r="MA35" s="109">
        <v>0</v>
      </c>
      <c r="MB35" s="109">
        <v>0</v>
      </c>
      <c r="MC35" s="109">
        <v>0</v>
      </c>
      <c r="MD35" s="110">
        <v>0</v>
      </c>
      <c r="ME35" s="111">
        <v>0</v>
      </c>
      <c r="MF35" s="129">
        <v>0</v>
      </c>
      <c r="MG35" s="109">
        <v>0</v>
      </c>
      <c r="MH35" s="110">
        <v>0</v>
      </c>
      <c r="MI35" s="132">
        <v>0</v>
      </c>
      <c r="MJ35" s="109">
        <v>425880</v>
      </c>
      <c r="MK35" s="109">
        <v>0</v>
      </c>
      <c r="ML35" s="109">
        <v>210752</v>
      </c>
      <c r="MM35" s="109">
        <v>1453306</v>
      </c>
      <c r="MN35" s="109">
        <v>0</v>
      </c>
      <c r="MO35" s="110">
        <v>2089938</v>
      </c>
      <c r="MP35" s="130">
        <v>2089938</v>
      </c>
      <c r="MQ35" s="129">
        <v>0</v>
      </c>
      <c r="MR35" s="109">
        <v>0</v>
      </c>
      <c r="MS35" s="110">
        <v>0</v>
      </c>
      <c r="MT35" s="132">
        <v>0</v>
      </c>
      <c r="MU35" s="109">
        <v>0</v>
      </c>
      <c r="MV35" s="109">
        <v>0</v>
      </c>
      <c r="MW35" s="109">
        <v>210752</v>
      </c>
      <c r="MX35" s="109">
        <v>233408</v>
      </c>
      <c r="MY35" s="109">
        <v>0</v>
      </c>
      <c r="MZ35" s="110">
        <v>444160</v>
      </c>
      <c r="NA35" s="130">
        <v>444160</v>
      </c>
      <c r="NB35" s="129">
        <v>0</v>
      </c>
      <c r="NC35" s="109">
        <v>0</v>
      </c>
      <c r="ND35" s="110">
        <v>0</v>
      </c>
      <c r="NE35" s="132">
        <v>0</v>
      </c>
      <c r="NF35" s="109">
        <v>425880</v>
      </c>
      <c r="NG35" s="109">
        <v>0</v>
      </c>
      <c r="NH35" s="109">
        <v>0</v>
      </c>
      <c r="NI35" s="109">
        <v>838914</v>
      </c>
      <c r="NJ35" s="109">
        <v>0</v>
      </c>
      <c r="NK35" s="110">
        <v>1264794</v>
      </c>
      <c r="NL35" s="298">
        <v>1264794</v>
      </c>
      <c r="NM35" s="129">
        <v>0</v>
      </c>
      <c r="NN35" s="109">
        <v>0</v>
      </c>
      <c r="NO35" s="110">
        <v>0</v>
      </c>
      <c r="NP35" s="132">
        <v>0</v>
      </c>
      <c r="NQ35" s="109">
        <v>0</v>
      </c>
      <c r="NR35" s="109">
        <v>0</v>
      </c>
      <c r="NS35" s="109">
        <v>0</v>
      </c>
      <c r="NT35" s="109">
        <v>0</v>
      </c>
      <c r="NU35" s="109">
        <v>0</v>
      </c>
      <c r="NV35" s="110">
        <v>0</v>
      </c>
      <c r="NW35" s="111">
        <v>0</v>
      </c>
      <c r="NX35" s="129">
        <v>0</v>
      </c>
      <c r="NY35" s="109">
        <v>0</v>
      </c>
      <c r="NZ35" s="110">
        <v>0</v>
      </c>
      <c r="OA35" s="132">
        <v>0</v>
      </c>
      <c r="OB35" s="109">
        <v>0</v>
      </c>
      <c r="OC35" s="109">
        <v>0</v>
      </c>
      <c r="OD35" s="109">
        <v>0</v>
      </c>
      <c r="OE35" s="109">
        <v>380984</v>
      </c>
      <c r="OF35" s="109">
        <v>0</v>
      </c>
      <c r="OG35" s="110">
        <v>380984</v>
      </c>
      <c r="OH35" s="111">
        <v>380984</v>
      </c>
      <c r="OI35" s="129">
        <v>39600</v>
      </c>
      <c r="OJ35" s="109">
        <v>80672</v>
      </c>
      <c r="OK35" s="128">
        <v>120272</v>
      </c>
      <c r="OL35" s="108">
        <v>0</v>
      </c>
      <c r="OM35" s="109">
        <v>756096</v>
      </c>
      <c r="ON35" s="109">
        <v>0</v>
      </c>
      <c r="OO35" s="109">
        <v>773111</v>
      </c>
      <c r="OP35" s="109">
        <v>1998490</v>
      </c>
      <c r="OQ35" s="109">
        <v>235064</v>
      </c>
      <c r="OR35" s="110">
        <v>3762761</v>
      </c>
      <c r="OS35" s="130">
        <v>3883033</v>
      </c>
    </row>
    <row r="36" spans="2:409" ht="21" customHeight="1" x14ac:dyDescent="0.2">
      <c r="B36" s="472" t="s">
        <v>31</v>
      </c>
      <c r="C36" s="100">
        <v>12496</v>
      </c>
      <c r="D36" s="104">
        <v>10400</v>
      </c>
      <c r="E36" s="103">
        <v>22896</v>
      </c>
      <c r="F36" s="99">
        <v>0</v>
      </c>
      <c r="G36" s="104">
        <v>99408</v>
      </c>
      <c r="H36" s="104">
        <v>410025</v>
      </c>
      <c r="I36" s="104">
        <v>640462</v>
      </c>
      <c r="J36" s="104">
        <v>438766</v>
      </c>
      <c r="K36" s="104">
        <v>16672</v>
      </c>
      <c r="L36" s="160">
        <v>1605333</v>
      </c>
      <c r="M36" s="106">
        <v>1628229</v>
      </c>
      <c r="N36" s="100">
        <v>7296</v>
      </c>
      <c r="O36" s="104">
        <v>0</v>
      </c>
      <c r="P36" s="103">
        <v>7296</v>
      </c>
      <c r="Q36" s="100">
        <v>0</v>
      </c>
      <c r="R36" s="104">
        <v>12696</v>
      </c>
      <c r="S36" s="104">
        <v>61648</v>
      </c>
      <c r="T36" s="104">
        <v>207528</v>
      </c>
      <c r="U36" s="104">
        <v>57520</v>
      </c>
      <c r="V36" s="104">
        <v>16672</v>
      </c>
      <c r="W36" s="103">
        <v>356064</v>
      </c>
      <c r="X36" s="106">
        <v>363360</v>
      </c>
      <c r="Y36" s="100">
        <v>0</v>
      </c>
      <c r="Z36" s="104">
        <v>0</v>
      </c>
      <c r="AA36" s="103">
        <v>0</v>
      </c>
      <c r="AB36" s="100">
        <v>0</v>
      </c>
      <c r="AC36" s="104">
        <v>12696</v>
      </c>
      <c r="AD36" s="104">
        <v>0</v>
      </c>
      <c r="AE36" s="104">
        <v>2504</v>
      </c>
      <c r="AF36" s="104">
        <v>0</v>
      </c>
      <c r="AG36" s="104">
        <v>0</v>
      </c>
      <c r="AH36" s="103">
        <v>15200</v>
      </c>
      <c r="AI36" s="106">
        <v>15200</v>
      </c>
      <c r="AJ36" s="100">
        <v>0</v>
      </c>
      <c r="AK36" s="104">
        <v>0</v>
      </c>
      <c r="AL36" s="103">
        <v>0</v>
      </c>
      <c r="AM36" s="100">
        <v>0</v>
      </c>
      <c r="AN36" s="104">
        <v>0</v>
      </c>
      <c r="AO36" s="104">
        <v>54632</v>
      </c>
      <c r="AP36" s="104">
        <v>98344</v>
      </c>
      <c r="AQ36" s="104">
        <v>0</v>
      </c>
      <c r="AR36" s="104">
        <v>0</v>
      </c>
      <c r="AS36" s="103">
        <v>152976</v>
      </c>
      <c r="AT36" s="106">
        <v>152976</v>
      </c>
      <c r="AU36" s="100">
        <v>7296</v>
      </c>
      <c r="AV36" s="104">
        <v>0</v>
      </c>
      <c r="AW36" s="103">
        <v>7296</v>
      </c>
      <c r="AX36" s="100">
        <v>0</v>
      </c>
      <c r="AY36" s="104">
        <v>0</v>
      </c>
      <c r="AZ36" s="104">
        <v>0</v>
      </c>
      <c r="BA36" s="104">
        <v>77528</v>
      </c>
      <c r="BB36" s="104">
        <v>57520</v>
      </c>
      <c r="BC36" s="104">
        <v>0</v>
      </c>
      <c r="BD36" s="103">
        <v>135048</v>
      </c>
      <c r="BE36" s="106">
        <v>142344</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7016</v>
      </c>
      <c r="BW36" s="104">
        <v>29152</v>
      </c>
      <c r="BX36" s="104">
        <v>0</v>
      </c>
      <c r="BY36" s="104">
        <v>16672</v>
      </c>
      <c r="BZ36" s="103">
        <v>52840</v>
      </c>
      <c r="CA36" s="106">
        <v>52840</v>
      </c>
      <c r="CB36" s="100">
        <v>0</v>
      </c>
      <c r="CC36" s="104">
        <v>0</v>
      </c>
      <c r="CD36" s="103">
        <v>0</v>
      </c>
      <c r="CE36" s="100">
        <v>0</v>
      </c>
      <c r="CF36" s="104">
        <v>75752</v>
      </c>
      <c r="CG36" s="104">
        <v>266737</v>
      </c>
      <c r="CH36" s="104">
        <v>99128</v>
      </c>
      <c r="CI36" s="104">
        <v>51848</v>
      </c>
      <c r="CJ36" s="104">
        <v>0</v>
      </c>
      <c r="CK36" s="103">
        <v>493465</v>
      </c>
      <c r="CL36" s="106">
        <v>493465</v>
      </c>
      <c r="CM36" s="100">
        <v>0</v>
      </c>
      <c r="CN36" s="104">
        <v>0</v>
      </c>
      <c r="CO36" s="103">
        <v>0</v>
      </c>
      <c r="CP36" s="101">
        <v>0</v>
      </c>
      <c r="CQ36" s="104">
        <v>29744</v>
      </c>
      <c r="CR36" s="104">
        <v>203334</v>
      </c>
      <c r="CS36" s="104">
        <v>0</v>
      </c>
      <c r="CT36" s="104">
        <v>20224</v>
      </c>
      <c r="CU36" s="104">
        <v>0</v>
      </c>
      <c r="CV36" s="103">
        <v>253302</v>
      </c>
      <c r="CW36" s="106">
        <v>253302</v>
      </c>
      <c r="CX36" s="100">
        <v>0</v>
      </c>
      <c r="CY36" s="104">
        <v>0</v>
      </c>
      <c r="CZ36" s="103">
        <v>0</v>
      </c>
      <c r="DA36" s="100">
        <v>0</v>
      </c>
      <c r="DB36" s="104">
        <v>46008</v>
      </c>
      <c r="DC36" s="104">
        <v>63403</v>
      </c>
      <c r="DD36" s="104">
        <v>99128</v>
      </c>
      <c r="DE36" s="104">
        <v>31624</v>
      </c>
      <c r="DF36" s="104">
        <v>0</v>
      </c>
      <c r="DG36" s="103">
        <v>240163</v>
      </c>
      <c r="DH36" s="106">
        <v>240163</v>
      </c>
      <c r="DI36" s="100">
        <v>0</v>
      </c>
      <c r="DJ36" s="104">
        <v>0</v>
      </c>
      <c r="DK36" s="102">
        <v>0</v>
      </c>
      <c r="DL36" s="101">
        <v>0</v>
      </c>
      <c r="DM36" s="104">
        <v>0</v>
      </c>
      <c r="DN36" s="104">
        <v>0</v>
      </c>
      <c r="DO36" s="104">
        <v>71018</v>
      </c>
      <c r="DP36" s="104">
        <v>27142</v>
      </c>
      <c r="DQ36" s="104">
        <v>0</v>
      </c>
      <c r="DR36" s="103">
        <v>98160</v>
      </c>
      <c r="DS36" s="106">
        <v>98160</v>
      </c>
      <c r="DT36" s="100">
        <v>0</v>
      </c>
      <c r="DU36" s="104">
        <v>0</v>
      </c>
      <c r="DV36" s="103">
        <v>0</v>
      </c>
      <c r="DW36" s="100">
        <v>0</v>
      </c>
      <c r="DX36" s="104">
        <v>0</v>
      </c>
      <c r="DY36" s="104">
        <v>0</v>
      </c>
      <c r="DZ36" s="104">
        <v>71018</v>
      </c>
      <c r="EA36" s="104">
        <v>27142</v>
      </c>
      <c r="EB36" s="104">
        <v>0</v>
      </c>
      <c r="EC36" s="103">
        <v>98160</v>
      </c>
      <c r="ED36" s="106">
        <v>98160</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v>0</v>
      </c>
      <c r="FE36" s="104">
        <v>0</v>
      </c>
      <c r="FF36" s="104">
        <v>0</v>
      </c>
      <c r="FG36" s="104">
        <v>0</v>
      </c>
      <c r="FH36" s="104">
        <v>0</v>
      </c>
      <c r="FI36" s="104">
        <v>0</v>
      </c>
      <c r="FJ36" s="103">
        <v>0</v>
      </c>
      <c r="FK36" s="106">
        <v>0</v>
      </c>
      <c r="FL36" s="100">
        <v>5200</v>
      </c>
      <c r="FM36" s="104">
        <v>10400</v>
      </c>
      <c r="FN36" s="103">
        <v>15600</v>
      </c>
      <c r="FO36" s="100">
        <v>0</v>
      </c>
      <c r="FP36" s="104">
        <v>10960</v>
      </c>
      <c r="FQ36" s="104">
        <v>81640</v>
      </c>
      <c r="FR36" s="104">
        <v>69480</v>
      </c>
      <c r="FS36" s="104">
        <v>100504</v>
      </c>
      <c r="FT36" s="104">
        <v>0</v>
      </c>
      <c r="FU36" s="103">
        <v>262584</v>
      </c>
      <c r="FV36" s="106">
        <v>278184</v>
      </c>
      <c r="FW36" s="105">
        <v>5200</v>
      </c>
      <c r="FX36" s="104">
        <v>10400</v>
      </c>
      <c r="FY36" s="102">
        <v>15600</v>
      </c>
      <c r="FZ36" s="101">
        <v>0</v>
      </c>
      <c r="GA36" s="104">
        <v>10960</v>
      </c>
      <c r="GB36" s="104">
        <v>67240</v>
      </c>
      <c r="GC36" s="104">
        <v>69480</v>
      </c>
      <c r="GD36" s="104">
        <v>100504</v>
      </c>
      <c r="GE36" s="104">
        <v>0</v>
      </c>
      <c r="GF36" s="103">
        <v>248184</v>
      </c>
      <c r="GG36" s="296">
        <v>263784</v>
      </c>
      <c r="GH36" s="105">
        <v>0</v>
      </c>
      <c r="GI36" s="104">
        <v>0</v>
      </c>
      <c r="GJ36" s="102">
        <v>0</v>
      </c>
      <c r="GK36" s="101">
        <v>0</v>
      </c>
      <c r="GL36" s="104">
        <v>0</v>
      </c>
      <c r="GM36" s="104">
        <v>14400</v>
      </c>
      <c r="GN36" s="104">
        <v>0</v>
      </c>
      <c r="GO36" s="104">
        <v>0</v>
      </c>
      <c r="GP36" s="104">
        <v>0</v>
      </c>
      <c r="GQ36" s="103">
        <v>14400</v>
      </c>
      <c r="GR36" s="106">
        <v>1440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193308</v>
      </c>
      <c r="HK36" s="104">
        <v>201752</v>
      </c>
      <c r="HL36" s="104">
        <v>0</v>
      </c>
      <c r="HM36" s="103">
        <v>395060</v>
      </c>
      <c r="HN36" s="99">
        <v>395060</v>
      </c>
      <c r="HO36" s="306">
        <v>0</v>
      </c>
      <c r="HP36" s="307">
        <v>0</v>
      </c>
      <c r="HQ36" s="308">
        <v>0</v>
      </c>
      <c r="HR36" s="309">
        <v>0</v>
      </c>
      <c r="HS36" s="307">
        <v>0</v>
      </c>
      <c r="HT36" s="307">
        <v>0</v>
      </c>
      <c r="HU36" s="307">
        <v>0</v>
      </c>
      <c r="HV36" s="307">
        <v>0</v>
      </c>
      <c r="HW36" s="307">
        <v>0</v>
      </c>
      <c r="HX36" s="310">
        <v>0</v>
      </c>
      <c r="HY36" s="311">
        <v>0</v>
      </c>
      <c r="HZ36" s="137">
        <v>0</v>
      </c>
      <c r="IA36" s="122">
        <v>0</v>
      </c>
      <c r="IB36" s="137">
        <v>0</v>
      </c>
      <c r="IC36" s="121">
        <v>0</v>
      </c>
      <c r="ID36" s="122">
        <v>136578</v>
      </c>
      <c r="IE36" s="123">
        <v>422661</v>
      </c>
      <c r="IF36" s="124">
        <v>20409</v>
      </c>
      <c r="IG36" s="122">
        <v>185671</v>
      </c>
      <c r="IH36" s="124">
        <v>245560</v>
      </c>
      <c r="II36" s="125">
        <v>1010879</v>
      </c>
      <c r="IJ36" s="137">
        <v>1010879</v>
      </c>
      <c r="IK36" s="219">
        <v>0</v>
      </c>
      <c r="IL36" s="223">
        <v>0</v>
      </c>
      <c r="IM36" s="224">
        <v>0</v>
      </c>
      <c r="IN36" s="127">
        <v>0</v>
      </c>
      <c r="IO36" s="109">
        <v>0</v>
      </c>
      <c r="IP36" s="109">
        <v>0</v>
      </c>
      <c r="IQ36" s="109">
        <v>0</v>
      </c>
      <c r="IR36" s="109">
        <v>0</v>
      </c>
      <c r="IS36" s="109">
        <v>0</v>
      </c>
      <c r="IT36" s="128">
        <v>0</v>
      </c>
      <c r="IU36" s="298">
        <v>0</v>
      </c>
      <c r="IV36" s="129">
        <v>0</v>
      </c>
      <c r="IW36" s="109">
        <v>0</v>
      </c>
      <c r="IX36" s="110">
        <v>0</v>
      </c>
      <c r="IY36" s="131">
        <v>0</v>
      </c>
      <c r="IZ36" s="109">
        <v>0</v>
      </c>
      <c r="JA36" s="109">
        <v>0</v>
      </c>
      <c r="JB36" s="109">
        <v>0</v>
      </c>
      <c r="JC36" s="109">
        <v>0</v>
      </c>
      <c r="JD36" s="109">
        <v>0</v>
      </c>
      <c r="JE36" s="110">
        <v>0</v>
      </c>
      <c r="JF36" s="111">
        <v>0</v>
      </c>
      <c r="JG36" s="129">
        <v>0</v>
      </c>
      <c r="JH36" s="109">
        <v>0</v>
      </c>
      <c r="JI36" s="128">
        <v>0</v>
      </c>
      <c r="JJ36" s="108">
        <v>0</v>
      </c>
      <c r="JK36" s="109">
        <v>0</v>
      </c>
      <c r="JL36" s="109">
        <v>38332</v>
      </c>
      <c r="JM36" s="109">
        <v>20409</v>
      </c>
      <c r="JN36" s="109">
        <v>0</v>
      </c>
      <c r="JO36" s="109">
        <v>0</v>
      </c>
      <c r="JP36" s="110">
        <v>58741</v>
      </c>
      <c r="JQ36" s="298">
        <v>58741</v>
      </c>
      <c r="JR36" s="129">
        <v>0</v>
      </c>
      <c r="JS36" s="109">
        <v>0</v>
      </c>
      <c r="JT36" s="128">
        <v>0</v>
      </c>
      <c r="JU36" s="108">
        <v>0</v>
      </c>
      <c r="JV36" s="109">
        <v>0</v>
      </c>
      <c r="JW36" s="109">
        <v>0</v>
      </c>
      <c r="JX36" s="109">
        <v>0</v>
      </c>
      <c r="JY36" s="109">
        <v>185671</v>
      </c>
      <c r="JZ36" s="109">
        <v>0</v>
      </c>
      <c r="KA36" s="110">
        <v>185671</v>
      </c>
      <c r="KB36" s="298">
        <v>185671</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v>0</v>
      </c>
      <c r="KR36" s="109">
        <v>0</v>
      </c>
      <c r="KS36" s="109">
        <v>384329</v>
      </c>
      <c r="KT36" s="109">
        <v>0</v>
      </c>
      <c r="KU36" s="109">
        <v>0</v>
      </c>
      <c r="KV36" s="109">
        <v>245560</v>
      </c>
      <c r="KW36" s="110">
        <v>629889</v>
      </c>
      <c r="KX36" s="298">
        <v>629889</v>
      </c>
      <c r="KY36" s="129">
        <v>0</v>
      </c>
      <c r="KZ36" s="109">
        <v>0</v>
      </c>
      <c r="LA36" s="110">
        <v>0</v>
      </c>
      <c r="LB36" s="132">
        <v>0</v>
      </c>
      <c r="LC36" s="109">
        <v>0</v>
      </c>
      <c r="LD36" s="109">
        <v>0</v>
      </c>
      <c r="LE36" s="109">
        <v>0</v>
      </c>
      <c r="LF36" s="109">
        <v>0</v>
      </c>
      <c r="LG36" s="109">
        <v>0</v>
      </c>
      <c r="LH36" s="110">
        <v>0</v>
      </c>
      <c r="LI36" s="111">
        <v>0</v>
      </c>
      <c r="LJ36" s="129">
        <v>0</v>
      </c>
      <c r="LK36" s="109">
        <v>0</v>
      </c>
      <c r="LL36" s="110">
        <v>0</v>
      </c>
      <c r="LM36" s="132">
        <v>0</v>
      </c>
      <c r="LN36" s="109">
        <v>0</v>
      </c>
      <c r="LO36" s="109">
        <v>0</v>
      </c>
      <c r="LP36" s="109">
        <v>0</v>
      </c>
      <c r="LQ36" s="109">
        <v>0</v>
      </c>
      <c r="LR36" s="109">
        <v>0</v>
      </c>
      <c r="LS36" s="110">
        <v>0</v>
      </c>
      <c r="LT36" s="298">
        <v>0</v>
      </c>
      <c r="LU36" s="129">
        <v>0</v>
      </c>
      <c r="LV36" s="109">
        <v>0</v>
      </c>
      <c r="LW36" s="110">
        <v>0</v>
      </c>
      <c r="LX36" s="132">
        <v>0</v>
      </c>
      <c r="LY36" s="109">
        <v>0</v>
      </c>
      <c r="LZ36" s="109">
        <v>0</v>
      </c>
      <c r="MA36" s="109">
        <v>0</v>
      </c>
      <c r="MB36" s="109">
        <v>0</v>
      </c>
      <c r="MC36" s="109">
        <v>0</v>
      </c>
      <c r="MD36" s="110">
        <v>0</v>
      </c>
      <c r="ME36" s="111">
        <v>0</v>
      </c>
      <c r="MF36" s="129">
        <v>0</v>
      </c>
      <c r="MG36" s="109">
        <v>0</v>
      </c>
      <c r="MH36" s="110">
        <v>0</v>
      </c>
      <c r="MI36" s="132">
        <v>0</v>
      </c>
      <c r="MJ36" s="109">
        <v>0</v>
      </c>
      <c r="MK36" s="109">
        <v>0</v>
      </c>
      <c r="ML36" s="109">
        <v>581588</v>
      </c>
      <c r="MM36" s="109">
        <v>268654</v>
      </c>
      <c r="MN36" s="109">
        <v>0</v>
      </c>
      <c r="MO36" s="110">
        <v>850242</v>
      </c>
      <c r="MP36" s="130">
        <v>850242</v>
      </c>
      <c r="MQ36" s="129">
        <v>0</v>
      </c>
      <c r="MR36" s="109">
        <v>0</v>
      </c>
      <c r="MS36" s="110">
        <v>0</v>
      </c>
      <c r="MT36" s="132">
        <v>0</v>
      </c>
      <c r="MU36" s="109">
        <v>0</v>
      </c>
      <c r="MV36" s="109">
        <v>0</v>
      </c>
      <c r="MW36" s="109">
        <v>339575</v>
      </c>
      <c r="MX36" s="109">
        <v>268654</v>
      </c>
      <c r="MY36" s="109">
        <v>0</v>
      </c>
      <c r="MZ36" s="110">
        <v>608229</v>
      </c>
      <c r="NA36" s="130">
        <v>608229</v>
      </c>
      <c r="NB36" s="129">
        <v>0</v>
      </c>
      <c r="NC36" s="109">
        <v>0</v>
      </c>
      <c r="ND36" s="110">
        <v>0</v>
      </c>
      <c r="NE36" s="132">
        <v>0</v>
      </c>
      <c r="NF36" s="109">
        <v>0</v>
      </c>
      <c r="NG36" s="109">
        <v>0</v>
      </c>
      <c r="NH36" s="109">
        <v>242013</v>
      </c>
      <c r="NI36" s="109">
        <v>0</v>
      </c>
      <c r="NJ36" s="109">
        <v>0</v>
      </c>
      <c r="NK36" s="110">
        <v>242013</v>
      </c>
      <c r="NL36" s="298">
        <v>242013</v>
      </c>
      <c r="NM36" s="129">
        <v>0</v>
      </c>
      <c r="NN36" s="109">
        <v>0</v>
      </c>
      <c r="NO36" s="110">
        <v>0</v>
      </c>
      <c r="NP36" s="132">
        <v>0</v>
      </c>
      <c r="NQ36" s="109">
        <v>0</v>
      </c>
      <c r="NR36" s="109">
        <v>0</v>
      </c>
      <c r="NS36" s="109">
        <v>0</v>
      </c>
      <c r="NT36" s="109">
        <v>0</v>
      </c>
      <c r="NU36" s="109">
        <v>0</v>
      </c>
      <c r="NV36" s="110">
        <v>0</v>
      </c>
      <c r="NW36" s="111">
        <v>0</v>
      </c>
      <c r="NX36" s="129">
        <v>0</v>
      </c>
      <c r="NY36" s="109">
        <v>0</v>
      </c>
      <c r="NZ36" s="110">
        <v>0</v>
      </c>
      <c r="OA36" s="132">
        <v>0</v>
      </c>
      <c r="OB36" s="109">
        <v>0</v>
      </c>
      <c r="OC36" s="109">
        <v>0</v>
      </c>
      <c r="OD36" s="109">
        <v>0</v>
      </c>
      <c r="OE36" s="109">
        <v>0</v>
      </c>
      <c r="OF36" s="109">
        <v>0</v>
      </c>
      <c r="OG36" s="110">
        <v>0</v>
      </c>
      <c r="OH36" s="111">
        <v>0</v>
      </c>
      <c r="OI36" s="129">
        <v>12496</v>
      </c>
      <c r="OJ36" s="109">
        <v>10400</v>
      </c>
      <c r="OK36" s="128">
        <v>22896</v>
      </c>
      <c r="OL36" s="108">
        <v>0</v>
      </c>
      <c r="OM36" s="109">
        <v>235986</v>
      </c>
      <c r="ON36" s="109">
        <v>832686</v>
      </c>
      <c r="OO36" s="109">
        <v>1242459</v>
      </c>
      <c r="OP36" s="109">
        <v>893091</v>
      </c>
      <c r="OQ36" s="109">
        <v>262232</v>
      </c>
      <c r="OR36" s="110">
        <v>3466454</v>
      </c>
      <c r="OS36" s="130">
        <v>3489350</v>
      </c>
    </row>
    <row r="37" spans="2:409" ht="21" customHeight="1" x14ac:dyDescent="0.2">
      <c r="B37" s="472" t="s">
        <v>32</v>
      </c>
      <c r="C37" s="100">
        <v>0</v>
      </c>
      <c r="D37" s="104">
        <v>23888</v>
      </c>
      <c r="E37" s="161">
        <v>23888</v>
      </c>
      <c r="F37" s="162">
        <v>0</v>
      </c>
      <c r="G37" s="163">
        <v>309050</v>
      </c>
      <c r="H37" s="163">
        <v>1378054</v>
      </c>
      <c r="I37" s="163">
        <v>603189</v>
      </c>
      <c r="J37" s="163">
        <v>632994</v>
      </c>
      <c r="K37" s="163">
        <v>981109</v>
      </c>
      <c r="L37" s="164">
        <v>3904396</v>
      </c>
      <c r="M37" s="106">
        <v>3928284</v>
      </c>
      <c r="N37" s="100">
        <v>0</v>
      </c>
      <c r="O37" s="104">
        <v>11888</v>
      </c>
      <c r="P37" s="103">
        <v>11888</v>
      </c>
      <c r="Q37" s="100">
        <v>0</v>
      </c>
      <c r="R37" s="104">
        <v>115928</v>
      </c>
      <c r="S37" s="104">
        <v>228209</v>
      </c>
      <c r="T37" s="104">
        <v>177381</v>
      </c>
      <c r="U37" s="104">
        <v>263160</v>
      </c>
      <c r="V37" s="104">
        <v>256840</v>
      </c>
      <c r="W37" s="103">
        <v>1041518</v>
      </c>
      <c r="X37" s="106">
        <v>1053406</v>
      </c>
      <c r="Y37" s="100">
        <v>0</v>
      </c>
      <c r="Z37" s="104">
        <v>0</v>
      </c>
      <c r="AA37" s="103">
        <v>0</v>
      </c>
      <c r="AB37" s="100">
        <v>0</v>
      </c>
      <c r="AC37" s="104">
        <v>46784</v>
      </c>
      <c r="AD37" s="104">
        <v>113128</v>
      </c>
      <c r="AE37" s="104">
        <v>73735</v>
      </c>
      <c r="AF37" s="104">
        <v>228552</v>
      </c>
      <c r="AG37" s="104">
        <v>168304</v>
      </c>
      <c r="AH37" s="103">
        <v>630503</v>
      </c>
      <c r="AI37" s="106">
        <v>630503</v>
      </c>
      <c r="AJ37" s="100">
        <v>0</v>
      </c>
      <c r="AK37" s="104">
        <v>0</v>
      </c>
      <c r="AL37" s="103">
        <v>0</v>
      </c>
      <c r="AM37" s="100">
        <v>0</v>
      </c>
      <c r="AN37" s="104">
        <v>0</v>
      </c>
      <c r="AO37" s="104">
        <v>0</v>
      </c>
      <c r="AP37" s="104">
        <v>0</v>
      </c>
      <c r="AQ37" s="104">
        <v>0</v>
      </c>
      <c r="AR37" s="104">
        <v>46112</v>
      </c>
      <c r="AS37" s="103">
        <v>46112</v>
      </c>
      <c r="AT37" s="106">
        <v>46112</v>
      </c>
      <c r="AU37" s="100">
        <v>0</v>
      </c>
      <c r="AV37" s="104">
        <v>11888</v>
      </c>
      <c r="AW37" s="103">
        <v>11888</v>
      </c>
      <c r="AX37" s="100">
        <v>0</v>
      </c>
      <c r="AY37" s="104">
        <v>60872</v>
      </c>
      <c r="AZ37" s="104">
        <v>66313</v>
      </c>
      <c r="BA37" s="104">
        <v>67902</v>
      </c>
      <c r="BB37" s="104">
        <v>0</v>
      </c>
      <c r="BC37" s="104">
        <v>0</v>
      </c>
      <c r="BD37" s="103">
        <v>195087</v>
      </c>
      <c r="BE37" s="106">
        <v>206975</v>
      </c>
      <c r="BF37" s="100">
        <v>0</v>
      </c>
      <c r="BG37" s="104">
        <v>0</v>
      </c>
      <c r="BH37" s="102">
        <v>0</v>
      </c>
      <c r="BI37" s="101">
        <v>0</v>
      </c>
      <c r="BJ37" s="104">
        <v>0</v>
      </c>
      <c r="BK37" s="104">
        <v>0</v>
      </c>
      <c r="BL37" s="104">
        <v>0</v>
      </c>
      <c r="BM37" s="104">
        <v>0</v>
      </c>
      <c r="BN37" s="104">
        <v>0</v>
      </c>
      <c r="BO37" s="103">
        <v>0</v>
      </c>
      <c r="BP37" s="106">
        <v>0</v>
      </c>
      <c r="BQ37" s="100">
        <v>0</v>
      </c>
      <c r="BR37" s="104">
        <v>0</v>
      </c>
      <c r="BS37" s="103">
        <v>0</v>
      </c>
      <c r="BT37" s="100">
        <v>0</v>
      </c>
      <c r="BU37" s="104">
        <v>8272</v>
      </c>
      <c r="BV37" s="104">
        <v>48768</v>
      </c>
      <c r="BW37" s="104">
        <v>35744</v>
      </c>
      <c r="BX37" s="104">
        <v>34608</v>
      </c>
      <c r="BY37" s="104">
        <v>42424</v>
      </c>
      <c r="BZ37" s="103">
        <v>169816</v>
      </c>
      <c r="CA37" s="106">
        <v>169816</v>
      </c>
      <c r="CB37" s="100">
        <v>0</v>
      </c>
      <c r="CC37" s="104">
        <v>0</v>
      </c>
      <c r="CD37" s="103">
        <v>0</v>
      </c>
      <c r="CE37" s="100">
        <v>0</v>
      </c>
      <c r="CF37" s="104">
        <v>154082</v>
      </c>
      <c r="CG37" s="104">
        <v>410942</v>
      </c>
      <c r="CH37" s="104">
        <v>72112</v>
      </c>
      <c r="CI37" s="104">
        <v>0</v>
      </c>
      <c r="CJ37" s="104">
        <v>165138</v>
      </c>
      <c r="CK37" s="103">
        <v>802274</v>
      </c>
      <c r="CL37" s="106">
        <v>802274</v>
      </c>
      <c r="CM37" s="100">
        <v>0</v>
      </c>
      <c r="CN37" s="104">
        <v>0</v>
      </c>
      <c r="CO37" s="103">
        <v>0</v>
      </c>
      <c r="CP37" s="101">
        <v>0</v>
      </c>
      <c r="CQ37" s="104">
        <v>87432</v>
      </c>
      <c r="CR37" s="104">
        <v>255672</v>
      </c>
      <c r="CS37" s="104">
        <v>72112</v>
      </c>
      <c r="CT37" s="104">
        <v>0</v>
      </c>
      <c r="CU37" s="104">
        <v>129336</v>
      </c>
      <c r="CV37" s="103">
        <v>544552</v>
      </c>
      <c r="CW37" s="106">
        <v>544552</v>
      </c>
      <c r="CX37" s="100">
        <v>0</v>
      </c>
      <c r="CY37" s="104">
        <v>0</v>
      </c>
      <c r="CZ37" s="103">
        <v>0</v>
      </c>
      <c r="DA37" s="100">
        <v>0</v>
      </c>
      <c r="DB37" s="104">
        <v>66650</v>
      </c>
      <c r="DC37" s="104">
        <v>155270</v>
      </c>
      <c r="DD37" s="104">
        <v>0</v>
      </c>
      <c r="DE37" s="104">
        <v>0</v>
      </c>
      <c r="DF37" s="104">
        <v>35802</v>
      </c>
      <c r="DG37" s="103">
        <v>257722</v>
      </c>
      <c r="DH37" s="106">
        <v>257722</v>
      </c>
      <c r="DI37" s="100">
        <v>0</v>
      </c>
      <c r="DJ37" s="104">
        <v>0</v>
      </c>
      <c r="DK37" s="102">
        <v>0</v>
      </c>
      <c r="DL37" s="101">
        <v>0</v>
      </c>
      <c r="DM37" s="104">
        <v>0</v>
      </c>
      <c r="DN37" s="104">
        <v>0</v>
      </c>
      <c r="DO37" s="104">
        <v>66120</v>
      </c>
      <c r="DP37" s="104">
        <v>0</v>
      </c>
      <c r="DQ37" s="104">
        <v>67131</v>
      </c>
      <c r="DR37" s="103">
        <v>133251</v>
      </c>
      <c r="DS37" s="106">
        <v>133251</v>
      </c>
      <c r="DT37" s="100">
        <v>0</v>
      </c>
      <c r="DU37" s="104">
        <v>0</v>
      </c>
      <c r="DV37" s="103">
        <v>0</v>
      </c>
      <c r="DW37" s="100">
        <v>0</v>
      </c>
      <c r="DX37" s="104">
        <v>0</v>
      </c>
      <c r="DY37" s="104">
        <v>0</v>
      </c>
      <c r="DZ37" s="104">
        <v>0</v>
      </c>
      <c r="EA37" s="104">
        <v>0</v>
      </c>
      <c r="EB37" s="104">
        <v>67131</v>
      </c>
      <c r="EC37" s="103">
        <v>67131</v>
      </c>
      <c r="ED37" s="106">
        <v>67131</v>
      </c>
      <c r="EE37" s="100">
        <v>0</v>
      </c>
      <c r="EF37" s="102">
        <v>0</v>
      </c>
      <c r="EG37" s="103">
        <v>0</v>
      </c>
      <c r="EH37" s="100">
        <v>0</v>
      </c>
      <c r="EI37" s="104">
        <v>0</v>
      </c>
      <c r="EJ37" s="104">
        <v>0</v>
      </c>
      <c r="EK37" s="104">
        <v>66120</v>
      </c>
      <c r="EL37" s="104">
        <v>0</v>
      </c>
      <c r="EM37" s="104">
        <v>0</v>
      </c>
      <c r="EN37" s="102">
        <v>66120</v>
      </c>
      <c r="EO37" s="106">
        <v>6612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v>0</v>
      </c>
      <c r="FE37" s="104">
        <v>0</v>
      </c>
      <c r="FF37" s="104">
        <v>0</v>
      </c>
      <c r="FG37" s="104">
        <v>0</v>
      </c>
      <c r="FH37" s="104">
        <v>0</v>
      </c>
      <c r="FI37" s="104">
        <v>0</v>
      </c>
      <c r="FJ37" s="103">
        <v>0</v>
      </c>
      <c r="FK37" s="106">
        <v>0</v>
      </c>
      <c r="FL37" s="100">
        <v>0</v>
      </c>
      <c r="FM37" s="104">
        <v>12000</v>
      </c>
      <c r="FN37" s="103">
        <v>12000</v>
      </c>
      <c r="FO37" s="100">
        <v>0</v>
      </c>
      <c r="FP37" s="104">
        <v>39040</v>
      </c>
      <c r="FQ37" s="104">
        <v>109616</v>
      </c>
      <c r="FR37" s="104">
        <v>103216</v>
      </c>
      <c r="FS37" s="104">
        <v>156864</v>
      </c>
      <c r="FT37" s="104">
        <v>53280</v>
      </c>
      <c r="FU37" s="103">
        <v>462016</v>
      </c>
      <c r="FV37" s="106">
        <v>474016</v>
      </c>
      <c r="FW37" s="105">
        <v>0</v>
      </c>
      <c r="FX37" s="104">
        <v>12000</v>
      </c>
      <c r="FY37" s="102">
        <v>12000</v>
      </c>
      <c r="FZ37" s="101">
        <v>0</v>
      </c>
      <c r="GA37" s="104">
        <v>39040</v>
      </c>
      <c r="GB37" s="104">
        <v>109616</v>
      </c>
      <c r="GC37" s="104">
        <v>103216</v>
      </c>
      <c r="GD37" s="104">
        <v>21344</v>
      </c>
      <c r="GE37" s="104">
        <v>53280</v>
      </c>
      <c r="GF37" s="103">
        <v>326496</v>
      </c>
      <c r="GG37" s="296">
        <v>338496</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135520</v>
      </c>
      <c r="HA37" s="104">
        <v>0</v>
      </c>
      <c r="HB37" s="102">
        <v>135520</v>
      </c>
      <c r="HC37" s="106">
        <v>135520</v>
      </c>
      <c r="HD37" s="100">
        <v>0</v>
      </c>
      <c r="HE37" s="104">
        <v>0</v>
      </c>
      <c r="HF37" s="102">
        <v>0</v>
      </c>
      <c r="HG37" s="101">
        <v>0</v>
      </c>
      <c r="HH37" s="104">
        <v>0</v>
      </c>
      <c r="HI37" s="104">
        <v>629287</v>
      </c>
      <c r="HJ37" s="104">
        <v>184360</v>
      </c>
      <c r="HK37" s="104">
        <v>212970</v>
      </c>
      <c r="HL37" s="104">
        <v>438720</v>
      </c>
      <c r="HM37" s="103">
        <v>1465337</v>
      </c>
      <c r="HN37" s="99">
        <v>1465337</v>
      </c>
      <c r="HO37" s="306">
        <v>0</v>
      </c>
      <c r="HP37" s="307">
        <v>0</v>
      </c>
      <c r="HQ37" s="308">
        <v>0</v>
      </c>
      <c r="HR37" s="309">
        <v>0</v>
      </c>
      <c r="HS37" s="307">
        <v>0</v>
      </c>
      <c r="HT37" s="307">
        <v>0</v>
      </c>
      <c r="HU37" s="307">
        <v>0</v>
      </c>
      <c r="HV37" s="307">
        <v>0</v>
      </c>
      <c r="HW37" s="307">
        <v>0</v>
      </c>
      <c r="HX37" s="310">
        <v>0</v>
      </c>
      <c r="HY37" s="311">
        <v>0</v>
      </c>
      <c r="HZ37" s="118">
        <v>0</v>
      </c>
      <c r="IA37" s="119">
        <v>0</v>
      </c>
      <c r="IB37" s="120">
        <v>0</v>
      </c>
      <c r="IC37" s="133">
        <v>0</v>
      </c>
      <c r="ID37" s="119">
        <v>71848</v>
      </c>
      <c r="IE37" s="134">
        <v>91744</v>
      </c>
      <c r="IF37" s="120">
        <v>481528</v>
      </c>
      <c r="IG37" s="119">
        <v>0</v>
      </c>
      <c r="IH37" s="120">
        <v>52668</v>
      </c>
      <c r="II37" s="135">
        <v>697788</v>
      </c>
      <c r="IJ37" s="126">
        <v>697788</v>
      </c>
      <c r="IK37" s="219">
        <v>0</v>
      </c>
      <c r="IL37" s="223">
        <v>0</v>
      </c>
      <c r="IM37" s="224">
        <v>0</v>
      </c>
      <c r="IN37" s="127">
        <v>0</v>
      </c>
      <c r="IO37" s="109">
        <v>0</v>
      </c>
      <c r="IP37" s="109">
        <v>0</v>
      </c>
      <c r="IQ37" s="109">
        <v>0</v>
      </c>
      <c r="IR37" s="109">
        <v>0</v>
      </c>
      <c r="IS37" s="109">
        <v>0</v>
      </c>
      <c r="IT37" s="128">
        <v>0</v>
      </c>
      <c r="IU37" s="298">
        <v>0</v>
      </c>
      <c r="IV37" s="129">
        <v>0</v>
      </c>
      <c r="IW37" s="109">
        <v>0</v>
      </c>
      <c r="IX37" s="110">
        <v>0</v>
      </c>
      <c r="IY37" s="131">
        <v>0</v>
      </c>
      <c r="IZ37" s="109">
        <v>0</v>
      </c>
      <c r="JA37" s="109">
        <v>0</v>
      </c>
      <c r="JB37" s="109">
        <v>0</v>
      </c>
      <c r="JC37" s="109">
        <v>0</v>
      </c>
      <c r="JD37" s="109">
        <v>0</v>
      </c>
      <c r="JE37" s="110">
        <v>0</v>
      </c>
      <c r="JF37" s="111">
        <v>0</v>
      </c>
      <c r="JG37" s="129">
        <v>0</v>
      </c>
      <c r="JH37" s="109">
        <v>0</v>
      </c>
      <c r="JI37" s="128">
        <v>0</v>
      </c>
      <c r="JJ37" s="108">
        <v>0</v>
      </c>
      <c r="JK37" s="109">
        <v>71848</v>
      </c>
      <c r="JL37" s="109">
        <v>91744</v>
      </c>
      <c r="JM37" s="109">
        <v>54152</v>
      </c>
      <c r="JN37" s="109">
        <v>0</v>
      </c>
      <c r="JO37" s="109">
        <v>52668</v>
      </c>
      <c r="JP37" s="110">
        <v>270412</v>
      </c>
      <c r="JQ37" s="298">
        <v>270412</v>
      </c>
      <c r="JR37" s="129">
        <v>0</v>
      </c>
      <c r="JS37" s="109">
        <v>0</v>
      </c>
      <c r="JT37" s="128">
        <v>0</v>
      </c>
      <c r="JU37" s="108">
        <v>0</v>
      </c>
      <c r="JV37" s="109">
        <v>0</v>
      </c>
      <c r="JW37" s="109">
        <v>0</v>
      </c>
      <c r="JX37" s="109">
        <v>0</v>
      </c>
      <c r="JY37" s="109">
        <v>0</v>
      </c>
      <c r="JZ37" s="109">
        <v>0</v>
      </c>
      <c r="KA37" s="110">
        <v>0</v>
      </c>
      <c r="KB37" s="298">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v>0</v>
      </c>
      <c r="KR37" s="109">
        <v>0</v>
      </c>
      <c r="KS37" s="109">
        <v>0</v>
      </c>
      <c r="KT37" s="109">
        <v>231344</v>
      </c>
      <c r="KU37" s="109">
        <v>0</v>
      </c>
      <c r="KV37" s="109">
        <v>0</v>
      </c>
      <c r="KW37" s="110">
        <v>231344</v>
      </c>
      <c r="KX37" s="298">
        <v>231344</v>
      </c>
      <c r="KY37" s="129">
        <v>0</v>
      </c>
      <c r="KZ37" s="109">
        <v>0</v>
      </c>
      <c r="LA37" s="110">
        <v>0</v>
      </c>
      <c r="LB37" s="132">
        <v>0</v>
      </c>
      <c r="LC37" s="109">
        <v>0</v>
      </c>
      <c r="LD37" s="109">
        <v>0</v>
      </c>
      <c r="LE37" s="109">
        <v>0</v>
      </c>
      <c r="LF37" s="109">
        <v>0</v>
      </c>
      <c r="LG37" s="109">
        <v>0</v>
      </c>
      <c r="LH37" s="110">
        <v>0</v>
      </c>
      <c r="LI37" s="111">
        <v>0</v>
      </c>
      <c r="LJ37" s="129">
        <v>0</v>
      </c>
      <c r="LK37" s="109">
        <v>0</v>
      </c>
      <c r="LL37" s="110">
        <v>0</v>
      </c>
      <c r="LM37" s="132">
        <v>0</v>
      </c>
      <c r="LN37" s="109">
        <v>0</v>
      </c>
      <c r="LO37" s="109">
        <v>0</v>
      </c>
      <c r="LP37" s="109">
        <v>196032</v>
      </c>
      <c r="LQ37" s="109">
        <v>0</v>
      </c>
      <c r="LR37" s="109">
        <v>0</v>
      </c>
      <c r="LS37" s="110">
        <v>196032</v>
      </c>
      <c r="LT37" s="298">
        <v>196032</v>
      </c>
      <c r="LU37" s="129">
        <v>0</v>
      </c>
      <c r="LV37" s="109">
        <v>0</v>
      </c>
      <c r="LW37" s="110">
        <v>0</v>
      </c>
      <c r="LX37" s="132">
        <v>0</v>
      </c>
      <c r="LY37" s="109">
        <v>0</v>
      </c>
      <c r="LZ37" s="109">
        <v>0</v>
      </c>
      <c r="MA37" s="109">
        <v>0</v>
      </c>
      <c r="MB37" s="109">
        <v>0</v>
      </c>
      <c r="MC37" s="109">
        <v>0</v>
      </c>
      <c r="MD37" s="110">
        <v>0</v>
      </c>
      <c r="ME37" s="111">
        <v>0</v>
      </c>
      <c r="MF37" s="129">
        <v>0</v>
      </c>
      <c r="MG37" s="109">
        <v>0</v>
      </c>
      <c r="MH37" s="110">
        <v>0</v>
      </c>
      <c r="MI37" s="132">
        <v>0</v>
      </c>
      <c r="MJ37" s="109">
        <v>0</v>
      </c>
      <c r="MK37" s="109">
        <v>0</v>
      </c>
      <c r="ML37" s="109">
        <v>210752</v>
      </c>
      <c r="MM37" s="109">
        <v>1340371</v>
      </c>
      <c r="MN37" s="109">
        <v>0</v>
      </c>
      <c r="MO37" s="110">
        <v>1551123</v>
      </c>
      <c r="MP37" s="130">
        <v>1551123</v>
      </c>
      <c r="MQ37" s="129">
        <v>0</v>
      </c>
      <c r="MR37" s="109">
        <v>0</v>
      </c>
      <c r="MS37" s="110">
        <v>0</v>
      </c>
      <c r="MT37" s="132">
        <v>0</v>
      </c>
      <c r="MU37" s="109">
        <v>0</v>
      </c>
      <c r="MV37" s="109">
        <v>0</v>
      </c>
      <c r="MW37" s="109">
        <v>210752</v>
      </c>
      <c r="MX37" s="109">
        <v>767404</v>
      </c>
      <c r="MY37" s="109">
        <v>0</v>
      </c>
      <c r="MZ37" s="110">
        <v>978156</v>
      </c>
      <c r="NA37" s="130">
        <v>978156</v>
      </c>
      <c r="NB37" s="129">
        <v>0</v>
      </c>
      <c r="NC37" s="109">
        <v>0</v>
      </c>
      <c r="ND37" s="110">
        <v>0</v>
      </c>
      <c r="NE37" s="132">
        <v>0</v>
      </c>
      <c r="NF37" s="109">
        <v>0</v>
      </c>
      <c r="NG37" s="109">
        <v>0</v>
      </c>
      <c r="NH37" s="109">
        <v>0</v>
      </c>
      <c r="NI37" s="109">
        <v>572967</v>
      </c>
      <c r="NJ37" s="109">
        <v>0</v>
      </c>
      <c r="NK37" s="110">
        <v>572967</v>
      </c>
      <c r="NL37" s="298">
        <v>572967</v>
      </c>
      <c r="NM37" s="129">
        <v>0</v>
      </c>
      <c r="NN37" s="109">
        <v>0</v>
      </c>
      <c r="NO37" s="110">
        <v>0</v>
      </c>
      <c r="NP37" s="132">
        <v>0</v>
      </c>
      <c r="NQ37" s="109">
        <v>0</v>
      </c>
      <c r="NR37" s="109">
        <v>0</v>
      </c>
      <c r="NS37" s="109">
        <v>0</v>
      </c>
      <c r="NT37" s="109">
        <v>0</v>
      </c>
      <c r="NU37" s="109">
        <v>0</v>
      </c>
      <c r="NV37" s="110">
        <v>0</v>
      </c>
      <c r="NW37" s="111">
        <v>0</v>
      </c>
      <c r="NX37" s="129">
        <v>0</v>
      </c>
      <c r="NY37" s="109">
        <v>0</v>
      </c>
      <c r="NZ37" s="110">
        <v>0</v>
      </c>
      <c r="OA37" s="132">
        <v>0</v>
      </c>
      <c r="OB37" s="109">
        <v>0</v>
      </c>
      <c r="OC37" s="109">
        <v>0</v>
      </c>
      <c r="OD37" s="109">
        <v>0</v>
      </c>
      <c r="OE37" s="109">
        <v>0</v>
      </c>
      <c r="OF37" s="109">
        <v>0</v>
      </c>
      <c r="OG37" s="110">
        <v>0</v>
      </c>
      <c r="OH37" s="111">
        <v>0</v>
      </c>
      <c r="OI37" s="129">
        <v>0</v>
      </c>
      <c r="OJ37" s="109">
        <v>23888</v>
      </c>
      <c r="OK37" s="128">
        <v>23888</v>
      </c>
      <c r="OL37" s="108">
        <v>0</v>
      </c>
      <c r="OM37" s="109">
        <v>380898</v>
      </c>
      <c r="ON37" s="109">
        <v>1469798</v>
      </c>
      <c r="OO37" s="109">
        <v>1295469</v>
      </c>
      <c r="OP37" s="109">
        <v>1973365</v>
      </c>
      <c r="OQ37" s="109">
        <v>1033777</v>
      </c>
      <c r="OR37" s="110">
        <v>6153307</v>
      </c>
      <c r="OS37" s="130">
        <v>6177195</v>
      </c>
    </row>
    <row r="38" spans="2:409" ht="21" customHeight="1" x14ac:dyDescent="0.2">
      <c r="B38" s="472" t="s">
        <v>33</v>
      </c>
      <c r="C38" s="100">
        <v>64980</v>
      </c>
      <c r="D38" s="104">
        <v>23528</v>
      </c>
      <c r="E38" s="103">
        <v>88508</v>
      </c>
      <c r="F38" s="99">
        <v>0</v>
      </c>
      <c r="G38" s="104">
        <v>172093</v>
      </c>
      <c r="H38" s="104">
        <v>351641</v>
      </c>
      <c r="I38" s="104">
        <v>172874</v>
      </c>
      <c r="J38" s="104">
        <v>231285</v>
      </c>
      <c r="K38" s="104">
        <v>0</v>
      </c>
      <c r="L38" s="160">
        <v>927893</v>
      </c>
      <c r="M38" s="106">
        <v>1016401</v>
      </c>
      <c r="N38" s="100">
        <v>62580</v>
      </c>
      <c r="O38" s="104">
        <v>23528</v>
      </c>
      <c r="P38" s="103">
        <v>86108</v>
      </c>
      <c r="Q38" s="100">
        <v>0</v>
      </c>
      <c r="R38" s="104">
        <v>80826</v>
      </c>
      <c r="S38" s="104">
        <v>82808</v>
      </c>
      <c r="T38" s="104">
        <v>153194</v>
      </c>
      <c r="U38" s="104">
        <v>12664</v>
      </c>
      <c r="V38" s="104">
        <v>0</v>
      </c>
      <c r="W38" s="103">
        <v>329492</v>
      </c>
      <c r="X38" s="106">
        <v>415600</v>
      </c>
      <c r="Y38" s="100">
        <v>0</v>
      </c>
      <c r="Z38" s="104">
        <v>0</v>
      </c>
      <c r="AA38" s="103">
        <v>0</v>
      </c>
      <c r="AB38" s="100">
        <v>0</v>
      </c>
      <c r="AC38" s="104">
        <v>10111</v>
      </c>
      <c r="AD38" s="104">
        <v>47820</v>
      </c>
      <c r="AE38" s="104">
        <v>41337</v>
      </c>
      <c r="AF38" s="104">
        <v>0</v>
      </c>
      <c r="AG38" s="104">
        <v>0</v>
      </c>
      <c r="AH38" s="103">
        <v>99268</v>
      </c>
      <c r="AI38" s="106">
        <v>99268</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27117</v>
      </c>
      <c r="AZ38" s="104">
        <v>25388</v>
      </c>
      <c r="BA38" s="104">
        <v>26749</v>
      </c>
      <c r="BB38" s="104">
        <v>0</v>
      </c>
      <c r="BC38" s="104">
        <v>0</v>
      </c>
      <c r="BD38" s="103">
        <v>79254</v>
      </c>
      <c r="BE38" s="106">
        <v>79254</v>
      </c>
      <c r="BF38" s="100">
        <v>62580</v>
      </c>
      <c r="BG38" s="104">
        <v>23528</v>
      </c>
      <c r="BH38" s="102">
        <v>86108</v>
      </c>
      <c r="BI38" s="101">
        <v>0</v>
      </c>
      <c r="BJ38" s="104">
        <v>30558</v>
      </c>
      <c r="BK38" s="104">
        <v>0</v>
      </c>
      <c r="BL38" s="104">
        <v>76396</v>
      </c>
      <c r="BM38" s="104">
        <v>0</v>
      </c>
      <c r="BN38" s="104">
        <v>0</v>
      </c>
      <c r="BO38" s="103">
        <v>106954</v>
      </c>
      <c r="BP38" s="106">
        <v>193062</v>
      </c>
      <c r="BQ38" s="100">
        <v>0</v>
      </c>
      <c r="BR38" s="104">
        <v>0</v>
      </c>
      <c r="BS38" s="103">
        <v>0</v>
      </c>
      <c r="BT38" s="100">
        <v>0</v>
      </c>
      <c r="BU38" s="104">
        <v>13040</v>
      </c>
      <c r="BV38" s="104">
        <v>9600</v>
      </c>
      <c r="BW38" s="104">
        <v>8712</v>
      </c>
      <c r="BX38" s="104">
        <v>12664</v>
      </c>
      <c r="BY38" s="104">
        <v>0</v>
      </c>
      <c r="BZ38" s="103">
        <v>44016</v>
      </c>
      <c r="CA38" s="106">
        <v>44016</v>
      </c>
      <c r="CB38" s="100">
        <v>0</v>
      </c>
      <c r="CC38" s="104">
        <v>0</v>
      </c>
      <c r="CD38" s="103">
        <v>0</v>
      </c>
      <c r="CE38" s="100">
        <v>0</v>
      </c>
      <c r="CF38" s="104">
        <v>64467</v>
      </c>
      <c r="CG38" s="104">
        <v>69156</v>
      </c>
      <c r="CH38" s="104">
        <v>0</v>
      </c>
      <c r="CI38" s="104">
        <v>0</v>
      </c>
      <c r="CJ38" s="104">
        <v>0</v>
      </c>
      <c r="CK38" s="103">
        <v>133623</v>
      </c>
      <c r="CL38" s="106">
        <v>133623</v>
      </c>
      <c r="CM38" s="100">
        <v>0</v>
      </c>
      <c r="CN38" s="104">
        <v>0</v>
      </c>
      <c r="CO38" s="103">
        <v>0</v>
      </c>
      <c r="CP38" s="101">
        <v>0</v>
      </c>
      <c r="CQ38" s="104">
        <v>25414</v>
      </c>
      <c r="CR38" s="104">
        <v>0</v>
      </c>
      <c r="CS38" s="104">
        <v>0</v>
      </c>
      <c r="CT38" s="104">
        <v>0</v>
      </c>
      <c r="CU38" s="104">
        <v>0</v>
      </c>
      <c r="CV38" s="103">
        <v>25414</v>
      </c>
      <c r="CW38" s="106">
        <v>25414</v>
      </c>
      <c r="CX38" s="100">
        <v>0</v>
      </c>
      <c r="CY38" s="104">
        <v>0</v>
      </c>
      <c r="CZ38" s="103">
        <v>0</v>
      </c>
      <c r="DA38" s="100">
        <v>0</v>
      </c>
      <c r="DB38" s="104">
        <v>39053</v>
      </c>
      <c r="DC38" s="104">
        <v>69156</v>
      </c>
      <c r="DD38" s="104">
        <v>0</v>
      </c>
      <c r="DE38" s="104">
        <v>0</v>
      </c>
      <c r="DF38" s="104">
        <v>0</v>
      </c>
      <c r="DG38" s="103">
        <v>108209</v>
      </c>
      <c r="DH38" s="106">
        <v>108209</v>
      </c>
      <c r="DI38" s="100">
        <v>0</v>
      </c>
      <c r="DJ38" s="104">
        <v>0</v>
      </c>
      <c r="DK38" s="102">
        <v>0</v>
      </c>
      <c r="DL38" s="101">
        <v>0</v>
      </c>
      <c r="DM38" s="104">
        <v>0</v>
      </c>
      <c r="DN38" s="104">
        <v>0</v>
      </c>
      <c r="DO38" s="104">
        <v>0</v>
      </c>
      <c r="DP38" s="104">
        <v>0</v>
      </c>
      <c r="DQ38" s="104">
        <v>0</v>
      </c>
      <c r="DR38" s="103">
        <v>0</v>
      </c>
      <c r="DS38" s="106">
        <v>0</v>
      </c>
      <c r="DT38" s="100">
        <v>0</v>
      </c>
      <c r="DU38" s="104">
        <v>0</v>
      </c>
      <c r="DV38" s="103">
        <v>0</v>
      </c>
      <c r="DW38" s="100">
        <v>0</v>
      </c>
      <c r="DX38" s="104">
        <v>0</v>
      </c>
      <c r="DY38" s="104">
        <v>0</v>
      </c>
      <c r="DZ38" s="104">
        <v>0</v>
      </c>
      <c r="EA38" s="104">
        <v>0</v>
      </c>
      <c r="EB38" s="104">
        <v>0</v>
      </c>
      <c r="EC38" s="103">
        <v>0</v>
      </c>
      <c r="ED38" s="106">
        <v>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v>0</v>
      </c>
      <c r="FE38" s="104">
        <v>0</v>
      </c>
      <c r="FF38" s="104">
        <v>0</v>
      </c>
      <c r="FG38" s="104">
        <v>0</v>
      </c>
      <c r="FH38" s="104">
        <v>0</v>
      </c>
      <c r="FI38" s="104">
        <v>0</v>
      </c>
      <c r="FJ38" s="103">
        <v>0</v>
      </c>
      <c r="FK38" s="106">
        <v>0</v>
      </c>
      <c r="FL38" s="100">
        <v>2400</v>
      </c>
      <c r="FM38" s="104">
        <v>0</v>
      </c>
      <c r="FN38" s="103">
        <v>2400</v>
      </c>
      <c r="FO38" s="100">
        <v>0</v>
      </c>
      <c r="FP38" s="104">
        <v>26800</v>
      </c>
      <c r="FQ38" s="104">
        <v>25840</v>
      </c>
      <c r="FR38" s="104">
        <v>19680</v>
      </c>
      <c r="FS38" s="104">
        <v>0</v>
      </c>
      <c r="FT38" s="104">
        <v>0</v>
      </c>
      <c r="FU38" s="103">
        <v>72320</v>
      </c>
      <c r="FV38" s="106">
        <v>74720</v>
      </c>
      <c r="FW38" s="105">
        <v>2400</v>
      </c>
      <c r="FX38" s="104">
        <v>0</v>
      </c>
      <c r="FY38" s="102">
        <v>2400</v>
      </c>
      <c r="FZ38" s="101">
        <v>0</v>
      </c>
      <c r="GA38" s="104">
        <v>26800</v>
      </c>
      <c r="GB38" s="104">
        <v>25840</v>
      </c>
      <c r="GC38" s="104">
        <v>19680</v>
      </c>
      <c r="GD38" s="104">
        <v>0</v>
      </c>
      <c r="GE38" s="104">
        <v>0</v>
      </c>
      <c r="GF38" s="103">
        <v>72320</v>
      </c>
      <c r="GG38" s="296">
        <v>7472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73837</v>
      </c>
      <c r="HJ38" s="104">
        <v>0</v>
      </c>
      <c r="HK38" s="104">
        <v>218621</v>
      </c>
      <c r="HL38" s="104">
        <v>0</v>
      </c>
      <c r="HM38" s="103">
        <v>392458</v>
      </c>
      <c r="HN38" s="99">
        <v>392458</v>
      </c>
      <c r="HO38" s="306">
        <v>0</v>
      </c>
      <c r="HP38" s="307">
        <v>0</v>
      </c>
      <c r="HQ38" s="308">
        <v>0</v>
      </c>
      <c r="HR38" s="309">
        <v>0</v>
      </c>
      <c r="HS38" s="307">
        <v>0</v>
      </c>
      <c r="HT38" s="307">
        <v>0</v>
      </c>
      <c r="HU38" s="307">
        <v>0</v>
      </c>
      <c r="HV38" s="307">
        <v>0</v>
      </c>
      <c r="HW38" s="307">
        <v>0</v>
      </c>
      <c r="HX38" s="310">
        <v>0</v>
      </c>
      <c r="HY38" s="311">
        <v>0</v>
      </c>
      <c r="HZ38" s="137">
        <v>0</v>
      </c>
      <c r="IA38" s="122">
        <v>0</v>
      </c>
      <c r="IB38" s="137">
        <v>0</v>
      </c>
      <c r="IC38" s="133">
        <v>0</v>
      </c>
      <c r="ID38" s="119">
        <v>194159</v>
      </c>
      <c r="IE38" s="134">
        <v>0</v>
      </c>
      <c r="IF38" s="120">
        <v>231973</v>
      </c>
      <c r="IG38" s="119">
        <v>0</v>
      </c>
      <c r="IH38" s="120">
        <v>0</v>
      </c>
      <c r="II38" s="135">
        <v>426132</v>
      </c>
      <c r="IJ38" s="137">
        <v>426132</v>
      </c>
      <c r="IK38" s="219">
        <v>0</v>
      </c>
      <c r="IL38" s="223">
        <v>0</v>
      </c>
      <c r="IM38" s="224">
        <v>0</v>
      </c>
      <c r="IN38" s="127">
        <v>0</v>
      </c>
      <c r="IO38" s="109">
        <v>0</v>
      </c>
      <c r="IP38" s="109">
        <v>0</v>
      </c>
      <c r="IQ38" s="109">
        <v>0</v>
      </c>
      <c r="IR38" s="109">
        <v>0</v>
      </c>
      <c r="IS38" s="109">
        <v>0</v>
      </c>
      <c r="IT38" s="128">
        <v>0</v>
      </c>
      <c r="IU38" s="298">
        <v>0</v>
      </c>
      <c r="IV38" s="129">
        <v>0</v>
      </c>
      <c r="IW38" s="109">
        <v>0</v>
      </c>
      <c r="IX38" s="110">
        <v>0</v>
      </c>
      <c r="IY38" s="131">
        <v>0</v>
      </c>
      <c r="IZ38" s="109">
        <v>0</v>
      </c>
      <c r="JA38" s="109">
        <v>0</v>
      </c>
      <c r="JB38" s="109">
        <v>0</v>
      </c>
      <c r="JC38" s="109">
        <v>0</v>
      </c>
      <c r="JD38" s="109">
        <v>0</v>
      </c>
      <c r="JE38" s="110">
        <v>0</v>
      </c>
      <c r="JF38" s="111">
        <v>0</v>
      </c>
      <c r="JG38" s="129">
        <v>0</v>
      </c>
      <c r="JH38" s="109">
        <v>0</v>
      </c>
      <c r="JI38" s="128">
        <v>0</v>
      </c>
      <c r="JJ38" s="108">
        <v>0</v>
      </c>
      <c r="JK38" s="109">
        <v>51348</v>
      </c>
      <c r="JL38" s="109">
        <v>0</v>
      </c>
      <c r="JM38" s="109">
        <v>0</v>
      </c>
      <c r="JN38" s="109">
        <v>0</v>
      </c>
      <c r="JO38" s="109">
        <v>0</v>
      </c>
      <c r="JP38" s="110">
        <v>51348</v>
      </c>
      <c r="JQ38" s="298">
        <v>51348</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v>0</v>
      </c>
      <c r="KR38" s="109">
        <v>0</v>
      </c>
      <c r="KS38" s="109">
        <v>0</v>
      </c>
      <c r="KT38" s="109">
        <v>0</v>
      </c>
      <c r="KU38" s="109">
        <v>0</v>
      </c>
      <c r="KV38" s="109">
        <v>0</v>
      </c>
      <c r="KW38" s="110">
        <v>0</v>
      </c>
      <c r="KX38" s="298">
        <v>0</v>
      </c>
      <c r="KY38" s="129">
        <v>0</v>
      </c>
      <c r="KZ38" s="109">
        <v>0</v>
      </c>
      <c r="LA38" s="110">
        <v>0</v>
      </c>
      <c r="LB38" s="132">
        <v>0</v>
      </c>
      <c r="LC38" s="109">
        <v>0</v>
      </c>
      <c r="LD38" s="109">
        <v>0</v>
      </c>
      <c r="LE38" s="109">
        <v>0</v>
      </c>
      <c r="LF38" s="109">
        <v>0</v>
      </c>
      <c r="LG38" s="109">
        <v>0</v>
      </c>
      <c r="LH38" s="110">
        <v>0</v>
      </c>
      <c r="LI38" s="111">
        <v>0</v>
      </c>
      <c r="LJ38" s="129">
        <v>0</v>
      </c>
      <c r="LK38" s="109">
        <v>0</v>
      </c>
      <c r="LL38" s="110">
        <v>0</v>
      </c>
      <c r="LM38" s="132">
        <v>0</v>
      </c>
      <c r="LN38" s="109">
        <v>0</v>
      </c>
      <c r="LO38" s="109">
        <v>0</v>
      </c>
      <c r="LP38" s="109">
        <v>0</v>
      </c>
      <c r="LQ38" s="109">
        <v>0</v>
      </c>
      <c r="LR38" s="109">
        <v>0</v>
      </c>
      <c r="LS38" s="110">
        <v>0</v>
      </c>
      <c r="LT38" s="298">
        <v>0</v>
      </c>
      <c r="LU38" s="129">
        <v>0</v>
      </c>
      <c r="LV38" s="109">
        <v>0</v>
      </c>
      <c r="LW38" s="110">
        <v>0</v>
      </c>
      <c r="LX38" s="132">
        <v>0</v>
      </c>
      <c r="LY38" s="109">
        <v>142811</v>
      </c>
      <c r="LZ38" s="109">
        <v>0</v>
      </c>
      <c r="MA38" s="109">
        <v>231973</v>
      </c>
      <c r="MB38" s="109">
        <v>0</v>
      </c>
      <c r="MC38" s="109">
        <v>0</v>
      </c>
      <c r="MD38" s="110">
        <v>374784</v>
      </c>
      <c r="ME38" s="111">
        <v>374784</v>
      </c>
      <c r="MF38" s="129">
        <v>0</v>
      </c>
      <c r="MG38" s="109">
        <v>0</v>
      </c>
      <c r="MH38" s="110">
        <v>0</v>
      </c>
      <c r="MI38" s="132">
        <v>0</v>
      </c>
      <c r="MJ38" s="109">
        <v>0</v>
      </c>
      <c r="MK38" s="109">
        <v>227768</v>
      </c>
      <c r="ML38" s="109">
        <v>0</v>
      </c>
      <c r="MM38" s="109">
        <v>0</v>
      </c>
      <c r="MN38" s="109">
        <v>357296</v>
      </c>
      <c r="MO38" s="110">
        <v>585064</v>
      </c>
      <c r="MP38" s="130">
        <v>585064</v>
      </c>
      <c r="MQ38" s="129">
        <v>0</v>
      </c>
      <c r="MR38" s="109">
        <v>0</v>
      </c>
      <c r="MS38" s="110">
        <v>0</v>
      </c>
      <c r="MT38" s="132">
        <v>0</v>
      </c>
      <c r="MU38" s="109">
        <v>0</v>
      </c>
      <c r="MV38" s="109">
        <v>0</v>
      </c>
      <c r="MW38" s="109">
        <v>0</v>
      </c>
      <c r="MX38" s="109">
        <v>0</v>
      </c>
      <c r="MY38" s="109">
        <v>0</v>
      </c>
      <c r="MZ38" s="110">
        <v>0</v>
      </c>
      <c r="NA38" s="130">
        <v>0</v>
      </c>
      <c r="NB38" s="129">
        <v>0</v>
      </c>
      <c r="NC38" s="109">
        <v>0</v>
      </c>
      <c r="ND38" s="110">
        <v>0</v>
      </c>
      <c r="NE38" s="132">
        <v>0</v>
      </c>
      <c r="NF38" s="109">
        <v>0</v>
      </c>
      <c r="NG38" s="109">
        <v>0</v>
      </c>
      <c r="NH38" s="109">
        <v>0</v>
      </c>
      <c r="NI38" s="109">
        <v>0</v>
      </c>
      <c r="NJ38" s="109">
        <v>0</v>
      </c>
      <c r="NK38" s="110">
        <v>0</v>
      </c>
      <c r="NL38" s="298">
        <v>0</v>
      </c>
      <c r="NM38" s="129">
        <v>0</v>
      </c>
      <c r="NN38" s="109">
        <v>0</v>
      </c>
      <c r="NO38" s="110">
        <v>0</v>
      </c>
      <c r="NP38" s="132">
        <v>0</v>
      </c>
      <c r="NQ38" s="109">
        <v>0</v>
      </c>
      <c r="NR38" s="109">
        <v>0</v>
      </c>
      <c r="NS38" s="109">
        <v>0</v>
      </c>
      <c r="NT38" s="109">
        <v>0</v>
      </c>
      <c r="NU38" s="109">
        <v>0</v>
      </c>
      <c r="NV38" s="110">
        <v>0</v>
      </c>
      <c r="NW38" s="111">
        <v>0</v>
      </c>
      <c r="NX38" s="129">
        <v>0</v>
      </c>
      <c r="NY38" s="109">
        <v>0</v>
      </c>
      <c r="NZ38" s="110">
        <v>0</v>
      </c>
      <c r="OA38" s="132">
        <v>0</v>
      </c>
      <c r="OB38" s="109">
        <v>0</v>
      </c>
      <c r="OC38" s="109">
        <v>227768</v>
      </c>
      <c r="OD38" s="109">
        <v>0</v>
      </c>
      <c r="OE38" s="109">
        <v>0</v>
      </c>
      <c r="OF38" s="109">
        <v>357296</v>
      </c>
      <c r="OG38" s="110">
        <v>585064</v>
      </c>
      <c r="OH38" s="111">
        <v>585064</v>
      </c>
      <c r="OI38" s="129">
        <v>64980</v>
      </c>
      <c r="OJ38" s="109">
        <v>23528</v>
      </c>
      <c r="OK38" s="128">
        <v>88508</v>
      </c>
      <c r="OL38" s="108">
        <v>0</v>
      </c>
      <c r="OM38" s="109">
        <v>366252</v>
      </c>
      <c r="ON38" s="109">
        <v>579409</v>
      </c>
      <c r="OO38" s="109">
        <v>404847</v>
      </c>
      <c r="OP38" s="109">
        <v>231285</v>
      </c>
      <c r="OQ38" s="109">
        <v>357296</v>
      </c>
      <c r="OR38" s="110">
        <v>1939089</v>
      </c>
      <c r="OS38" s="130">
        <v>2027597</v>
      </c>
    </row>
    <row r="39" spans="2:409" ht="21" customHeight="1" x14ac:dyDescent="0.2">
      <c r="B39" s="472" t="s">
        <v>34</v>
      </c>
      <c r="C39" s="100">
        <v>0</v>
      </c>
      <c r="D39" s="104">
        <v>19520</v>
      </c>
      <c r="E39" s="161">
        <v>19520</v>
      </c>
      <c r="F39" s="162">
        <v>0</v>
      </c>
      <c r="G39" s="163">
        <v>9120</v>
      </c>
      <c r="H39" s="163">
        <v>390192</v>
      </c>
      <c r="I39" s="163">
        <v>0</v>
      </c>
      <c r="J39" s="163">
        <v>39792</v>
      </c>
      <c r="K39" s="163">
        <v>491592</v>
      </c>
      <c r="L39" s="164">
        <v>930696</v>
      </c>
      <c r="M39" s="106">
        <v>950216</v>
      </c>
      <c r="N39" s="100">
        <v>0</v>
      </c>
      <c r="O39" s="104">
        <v>0</v>
      </c>
      <c r="P39" s="103">
        <v>0</v>
      </c>
      <c r="Q39" s="100">
        <v>0</v>
      </c>
      <c r="R39" s="104">
        <v>7520</v>
      </c>
      <c r="S39" s="104">
        <v>145472</v>
      </c>
      <c r="T39" s="104">
        <v>0</v>
      </c>
      <c r="U39" s="104">
        <v>0</v>
      </c>
      <c r="V39" s="104">
        <v>31920</v>
      </c>
      <c r="W39" s="103">
        <v>184912</v>
      </c>
      <c r="X39" s="106">
        <v>184912</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7520</v>
      </c>
      <c r="AZ39" s="104">
        <v>22488</v>
      </c>
      <c r="BA39" s="104">
        <v>0</v>
      </c>
      <c r="BB39" s="104">
        <v>0</v>
      </c>
      <c r="BC39" s="104">
        <v>0</v>
      </c>
      <c r="BD39" s="103">
        <v>30008</v>
      </c>
      <c r="BE39" s="106">
        <v>30008</v>
      </c>
      <c r="BF39" s="100">
        <v>0</v>
      </c>
      <c r="BG39" s="104">
        <v>0</v>
      </c>
      <c r="BH39" s="102">
        <v>0</v>
      </c>
      <c r="BI39" s="101">
        <v>0</v>
      </c>
      <c r="BJ39" s="104">
        <v>0</v>
      </c>
      <c r="BK39" s="104">
        <v>105544</v>
      </c>
      <c r="BL39" s="104">
        <v>0</v>
      </c>
      <c r="BM39" s="104">
        <v>0</v>
      </c>
      <c r="BN39" s="104">
        <v>0</v>
      </c>
      <c r="BO39" s="103">
        <v>105544</v>
      </c>
      <c r="BP39" s="106">
        <v>105544</v>
      </c>
      <c r="BQ39" s="100">
        <v>0</v>
      </c>
      <c r="BR39" s="104">
        <v>0</v>
      </c>
      <c r="BS39" s="103">
        <v>0</v>
      </c>
      <c r="BT39" s="100">
        <v>0</v>
      </c>
      <c r="BU39" s="104">
        <v>0</v>
      </c>
      <c r="BV39" s="104">
        <v>17440</v>
      </c>
      <c r="BW39" s="104">
        <v>0</v>
      </c>
      <c r="BX39" s="104">
        <v>0</v>
      </c>
      <c r="BY39" s="104">
        <v>31920</v>
      </c>
      <c r="BZ39" s="103">
        <v>49360</v>
      </c>
      <c r="CA39" s="106">
        <v>49360</v>
      </c>
      <c r="CB39" s="100">
        <v>0</v>
      </c>
      <c r="CC39" s="104">
        <v>0</v>
      </c>
      <c r="CD39" s="103">
        <v>0</v>
      </c>
      <c r="CE39" s="100">
        <v>0</v>
      </c>
      <c r="CF39" s="104">
        <v>0</v>
      </c>
      <c r="CG39" s="104">
        <v>27048</v>
      </c>
      <c r="CH39" s="104">
        <v>0</v>
      </c>
      <c r="CI39" s="104">
        <v>35392</v>
      </c>
      <c r="CJ39" s="104">
        <v>0</v>
      </c>
      <c r="CK39" s="103">
        <v>62440</v>
      </c>
      <c r="CL39" s="106">
        <v>62440</v>
      </c>
      <c r="CM39" s="100">
        <v>0</v>
      </c>
      <c r="CN39" s="104">
        <v>0</v>
      </c>
      <c r="CO39" s="103">
        <v>0</v>
      </c>
      <c r="CP39" s="101">
        <v>0</v>
      </c>
      <c r="CQ39" s="104">
        <v>0</v>
      </c>
      <c r="CR39" s="104">
        <v>27048</v>
      </c>
      <c r="CS39" s="104">
        <v>0</v>
      </c>
      <c r="CT39" s="104">
        <v>35392</v>
      </c>
      <c r="CU39" s="104">
        <v>0</v>
      </c>
      <c r="CV39" s="103">
        <v>62440</v>
      </c>
      <c r="CW39" s="106">
        <v>62440</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v>0</v>
      </c>
      <c r="FE39" s="104">
        <v>0</v>
      </c>
      <c r="FF39" s="104">
        <v>0</v>
      </c>
      <c r="FG39" s="104">
        <v>0</v>
      </c>
      <c r="FH39" s="104">
        <v>0</v>
      </c>
      <c r="FI39" s="104">
        <v>0</v>
      </c>
      <c r="FJ39" s="103">
        <v>0</v>
      </c>
      <c r="FK39" s="106">
        <v>0</v>
      </c>
      <c r="FL39" s="100">
        <v>0</v>
      </c>
      <c r="FM39" s="104">
        <v>19520</v>
      </c>
      <c r="FN39" s="103">
        <v>19520</v>
      </c>
      <c r="FO39" s="100">
        <v>0</v>
      </c>
      <c r="FP39" s="104">
        <v>1600</v>
      </c>
      <c r="FQ39" s="104">
        <v>55840</v>
      </c>
      <c r="FR39" s="104">
        <v>0</v>
      </c>
      <c r="FS39" s="104">
        <v>4400</v>
      </c>
      <c r="FT39" s="104">
        <v>0</v>
      </c>
      <c r="FU39" s="103">
        <v>61840</v>
      </c>
      <c r="FV39" s="106">
        <v>81360</v>
      </c>
      <c r="FW39" s="105">
        <v>0</v>
      </c>
      <c r="FX39" s="104">
        <v>19520</v>
      </c>
      <c r="FY39" s="102">
        <v>19520</v>
      </c>
      <c r="FZ39" s="101">
        <v>0</v>
      </c>
      <c r="GA39" s="104">
        <v>1600</v>
      </c>
      <c r="GB39" s="104">
        <v>55840</v>
      </c>
      <c r="GC39" s="104">
        <v>0</v>
      </c>
      <c r="GD39" s="104">
        <v>4400</v>
      </c>
      <c r="GE39" s="104">
        <v>0</v>
      </c>
      <c r="GF39" s="103">
        <v>61840</v>
      </c>
      <c r="GG39" s="296">
        <v>8136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161832</v>
      </c>
      <c r="HJ39" s="104">
        <v>0</v>
      </c>
      <c r="HK39" s="104">
        <v>0</v>
      </c>
      <c r="HL39" s="104">
        <v>459672</v>
      </c>
      <c r="HM39" s="103">
        <v>621504</v>
      </c>
      <c r="HN39" s="99">
        <v>621504</v>
      </c>
      <c r="HO39" s="306">
        <v>0</v>
      </c>
      <c r="HP39" s="307">
        <v>0</v>
      </c>
      <c r="HQ39" s="308">
        <v>0</v>
      </c>
      <c r="HR39" s="309">
        <v>0</v>
      </c>
      <c r="HS39" s="307">
        <v>0</v>
      </c>
      <c r="HT39" s="307">
        <v>0</v>
      </c>
      <c r="HU39" s="307">
        <v>0</v>
      </c>
      <c r="HV39" s="307">
        <v>0</v>
      </c>
      <c r="HW39" s="307">
        <v>0</v>
      </c>
      <c r="HX39" s="310">
        <v>0</v>
      </c>
      <c r="HY39" s="311">
        <v>0</v>
      </c>
      <c r="HZ39" s="118">
        <v>0</v>
      </c>
      <c r="IA39" s="119">
        <v>0</v>
      </c>
      <c r="IB39" s="120">
        <v>0</v>
      </c>
      <c r="IC39" s="133">
        <v>0</v>
      </c>
      <c r="ID39" s="119">
        <v>83288</v>
      </c>
      <c r="IE39" s="134">
        <v>260472</v>
      </c>
      <c r="IF39" s="120">
        <v>219712</v>
      </c>
      <c r="IG39" s="119">
        <v>0</v>
      </c>
      <c r="IH39" s="120">
        <v>0</v>
      </c>
      <c r="II39" s="135">
        <v>563472</v>
      </c>
      <c r="IJ39" s="126">
        <v>563472</v>
      </c>
      <c r="IK39" s="219">
        <v>0</v>
      </c>
      <c r="IL39" s="223">
        <v>0</v>
      </c>
      <c r="IM39" s="224">
        <v>0</v>
      </c>
      <c r="IN39" s="127">
        <v>0</v>
      </c>
      <c r="IO39" s="109">
        <v>0</v>
      </c>
      <c r="IP39" s="109">
        <v>0</v>
      </c>
      <c r="IQ39" s="109">
        <v>0</v>
      </c>
      <c r="IR39" s="109">
        <v>0</v>
      </c>
      <c r="IS39" s="109">
        <v>0</v>
      </c>
      <c r="IT39" s="128">
        <v>0</v>
      </c>
      <c r="IU39" s="298">
        <v>0</v>
      </c>
      <c r="IV39" s="129">
        <v>0</v>
      </c>
      <c r="IW39" s="109">
        <v>0</v>
      </c>
      <c r="IX39" s="110">
        <v>0</v>
      </c>
      <c r="IY39" s="131">
        <v>0</v>
      </c>
      <c r="IZ39" s="109">
        <v>0</v>
      </c>
      <c r="JA39" s="109">
        <v>0</v>
      </c>
      <c r="JB39" s="109">
        <v>0</v>
      </c>
      <c r="JC39" s="109">
        <v>0</v>
      </c>
      <c r="JD39" s="109">
        <v>0</v>
      </c>
      <c r="JE39" s="110">
        <v>0</v>
      </c>
      <c r="JF39" s="111">
        <v>0</v>
      </c>
      <c r="JG39" s="129">
        <v>0</v>
      </c>
      <c r="JH39" s="109">
        <v>0</v>
      </c>
      <c r="JI39" s="128">
        <v>0</v>
      </c>
      <c r="JJ39" s="108">
        <v>0</v>
      </c>
      <c r="JK39" s="109">
        <v>83288</v>
      </c>
      <c r="JL39" s="109">
        <v>96544</v>
      </c>
      <c r="JM39" s="109">
        <v>0</v>
      </c>
      <c r="JN39" s="109">
        <v>0</v>
      </c>
      <c r="JO39" s="109">
        <v>0</v>
      </c>
      <c r="JP39" s="110">
        <v>179832</v>
      </c>
      <c r="JQ39" s="298">
        <v>179832</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0</v>
      </c>
      <c r="KH39" s="109">
        <v>163928</v>
      </c>
      <c r="KI39" s="109">
        <v>219712</v>
      </c>
      <c r="KJ39" s="109">
        <v>0</v>
      </c>
      <c r="KK39" s="109">
        <v>0</v>
      </c>
      <c r="KL39" s="110">
        <v>383640</v>
      </c>
      <c r="KM39" s="130">
        <v>383640</v>
      </c>
      <c r="KN39" s="219">
        <v>0</v>
      </c>
      <c r="KO39" s="223">
        <v>0</v>
      </c>
      <c r="KP39" s="224">
        <v>0</v>
      </c>
      <c r="KQ39" s="127">
        <v>0</v>
      </c>
      <c r="KR39" s="109">
        <v>0</v>
      </c>
      <c r="KS39" s="109">
        <v>0</v>
      </c>
      <c r="KT39" s="109">
        <v>0</v>
      </c>
      <c r="KU39" s="109">
        <v>0</v>
      </c>
      <c r="KV39" s="109">
        <v>0</v>
      </c>
      <c r="KW39" s="110">
        <v>0</v>
      </c>
      <c r="KX39" s="298">
        <v>0</v>
      </c>
      <c r="KY39" s="129">
        <v>0</v>
      </c>
      <c r="KZ39" s="109">
        <v>0</v>
      </c>
      <c r="LA39" s="110">
        <v>0</v>
      </c>
      <c r="LB39" s="132">
        <v>0</v>
      </c>
      <c r="LC39" s="109">
        <v>0</v>
      </c>
      <c r="LD39" s="109">
        <v>0</v>
      </c>
      <c r="LE39" s="109">
        <v>0</v>
      </c>
      <c r="LF39" s="109">
        <v>0</v>
      </c>
      <c r="LG39" s="109">
        <v>0</v>
      </c>
      <c r="LH39" s="110">
        <v>0</v>
      </c>
      <c r="LI39" s="111">
        <v>0</v>
      </c>
      <c r="LJ39" s="129">
        <v>0</v>
      </c>
      <c r="LK39" s="109">
        <v>0</v>
      </c>
      <c r="LL39" s="110">
        <v>0</v>
      </c>
      <c r="LM39" s="132">
        <v>0</v>
      </c>
      <c r="LN39" s="109">
        <v>0</v>
      </c>
      <c r="LO39" s="109">
        <v>0</v>
      </c>
      <c r="LP39" s="109">
        <v>0</v>
      </c>
      <c r="LQ39" s="109">
        <v>0</v>
      </c>
      <c r="LR39" s="109">
        <v>0</v>
      </c>
      <c r="LS39" s="110">
        <v>0</v>
      </c>
      <c r="LT39" s="298">
        <v>0</v>
      </c>
      <c r="LU39" s="129">
        <v>0</v>
      </c>
      <c r="LV39" s="109">
        <v>0</v>
      </c>
      <c r="LW39" s="110">
        <v>0</v>
      </c>
      <c r="LX39" s="132">
        <v>0</v>
      </c>
      <c r="LY39" s="109">
        <v>0</v>
      </c>
      <c r="LZ39" s="109">
        <v>0</v>
      </c>
      <c r="MA39" s="109">
        <v>0</v>
      </c>
      <c r="MB39" s="109">
        <v>0</v>
      </c>
      <c r="MC39" s="109">
        <v>0</v>
      </c>
      <c r="MD39" s="110">
        <v>0</v>
      </c>
      <c r="ME39" s="111">
        <v>0</v>
      </c>
      <c r="MF39" s="129">
        <v>0</v>
      </c>
      <c r="MG39" s="109">
        <v>0</v>
      </c>
      <c r="MH39" s="110">
        <v>0</v>
      </c>
      <c r="MI39" s="132">
        <v>0</v>
      </c>
      <c r="MJ39" s="109">
        <v>0</v>
      </c>
      <c r="MK39" s="109">
        <v>0</v>
      </c>
      <c r="ML39" s="109">
        <v>242336</v>
      </c>
      <c r="MM39" s="109">
        <v>0</v>
      </c>
      <c r="MN39" s="109">
        <v>0</v>
      </c>
      <c r="MO39" s="110">
        <v>242336</v>
      </c>
      <c r="MP39" s="130">
        <v>242336</v>
      </c>
      <c r="MQ39" s="129">
        <v>0</v>
      </c>
      <c r="MR39" s="109">
        <v>0</v>
      </c>
      <c r="MS39" s="110">
        <v>0</v>
      </c>
      <c r="MT39" s="132">
        <v>0</v>
      </c>
      <c r="MU39" s="109">
        <v>0</v>
      </c>
      <c r="MV39" s="109">
        <v>0</v>
      </c>
      <c r="MW39" s="109">
        <v>0</v>
      </c>
      <c r="MX39" s="109">
        <v>0</v>
      </c>
      <c r="MY39" s="109">
        <v>0</v>
      </c>
      <c r="MZ39" s="110">
        <v>0</v>
      </c>
      <c r="NA39" s="130">
        <v>0</v>
      </c>
      <c r="NB39" s="129">
        <v>0</v>
      </c>
      <c r="NC39" s="109">
        <v>0</v>
      </c>
      <c r="ND39" s="110">
        <v>0</v>
      </c>
      <c r="NE39" s="132">
        <v>0</v>
      </c>
      <c r="NF39" s="109">
        <v>0</v>
      </c>
      <c r="NG39" s="109">
        <v>0</v>
      </c>
      <c r="NH39" s="109">
        <v>242336</v>
      </c>
      <c r="NI39" s="109">
        <v>0</v>
      </c>
      <c r="NJ39" s="109">
        <v>0</v>
      </c>
      <c r="NK39" s="110">
        <v>242336</v>
      </c>
      <c r="NL39" s="298">
        <v>242336</v>
      </c>
      <c r="NM39" s="129">
        <v>0</v>
      </c>
      <c r="NN39" s="109">
        <v>0</v>
      </c>
      <c r="NO39" s="110">
        <v>0</v>
      </c>
      <c r="NP39" s="132">
        <v>0</v>
      </c>
      <c r="NQ39" s="109">
        <v>0</v>
      </c>
      <c r="NR39" s="109">
        <v>0</v>
      </c>
      <c r="NS39" s="109">
        <v>0</v>
      </c>
      <c r="NT39" s="109">
        <v>0</v>
      </c>
      <c r="NU39" s="109">
        <v>0</v>
      </c>
      <c r="NV39" s="110">
        <v>0</v>
      </c>
      <c r="NW39" s="111">
        <v>0</v>
      </c>
      <c r="NX39" s="129">
        <v>0</v>
      </c>
      <c r="NY39" s="109">
        <v>0</v>
      </c>
      <c r="NZ39" s="110">
        <v>0</v>
      </c>
      <c r="OA39" s="132">
        <v>0</v>
      </c>
      <c r="OB39" s="109">
        <v>0</v>
      </c>
      <c r="OC39" s="109">
        <v>0</v>
      </c>
      <c r="OD39" s="109">
        <v>0</v>
      </c>
      <c r="OE39" s="109">
        <v>0</v>
      </c>
      <c r="OF39" s="109">
        <v>0</v>
      </c>
      <c r="OG39" s="110">
        <v>0</v>
      </c>
      <c r="OH39" s="111">
        <v>0</v>
      </c>
      <c r="OI39" s="129">
        <v>0</v>
      </c>
      <c r="OJ39" s="109">
        <v>19520</v>
      </c>
      <c r="OK39" s="128">
        <v>19520</v>
      </c>
      <c r="OL39" s="108">
        <v>0</v>
      </c>
      <c r="OM39" s="109">
        <v>92408</v>
      </c>
      <c r="ON39" s="109">
        <v>650664</v>
      </c>
      <c r="OO39" s="109">
        <v>462048</v>
      </c>
      <c r="OP39" s="109">
        <v>39792</v>
      </c>
      <c r="OQ39" s="109">
        <v>491592</v>
      </c>
      <c r="OR39" s="110">
        <v>1736504</v>
      </c>
      <c r="OS39" s="130">
        <v>1756024</v>
      </c>
    </row>
    <row r="40" spans="2:409" ht="21" customHeight="1" x14ac:dyDescent="0.2">
      <c r="B40" s="472" t="s">
        <v>35</v>
      </c>
      <c r="C40" s="100">
        <v>193576</v>
      </c>
      <c r="D40" s="104">
        <v>149448</v>
      </c>
      <c r="E40" s="103">
        <v>343024</v>
      </c>
      <c r="F40" s="99">
        <v>0</v>
      </c>
      <c r="G40" s="104">
        <v>1553464</v>
      </c>
      <c r="H40" s="104">
        <v>474184</v>
      </c>
      <c r="I40" s="104">
        <v>214048</v>
      </c>
      <c r="J40" s="104">
        <v>1072934</v>
      </c>
      <c r="K40" s="104">
        <v>865707</v>
      </c>
      <c r="L40" s="160">
        <v>4180337</v>
      </c>
      <c r="M40" s="106">
        <v>4523361</v>
      </c>
      <c r="N40" s="100">
        <v>60992</v>
      </c>
      <c r="O40" s="104">
        <v>9600</v>
      </c>
      <c r="P40" s="103">
        <v>70592</v>
      </c>
      <c r="Q40" s="100">
        <v>0</v>
      </c>
      <c r="R40" s="104">
        <v>504392</v>
      </c>
      <c r="S40" s="104">
        <v>115040</v>
      </c>
      <c r="T40" s="104">
        <v>37824</v>
      </c>
      <c r="U40" s="104">
        <v>189536</v>
      </c>
      <c r="V40" s="104">
        <v>598127</v>
      </c>
      <c r="W40" s="103">
        <v>1444919</v>
      </c>
      <c r="X40" s="106">
        <v>1515511</v>
      </c>
      <c r="Y40" s="100">
        <v>0</v>
      </c>
      <c r="Z40" s="104">
        <v>0</v>
      </c>
      <c r="AA40" s="103">
        <v>0</v>
      </c>
      <c r="AB40" s="100">
        <v>0</v>
      </c>
      <c r="AC40" s="104">
        <v>275928</v>
      </c>
      <c r="AD40" s="104">
        <v>53392</v>
      </c>
      <c r="AE40" s="104">
        <v>0</v>
      </c>
      <c r="AF40" s="104">
        <v>98048</v>
      </c>
      <c r="AG40" s="104">
        <v>211791</v>
      </c>
      <c r="AH40" s="103">
        <v>639159</v>
      </c>
      <c r="AI40" s="106">
        <v>639159</v>
      </c>
      <c r="AJ40" s="100">
        <v>0</v>
      </c>
      <c r="AK40" s="104">
        <v>0</v>
      </c>
      <c r="AL40" s="103">
        <v>0</v>
      </c>
      <c r="AM40" s="100">
        <v>0</v>
      </c>
      <c r="AN40" s="104">
        <v>0</v>
      </c>
      <c r="AO40" s="104">
        <v>0</v>
      </c>
      <c r="AP40" s="104">
        <v>0</v>
      </c>
      <c r="AQ40" s="104">
        <v>21856</v>
      </c>
      <c r="AR40" s="104">
        <v>143832</v>
      </c>
      <c r="AS40" s="103">
        <v>165688</v>
      </c>
      <c r="AT40" s="106">
        <v>165688</v>
      </c>
      <c r="AU40" s="100">
        <v>0</v>
      </c>
      <c r="AV40" s="104">
        <v>0</v>
      </c>
      <c r="AW40" s="103">
        <v>0</v>
      </c>
      <c r="AX40" s="100">
        <v>0</v>
      </c>
      <c r="AY40" s="104">
        <v>48072</v>
      </c>
      <c r="AZ40" s="104">
        <v>33920</v>
      </c>
      <c r="BA40" s="104">
        <v>28224</v>
      </c>
      <c r="BB40" s="104">
        <v>0</v>
      </c>
      <c r="BC40" s="104">
        <v>175600</v>
      </c>
      <c r="BD40" s="103">
        <v>285816</v>
      </c>
      <c r="BE40" s="106">
        <v>285816</v>
      </c>
      <c r="BF40" s="100">
        <v>50080</v>
      </c>
      <c r="BG40" s="104">
        <v>0</v>
      </c>
      <c r="BH40" s="102">
        <v>50080</v>
      </c>
      <c r="BI40" s="101">
        <v>0</v>
      </c>
      <c r="BJ40" s="104">
        <v>61248</v>
      </c>
      <c r="BK40" s="104">
        <v>0</v>
      </c>
      <c r="BL40" s="104">
        <v>0</v>
      </c>
      <c r="BM40" s="104">
        <v>0</v>
      </c>
      <c r="BN40" s="104">
        <v>10016</v>
      </c>
      <c r="BO40" s="103">
        <v>71264</v>
      </c>
      <c r="BP40" s="106">
        <v>121344</v>
      </c>
      <c r="BQ40" s="100">
        <v>10912</v>
      </c>
      <c r="BR40" s="104">
        <v>9600</v>
      </c>
      <c r="BS40" s="103">
        <v>20512</v>
      </c>
      <c r="BT40" s="100">
        <v>0</v>
      </c>
      <c r="BU40" s="104">
        <v>119144</v>
      </c>
      <c r="BV40" s="104">
        <v>27728</v>
      </c>
      <c r="BW40" s="104">
        <v>9600</v>
      </c>
      <c r="BX40" s="104">
        <v>69632</v>
      </c>
      <c r="BY40" s="104">
        <v>56888</v>
      </c>
      <c r="BZ40" s="103">
        <v>282992</v>
      </c>
      <c r="CA40" s="106">
        <v>303504</v>
      </c>
      <c r="CB40" s="100">
        <v>20728</v>
      </c>
      <c r="CC40" s="104">
        <v>40360</v>
      </c>
      <c r="CD40" s="103">
        <v>61088</v>
      </c>
      <c r="CE40" s="100">
        <v>0</v>
      </c>
      <c r="CF40" s="104">
        <v>246711</v>
      </c>
      <c r="CG40" s="104">
        <v>240496</v>
      </c>
      <c r="CH40" s="104">
        <v>128624</v>
      </c>
      <c r="CI40" s="104">
        <v>111424</v>
      </c>
      <c r="CJ40" s="104">
        <v>0</v>
      </c>
      <c r="CK40" s="103">
        <v>727255</v>
      </c>
      <c r="CL40" s="106">
        <v>788343</v>
      </c>
      <c r="CM40" s="100">
        <v>0</v>
      </c>
      <c r="CN40" s="104">
        <v>0</v>
      </c>
      <c r="CO40" s="103">
        <v>0</v>
      </c>
      <c r="CP40" s="101">
        <v>0</v>
      </c>
      <c r="CQ40" s="104">
        <v>194543</v>
      </c>
      <c r="CR40" s="104">
        <v>240496</v>
      </c>
      <c r="CS40" s="104">
        <v>128624</v>
      </c>
      <c r="CT40" s="104">
        <v>0</v>
      </c>
      <c r="CU40" s="104">
        <v>0</v>
      </c>
      <c r="CV40" s="103">
        <v>563663</v>
      </c>
      <c r="CW40" s="106">
        <v>563663</v>
      </c>
      <c r="CX40" s="100">
        <v>20728</v>
      </c>
      <c r="CY40" s="104">
        <v>40360</v>
      </c>
      <c r="CZ40" s="103">
        <v>61088</v>
      </c>
      <c r="DA40" s="100">
        <v>0</v>
      </c>
      <c r="DB40" s="104">
        <v>52168</v>
      </c>
      <c r="DC40" s="104">
        <v>0</v>
      </c>
      <c r="DD40" s="104">
        <v>0</v>
      </c>
      <c r="DE40" s="104">
        <v>111424</v>
      </c>
      <c r="DF40" s="104">
        <v>0</v>
      </c>
      <c r="DG40" s="103">
        <v>163592</v>
      </c>
      <c r="DH40" s="106">
        <v>224680</v>
      </c>
      <c r="DI40" s="100">
        <v>0</v>
      </c>
      <c r="DJ40" s="104">
        <v>0</v>
      </c>
      <c r="DK40" s="102">
        <v>0</v>
      </c>
      <c r="DL40" s="101">
        <v>0</v>
      </c>
      <c r="DM40" s="104">
        <v>0</v>
      </c>
      <c r="DN40" s="104">
        <v>65144</v>
      </c>
      <c r="DO40" s="104">
        <v>0</v>
      </c>
      <c r="DP40" s="104">
        <v>0</v>
      </c>
      <c r="DQ40" s="104">
        <v>0</v>
      </c>
      <c r="DR40" s="103">
        <v>65144</v>
      </c>
      <c r="DS40" s="106">
        <v>65144</v>
      </c>
      <c r="DT40" s="100">
        <v>0</v>
      </c>
      <c r="DU40" s="104">
        <v>0</v>
      </c>
      <c r="DV40" s="103">
        <v>0</v>
      </c>
      <c r="DW40" s="100">
        <v>0</v>
      </c>
      <c r="DX40" s="104">
        <v>0</v>
      </c>
      <c r="DY40" s="104">
        <v>65144</v>
      </c>
      <c r="DZ40" s="104">
        <v>0</v>
      </c>
      <c r="EA40" s="104">
        <v>0</v>
      </c>
      <c r="EB40" s="104">
        <v>0</v>
      </c>
      <c r="EC40" s="103">
        <v>65144</v>
      </c>
      <c r="ED40" s="106">
        <v>6514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v>0</v>
      </c>
      <c r="FE40" s="104">
        <v>0</v>
      </c>
      <c r="FF40" s="104">
        <v>0</v>
      </c>
      <c r="FG40" s="104">
        <v>0</v>
      </c>
      <c r="FH40" s="104">
        <v>0</v>
      </c>
      <c r="FI40" s="104">
        <v>0</v>
      </c>
      <c r="FJ40" s="103">
        <v>0</v>
      </c>
      <c r="FK40" s="106">
        <v>0</v>
      </c>
      <c r="FL40" s="100">
        <v>0</v>
      </c>
      <c r="FM40" s="104">
        <v>15200</v>
      </c>
      <c r="FN40" s="103">
        <v>15200</v>
      </c>
      <c r="FO40" s="100">
        <v>0</v>
      </c>
      <c r="FP40" s="104">
        <v>27088</v>
      </c>
      <c r="FQ40" s="104">
        <v>53504</v>
      </c>
      <c r="FR40" s="104">
        <v>47600</v>
      </c>
      <c r="FS40" s="104">
        <v>50600</v>
      </c>
      <c r="FT40" s="104">
        <v>30000</v>
      </c>
      <c r="FU40" s="103">
        <v>208792</v>
      </c>
      <c r="FV40" s="106">
        <v>223992</v>
      </c>
      <c r="FW40" s="105">
        <v>0</v>
      </c>
      <c r="FX40" s="104">
        <v>15200</v>
      </c>
      <c r="FY40" s="102">
        <v>15200</v>
      </c>
      <c r="FZ40" s="101">
        <v>0</v>
      </c>
      <c r="GA40" s="104">
        <v>27088</v>
      </c>
      <c r="GB40" s="104">
        <v>53504</v>
      </c>
      <c r="GC40" s="104">
        <v>47600</v>
      </c>
      <c r="GD40" s="104">
        <v>50600</v>
      </c>
      <c r="GE40" s="104">
        <v>30000</v>
      </c>
      <c r="GF40" s="103">
        <v>208792</v>
      </c>
      <c r="GG40" s="296">
        <v>223992</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111856</v>
      </c>
      <c r="HE40" s="104">
        <v>84288</v>
      </c>
      <c r="HF40" s="102">
        <v>196144</v>
      </c>
      <c r="HG40" s="101">
        <v>0</v>
      </c>
      <c r="HH40" s="104">
        <v>775273</v>
      </c>
      <c r="HI40" s="104">
        <v>0</v>
      </c>
      <c r="HJ40" s="104">
        <v>0</v>
      </c>
      <c r="HK40" s="104">
        <v>721374</v>
      </c>
      <c r="HL40" s="104">
        <v>237580</v>
      </c>
      <c r="HM40" s="103">
        <v>1734227</v>
      </c>
      <c r="HN40" s="99">
        <v>1930371</v>
      </c>
      <c r="HO40" s="306">
        <v>0</v>
      </c>
      <c r="HP40" s="307">
        <v>0</v>
      </c>
      <c r="HQ40" s="308">
        <v>0</v>
      </c>
      <c r="HR40" s="309">
        <v>0</v>
      </c>
      <c r="HS40" s="307">
        <v>0</v>
      </c>
      <c r="HT40" s="307">
        <v>0</v>
      </c>
      <c r="HU40" s="307">
        <v>0</v>
      </c>
      <c r="HV40" s="307">
        <v>0</v>
      </c>
      <c r="HW40" s="307">
        <v>0</v>
      </c>
      <c r="HX40" s="310">
        <v>0</v>
      </c>
      <c r="HY40" s="311">
        <v>0</v>
      </c>
      <c r="HZ40" s="137">
        <v>0</v>
      </c>
      <c r="IA40" s="122">
        <v>0</v>
      </c>
      <c r="IB40" s="137">
        <v>0</v>
      </c>
      <c r="IC40" s="133">
        <v>0</v>
      </c>
      <c r="ID40" s="119">
        <v>189976</v>
      </c>
      <c r="IE40" s="134">
        <v>399088</v>
      </c>
      <c r="IF40" s="120">
        <v>120344</v>
      </c>
      <c r="IG40" s="119">
        <v>0</v>
      </c>
      <c r="IH40" s="120">
        <v>0</v>
      </c>
      <c r="II40" s="135">
        <v>709408</v>
      </c>
      <c r="IJ40" s="137">
        <v>709408</v>
      </c>
      <c r="IK40" s="219">
        <v>0</v>
      </c>
      <c r="IL40" s="223">
        <v>0</v>
      </c>
      <c r="IM40" s="224">
        <v>0</v>
      </c>
      <c r="IN40" s="127">
        <v>0</v>
      </c>
      <c r="IO40" s="109">
        <v>0</v>
      </c>
      <c r="IP40" s="109">
        <v>0</v>
      </c>
      <c r="IQ40" s="109">
        <v>120344</v>
      </c>
      <c r="IR40" s="109">
        <v>0</v>
      </c>
      <c r="IS40" s="109">
        <v>0</v>
      </c>
      <c r="IT40" s="128">
        <v>120344</v>
      </c>
      <c r="IU40" s="298">
        <v>120344</v>
      </c>
      <c r="IV40" s="129">
        <v>0</v>
      </c>
      <c r="IW40" s="109">
        <v>0</v>
      </c>
      <c r="IX40" s="110">
        <v>0</v>
      </c>
      <c r="IY40" s="131">
        <v>0</v>
      </c>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169720</v>
      </c>
      <c r="KI40" s="109">
        <v>0</v>
      </c>
      <c r="KJ40" s="109">
        <v>0</v>
      </c>
      <c r="KK40" s="109">
        <v>0</v>
      </c>
      <c r="KL40" s="110">
        <v>169720</v>
      </c>
      <c r="KM40" s="130">
        <v>169720</v>
      </c>
      <c r="KN40" s="219">
        <v>0</v>
      </c>
      <c r="KO40" s="223">
        <v>0</v>
      </c>
      <c r="KP40" s="224">
        <v>0</v>
      </c>
      <c r="KQ40" s="127">
        <v>0</v>
      </c>
      <c r="KR40" s="109">
        <v>189976</v>
      </c>
      <c r="KS40" s="109">
        <v>229368</v>
      </c>
      <c r="KT40" s="109">
        <v>0</v>
      </c>
      <c r="KU40" s="109">
        <v>0</v>
      </c>
      <c r="KV40" s="109">
        <v>0</v>
      </c>
      <c r="KW40" s="110">
        <v>419344</v>
      </c>
      <c r="KX40" s="298">
        <v>419344</v>
      </c>
      <c r="KY40" s="129">
        <v>0</v>
      </c>
      <c r="KZ40" s="109">
        <v>0</v>
      </c>
      <c r="LA40" s="110">
        <v>0</v>
      </c>
      <c r="LB40" s="132">
        <v>0</v>
      </c>
      <c r="LC40" s="109">
        <v>0</v>
      </c>
      <c r="LD40" s="109">
        <v>0</v>
      </c>
      <c r="LE40" s="109">
        <v>0</v>
      </c>
      <c r="LF40" s="109">
        <v>0</v>
      </c>
      <c r="LG40" s="109">
        <v>0</v>
      </c>
      <c r="LH40" s="110">
        <v>0</v>
      </c>
      <c r="LI40" s="111">
        <v>0</v>
      </c>
      <c r="LJ40" s="129">
        <v>0</v>
      </c>
      <c r="LK40" s="109">
        <v>0</v>
      </c>
      <c r="LL40" s="110">
        <v>0</v>
      </c>
      <c r="LM40" s="132">
        <v>0</v>
      </c>
      <c r="LN40" s="109">
        <v>0</v>
      </c>
      <c r="LO40" s="109">
        <v>0</v>
      </c>
      <c r="LP40" s="109">
        <v>0</v>
      </c>
      <c r="LQ40" s="109">
        <v>0</v>
      </c>
      <c r="LR40" s="109">
        <v>0</v>
      </c>
      <c r="LS40" s="110">
        <v>0</v>
      </c>
      <c r="LT40" s="298">
        <v>0</v>
      </c>
      <c r="LU40" s="129">
        <v>0</v>
      </c>
      <c r="LV40" s="109">
        <v>0</v>
      </c>
      <c r="LW40" s="110">
        <v>0</v>
      </c>
      <c r="LX40" s="132">
        <v>0</v>
      </c>
      <c r="LY40" s="109">
        <v>0</v>
      </c>
      <c r="LZ40" s="109">
        <v>0</v>
      </c>
      <c r="MA40" s="109">
        <v>0</v>
      </c>
      <c r="MB40" s="109">
        <v>0</v>
      </c>
      <c r="MC40" s="109">
        <v>0</v>
      </c>
      <c r="MD40" s="110">
        <v>0</v>
      </c>
      <c r="ME40" s="111">
        <v>0</v>
      </c>
      <c r="MF40" s="129">
        <v>0</v>
      </c>
      <c r="MG40" s="109">
        <v>0</v>
      </c>
      <c r="MH40" s="110">
        <v>0</v>
      </c>
      <c r="MI40" s="132">
        <v>0</v>
      </c>
      <c r="MJ40" s="109">
        <v>471648</v>
      </c>
      <c r="MK40" s="109">
        <v>0</v>
      </c>
      <c r="ML40" s="109">
        <v>851740</v>
      </c>
      <c r="MM40" s="109">
        <v>256552</v>
      </c>
      <c r="MN40" s="109">
        <v>274656</v>
      </c>
      <c r="MO40" s="110">
        <v>1854596</v>
      </c>
      <c r="MP40" s="130">
        <v>1854596</v>
      </c>
      <c r="MQ40" s="129">
        <v>0</v>
      </c>
      <c r="MR40" s="109">
        <v>0</v>
      </c>
      <c r="MS40" s="110">
        <v>0</v>
      </c>
      <c r="MT40" s="132">
        <v>0</v>
      </c>
      <c r="MU40" s="109">
        <v>0</v>
      </c>
      <c r="MV40" s="109">
        <v>0</v>
      </c>
      <c r="MW40" s="109">
        <v>0</v>
      </c>
      <c r="MX40" s="109">
        <v>256552</v>
      </c>
      <c r="MY40" s="109">
        <v>274656</v>
      </c>
      <c r="MZ40" s="110">
        <v>531208</v>
      </c>
      <c r="NA40" s="130">
        <v>531208</v>
      </c>
      <c r="NB40" s="129">
        <v>0</v>
      </c>
      <c r="NC40" s="109">
        <v>0</v>
      </c>
      <c r="ND40" s="110">
        <v>0</v>
      </c>
      <c r="NE40" s="132">
        <v>0</v>
      </c>
      <c r="NF40" s="109">
        <v>471648</v>
      </c>
      <c r="NG40" s="109">
        <v>0</v>
      </c>
      <c r="NH40" s="109">
        <v>851740</v>
      </c>
      <c r="NI40" s="109">
        <v>0</v>
      </c>
      <c r="NJ40" s="109">
        <v>0</v>
      </c>
      <c r="NK40" s="110">
        <v>1323388</v>
      </c>
      <c r="NL40" s="298">
        <v>1323388</v>
      </c>
      <c r="NM40" s="129">
        <v>0</v>
      </c>
      <c r="NN40" s="109">
        <v>0</v>
      </c>
      <c r="NO40" s="110">
        <v>0</v>
      </c>
      <c r="NP40" s="132">
        <v>0</v>
      </c>
      <c r="NQ40" s="109">
        <v>0</v>
      </c>
      <c r="NR40" s="109">
        <v>0</v>
      </c>
      <c r="NS40" s="109">
        <v>0</v>
      </c>
      <c r="NT40" s="109">
        <v>0</v>
      </c>
      <c r="NU40" s="109">
        <v>0</v>
      </c>
      <c r="NV40" s="110">
        <v>0</v>
      </c>
      <c r="NW40" s="111">
        <v>0</v>
      </c>
      <c r="NX40" s="129">
        <v>0</v>
      </c>
      <c r="NY40" s="109">
        <v>0</v>
      </c>
      <c r="NZ40" s="110">
        <v>0</v>
      </c>
      <c r="OA40" s="132">
        <v>0</v>
      </c>
      <c r="OB40" s="109">
        <v>0</v>
      </c>
      <c r="OC40" s="109">
        <v>0</v>
      </c>
      <c r="OD40" s="109">
        <v>0</v>
      </c>
      <c r="OE40" s="109">
        <v>0</v>
      </c>
      <c r="OF40" s="109">
        <v>0</v>
      </c>
      <c r="OG40" s="110">
        <v>0</v>
      </c>
      <c r="OH40" s="111">
        <v>0</v>
      </c>
      <c r="OI40" s="129">
        <v>193576</v>
      </c>
      <c r="OJ40" s="109">
        <v>149448</v>
      </c>
      <c r="OK40" s="128">
        <v>343024</v>
      </c>
      <c r="OL40" s="108">
        <v>0</v>
      </c>
      <c r="OM40" s="109">
        <v>2215088</v>
      </c>
      <c r="ON40" s="109">
        <v>873272</v>
      </c>
      <c r="OO40" s="109">
        <v>1186132</v>
      </c>
      <c r="OP40" s="109">
        <v>1329486</v>
      </c>
      <c r="OQ40" s="109">
        <v>1140363</v>
      </c>
      <c r="OR40" s="110">
        <v>6744341</v>
      </c>
      <c r="OS40" s="130">
        <v>7087365</v>
      </c>
    </row>
    <row r="41" spans="2:409" ht="21" customHeight="1" x14ac:dyDescent="0.2">
      <c r="B41" s="472" t="s">
        <v>36</v>
      </c>
      <c r="C41" s="100">
        <v>0</v>
      </c>
      <c r="D41" s="104">
        <v>193318</v>
      </c>
      <c r="E41" s="103">
        <v>193318</v>
      </c>
      <c r="F41" s="99">
        <v>0</v>
      </c>
      <c r="G41" s="104">
        <v>449446</v>
      </c>
      <c r="H41" s="104">
        <v>502512</v>
      </c>
      <c r="I41" s="104">
        <v>428401</v>
      </c>
      <c r="J41" s="104">
        <v>259526</v>
      </c>
      <c r="K41" s="104">
        <v>893761</v>
      </c>
      <c r="L41" s="160">
        <v>2533646</v>
      </c>
      <c r="M41" s="106">
        <v>2726964</v>
      </c>
      <c r="N41" s="100">
        <v>0</v>
      </c>
      <c r="O41" s="104">
        <v>133422</v>
      </c>
      <c r="P41" s="103">
        <v>133422</v>
      </c>
      <c r="Q41" s="100">
        <v>0</v>
      </c>
      <c r="R41" s="104">
        <v>154150</v>
      </c>
      <c r="S41" s="104">
        <v>192986</v>
      </c>
      <c r="T41" s="104">
        <v>50693</v>
      </c>
      <c r="U41" s="104">
        <v>120150</v>
      </c>
      <c r="V41" s="104">
        <v>552795</v>
      </c>
      <c r="W41" s="103">
        <v>1070774</v>
      </c>
      <c r="X41" s="106">
        <v>1204196</v>
      </c>
      <c r="Y41" s="100">
        <v>0</v>
      </c>
      <c r="Z41" s="104">
        <v>0</v>
      </c>
      <c r="AA41" s="103">
        <v>0</v>
      </c>
      <c r="AB41" s="100">
        <v>0</v>
      </c>
      <c r="AC41" s="104">
        <v>43429</v>
      </c>
      <c r="AD41" s="104">
        <v>157309</v>
      </c>
      <c r="AE41" s="104">
        <v>25477</v>
      </c>
      <c r="AF41" s="104">
        <v>59168</v>
      </c>
      <c r="AG41" s="104">
        <v>433289</v>
      </c>
      <c r="AH41" s="103">
        <v>718672</v>
      </c>
      <c r="AI41" s="106">
        <v>718672</v>
      </c>
      <c r="AJ41" s="100">
        <v>0</v>
      </c>
      <c r="AK41" s="104">
        <v>0</v>
      </c>
      <c r="AL41" s="103">
        <v>0</v>
      </c>
      <c r="AM41" s="100">
        <v>0</v>
      </c>
      <c r="AN41" s="104">
        <v>0</v>
      </c>
      <c r="AO41" s="104">
        <v>0</v>
      </c>
      <c r="AP41" s="104">
        <v>0</v>
      </c>
      <c r="AQ41" s="104">
        <v>43142</v>
      </c>
      <c r="AR41" s="104">
        <v>0</v>
      </c>
      <c r="AS41" s="103">
        <v>43142</v>
      </c>
      <c r="AT41" s="106">
        <v>43142</v>
      </c>
      <c r="AU41" s="100">
        <v>0</v>
      </c>
      <c r="AV41" s="104">
        <v>112491</v>
      </c>
      <c r="AW41" s="103">
        <v>112491</v>
      </c>
      <c r="AX41" s="100">
        <v>0</v>
      </c>
      <c r="AY41" s="104">
        <v>95233</v>
      </c>
      <c r="AZ41" s="104">
        <v>0</v>
      </c>
      <c r="BA41" s="104">
        <v>0</v>
      </c>
      <c r="BB41" s="104">
        <v>0</v>
      </c>
      <c r="BC41" s="104">
        <v>56658</v>
      </c>
      <c r="BD41" s="103">
        <v>151891</v>
      </c>
      <c r="BE41" s="106">
        <v>264382</v>
      </c>
      <c r="BF41" s="100">
        <v>0</v>
      </c>
      <c r="BG41" s="104">
        <v>20931</v>
      </c>
      <c r="BH41" s="102">
        <v>20931</v>
      </c>
      <c r="BI41" s="101">
        <v>0</v>
      </c>
      <c r="BJ41" s="104">
        <v>0</v>
      </c>
      <c r="BK41" s="104">
        <v>21933</v>
      </c>
      <c r="BL41" s="104">
        <v>0</v>
      </c>
      <c r="BM41" s="104">
        <v>0</v>
      </c>
      <c r="BN41" s="104">
        <v>0</v>
      </c>
      <c r="BO41" s="103">
        <v>21933</v>
      </c>
      <c r="BP41" s="106">
        <v>42864</v>
      </c>
      <c r="BQ41" s="100">
        <v>0</v>
      </c>
      <c r="BR41" s="104">
        <v>0</v>
      </c>
      <c r="BS41" s="103">
        <v>0</v>
      </c>
      <c r="BT41" s="100">
        <v>0</v>
      </c>
      <c r="BU41" s="104">
        <v>15488</v>
      </c>
      <c r="BV41" s="104">
        <v>13744</v>
      </c>
      <c r="BW41" s="104">
        <v>25216</v>
      </c>
      <c r="BX41" s="104">
        <v>17840</v>
      </c>
      <c r="BY41" s="104">
        <v>62848</v>
      </c>
      <c r="BZ41" s="103">
        <v>135136</v>
      </c>
      <c r="CA41" s="106">
        <v>135136</v>
      </c>
      <c r="CB41" s="100">
        <v>0</v>
      </c>
      <c r="CC41" s="104">
        <v>37296</v>
      </c>
      <c r="CD41" s="103">
        <v>37296</v>
      </c>
      <c r="CE41" s="100">
        <v>0</v>
      </c>
      <c r="CF41" s="104">
        <v>130692</v>
      </c>
      <c r="CG41" s="104">
        <v>50703</v>
      </c>
      <c r="CH41" s="104">
        <v>47396</v>
      </c>
      <c r="CI41" s="104">
        <v>84864</v>
      </c>
      <c r="CJ41" s="104">
        <v>47058</v>
      </c>
      <c r="CK41" s="103">
        <v>360713</v>
      </c>
      <c r="CL41" s="106">
        <v>398009</v>
      </c>
      <c r="CM41" s="100">
        <v>0</v>
      </c>
      <c r="CN41" s="104">
        <v>0</v>
      </c>
      <c r="CO41" s="103">
        <v>0</v>
      </c>
      <c r="CP41" s="101">
        <v>0</v>
      </c>
      <c r="CQ41" s="104">
        <v>130692</v>
      </c>
      <c r="CR41" s="104">
        <v>50703</v>
      </c>
      <c r="CS41" s="104">
        <v>47396</v>
      </c>
      <c r="CT41" s="104">
        <v>0</v>
      </c>
      <c r="CU41" s="104">
        <v>47058</v>
      </c>
      <c r="CV41" s="103">
        <v>275849</v>
      </c>
      <c r="CW41" s="106">
        <v>275849</v>
      </c>
      <c r="CX41" s="100">
        <v>0</v>
      </c>
      <c r="CY41" s="104">
        <v>37296</v>
      </c>
      <c r="CZ41" s="103">
        <v>37296</v>
      </c>
      <c r="DA41" s="100">
        <v>0</v>
      </c>
      <c r="DB41" s="104">
        <v>0</v>
      </c>
      <c r="DC41" s="104">
        <v>0</v>
      </c>
      <c r="DD41" s="104">
        <v>0</v>
      </c>
      <c r="DE41" s="104">
        <v>84864</v>
      </c>
      <c r="DF41" s="104">
        <v>0</v>
      </c>
      <c r="DG41" s="103">
        <v>84864</v>
      </c>
      <c r="DH41" s="106">
        <v>122160</v>
      </c>
      <c r="DI41" s="100">
        <v>0</v>
      </c>
      <c r="DJ41" s="104">
        <v>0</v>
      </c>
      <c r="DK41" s="102">
        <v>0</v>
      </c>
      <c r="DL41" s="101">
        <v>0</v>
      </c>
      <c r="DM41" s="104">
        <v>0</v>
      </c>
      <c r="DN41" s="104">
        <v>16483</v>
      </c>
      <c r="DO41" s="104">
        <v>120540</v>
      </c>
      <c r="DP41" s="104">
        <v>0</v>
      </c>
      <c r="DQ41" s="104">
        <v>0</v>
      </c>
      <c r="DR41" s="103">
        <v>137023</v>
      </c>
      <c r="DS41" s="106">
        <v>137023</v>
      </c>
      <c r="DT41" s="100">
        <v>0</v>
      </c>
      <c r="DU41" s="104">
        <v>0</v>
      </c>
      <c r="DV41" s="103">
        <v>0</v>
      </c>
      <c r="DW41" s="100">
        <v>0</v>
      </c>
      <c r="DX41" s="104">
        <v>0</v>
      </c>
      <c r="DY41" s="104">
        <v>16483</v>
      </c>
      <c r="DZ41" s="104">
        <v>120540</v>
      </c>
      <c r="EA41" s="104">
        <v>0</v>
      </c>
      <c r="EB41" s="104">
        <v>0</v>
      </c>
      <c r="EC41" s="103">
        <v>137023</v>
      </c>
      <c r="ED41" s="106">
        <v>137023</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v>0</v>
      </c>
      <c r="FE41" s="104">
        <v>0</v>
      </c>
      <c r="FF41" s="104">
        <v>0</v>
      </c>
      <c r="FG41" s="104">
        <v>0</v>
      </c>
      <c r="FH41" s="104">
        <v>0</v>
      </c>
      <c r="FI41" s="104">
        <v>0</v>
      </c>
      <c r="FJ41" s="103">
        <v>0</v>
      </c>
      <c r="FK41" s="106">
        <v>0</v>
      </c>
      <c r="FL41" s="100">
        <v>0</v>
      </c>
      <c r="FM41" s="104">
        <v>22600</v>
      </c>
      <c r="FN41" s="103">
        <v>22600</v>
      </c>
      <c r="FO41" s="100">
        <v>0</v>
      </c>
      <c r="FP41" s="104">
        <v>6960</v>
      </c>
      <c r="FQ41" s="104">
        <v>72960</v>
      </c>
      <c r="FR41" s="104">
        <v>14800</v>
      </c>
      <c r="FS41" s="104">
        <v>54512</v>
      </c>
      <c r="FT41" s="104">
        <v>65280</v>
      </c>
      <c r="FU41" s="103">
        <v>214512</v>
      </c>
      <c r="FV41" s="106">
        <v>237112</v>
      </c>
      <c r="FW41" s="105">
        <v>0</v>
      </c>
      <c r="FX41" s="104">
        <v>22600</v>
      </c>
      <c r="FY41" s="102">
        <v>22600</v>
      </c>
      <c r="FZ41" s="101">
        <v>0</v>
      </c>
      <c r="GA41" s="104">
        <v>6960</v>
      </c>
      <c r="GB41" s="104">
        <v>72960</v>
      </c>
      <c r="GC41" s="104">
        <v>14800</v>
      </c>
      <c r="GD41" s="104">
        <v>54512</v>
      </c>
      <c r="GE41" s="104">
        <v>9400</v>
      </c>
      <c r="GF41" s="103">
        <v>158632</v>
      </c>
      <c r="GG41" s="296">
        <v>181232</v>
      </c>
      <c r="GH41" s="105">
        <v>0</v>
      </c>
      <c r="GI41" s="104">
        <v>0</v>
      </c>
      <c r="GJ41" s="102">
        <v>0</v>
      </c>
      <c r="GK41" s="101">
        <v>0</v>
      </c>
      <c r="GL41" s="104">
        <v>0</v>
      </c>
      <c r="GM41" s="104">
        <v>0</v>
      </c>
      <c r="GN41" s="104">
        <v>0</v>
      </c>
      <c r="GO41" s="104">
        <v>0</v>
      </c>
      <c r="GP41" s="104">
        <v>55880</v>
      </c>
      <c r="GQ41" s="103">
        <v>55880</v>
      </c>
      <c r="GR41" s="106">
        <v>5588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157644</v>
      </c>
      <c r="HI41" s="104">
        <v>169380</v>
      </c>
      <c r="HJ41" s="104">
        <v>194972</v>
      </c>
      <c r="HK41" s="104">
        <v>0</v>
      </c>
      <c r="HL41" s="104">
        <v>228628</v>
      </c>
      <c r="HM41" s="103">
        <v>750624</v>
      </c>
      <c r="HN41" s="99">
        <v>750624</v>
      </c>
      <c r="HO41" s="306">
        <v>0</v>
      </c>
      <c r="HP41" s="307">
        <v>0</v>
      </c>
      <c r="HQ41" s="308">
        <v>0</v>
      </c>
      <c r="HR41" s="309">
        <v>0</v>
      </c>
      <c r="HS41" s="307">
        <v>0</v>
      </c>
      <c r="HT41" s="307">
        <v>0</v>
      </c>
      <c r="HU41" s="307">
        <v>0</v>
      </c>
      <c r="HV41" s="307">
        <v>0</v>
      </c>
      <c r="HW41" s="307">
        <v>0</v>
      </c>
      <c r="HX41" s="310">
        <v>0</v>
      </c>
      <c r="HY41" s="311">
        <v>0</v>
      </c>
      <c r="HZ41" s="118">
        <v>0</v>
      </c>
      <c r="IA41" s="119">
        <v>0</v>
      </c>
      <c r="IB41" s="120">
        <v>0</v>
      </c>
      <c r="IC41" s="133">
        <v>0</v>
      </c>
      <c r="ID41" s="119">
        <v>76388</v>
      </c>
      <c r="IE41" s="134">
        <v>272826</v>
      </c>
      <c r="IF41" s="120">
        <v>74244</v>
      </c>
      <c r="IG41" s="119">
        <v>383940</v>
      </c>
      <c r="IH41" s="120">
        <v>0</v>
      </c>
      <c r="II41" s="135">
        <v>807398</v>
      </c>
      <c r="IJ41" s="126">
        <v>807398</v>
      </c>
      <c r="IK41" s="219">
        <v>0</v>
      </c>
      <c r="IL41" s="223">
        <v>0</v>
      </c>
      <c r="IM41" s="224">
        <v>0</v>
      </c>
      <c r="IN41" s="127">
        <v>0</v>
      </c>
      <c r="IO41" s="109">
        <v>0</v>
      </c>
      <c r="IP41" s="109">
        <v>0</v>
      </c>
      <c r="IQ41" s="109">
        <v>0</v>
      </c>
      <c r="IR41" s="109">
        <v>0</v>
      </c>
      <c r="IS41" s="109">
        <v>0</v>
      </c>
      <c r="IT41" s="128">
        <v>0</v>
      </c>
      <c r="IU41" s="298">
        <v>0</v>
      </c>
      <c r="IV41" s="129">
        <v>0</v>
      </c>
      <c r="IW41" s="109">
        <v>0</v>
      </c>
      <c r="IX41" s="110">
        <v>0</v>
      </c>
      <c r="IY41" s="131">
        <v>0</v>
      </c>
      <c r="IZ41" s="109">
        <v>0</v>
      </c>
      <c r="JA41" s="109">
        <v>0</v>
      </c>
      <c r="JB41" s="109">
        <v>0</v>
      </c>
      <c r="JC41" s="109">
        <v>0</v>
      </c>
      <c r="JD41" s="109">
        <v>0</v>
      </c>
      <c r="JE41" s="110">
        <v>0</v>
      </c>
      <c r="JF41" s="111">
        <v>0</v>
      </c>
      <c r="JG41" s="129">
        <v>0</v>
      </c>
      <c r="JH41" s="109">
        <v>0</v>
      </c>
      <c r="JI41" s="128">
        <v>0</v>
      </c>
      <c r="JJ41" s="108">
        <v>0</v>
      </c>
      <c r="JK41" s="109">
        <v>76388</v>
      </c>
      <c r="JL41" s="109">
        <v>33138</v>
      </c>
      <c r="JM41" s="109">
        <v>74244</v>
      </c>
      <c r="JN41" s="109">
        <v>132639</v>
      </c>
      <c r="JO41" s="109">
        <v>0</v>
      </c>
      <c r="JP41" s="110">
        <v>316409</v>
      </c>
      <c r="JQ41" s="298">
        <v>316409</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v>0</v>
      </c>
      <c r="KR41" s="109">
        <v>0</v>
      </c>
      <c r="KS41" s="109">
        <v>239688</v>
      </c>
      <c r="KT41" s="109">
        <v>0</v>
      </c>
      <c r="KU41" s="109">
        <v>251301</v>
      </c>
      <c r="KV41" s="109">
        <v>0</v>
      </c>
      <c r="KW41" s="110">
        <v>490989</v>
      </c>
      <c r="KX41" s="298">
        <v>490989</v>
      </c>
      <c r="KY41" s="129">
        <v>0</v>
      </c>
      <c r="KZ41" s="109">
        <v>0</v>
      </c>
      <c r="LA41" s="110">
        <v>0</v>
      </c>
      <c r="LB41" s="132">
        <v>0</v>
      </c>
      <c r="LC41" s="109">
        <v>0</v>
      </c>
      <c r="LD41" s="109">
        <v>0</v>
      </c>
      <c r="LE41" s="109">
        <v>0</v>
      </c>
      <c r="LF41" s="109">
        <v>0</v>
      </c>
      <c r="LG41" s="109">
        <v>0</v>
      </c>
      <c r="LH41" s="110">
        <v>0</v>
      </c>
      <c r="LI41" s="111">
        <v>0</v>
      </c>
      <c r="LJ41" s="129">
        <v>0</v>
      </c>
      <c r="LK41" s="109">
        <v>0</v>
      </c>
      <c r="LL41" s="110">
        <v>0</v>
      </c>
      <c r="LM41" s="132">
        <v>0</v>
      </c>
      <c r="LN41" s="109">
        <v>0</v>
      </c>
      <c r="LO41" s="109">
        <v>0</v>
      </c>
      <c r="LP41" s="109">
        <v>0</v>
      </c>
      <c r="LQ41" s="109">
        <v>0</v>
      </c>
      <c r="LR41" s="109">
        <v>0</v>
      </c>
      <c r="LS41" s="110">
        <v>0</v>
      </c>
      <c r="LT41" s="298">
        <v>0</v>
      </c>
      <c r="LU41" s="129">
        <v>0</v>
      </c>
      <c r="LV41" s="109">
        <v>0</v>
      </c>
      <c r="LW41" s="110">
        <v>0</v>
      </c>
      <c r="LX41" s="132">
        <v>0</v>
      </c>
      <c r="LY41" s="109">
        <v>0</v>
      </c>
      <c r="LZ41" s="109">
        <v>0</v>
      </c>
      <c r="MA41" s="109">
        <v>0</v>
      </c>
      <c r="MB41" s="109">
        <v>0</v>
      </c>
      <c r="MC41" s="109">
        <v>0</v>
      </c>
      <c r="MD41" s="110">
        <v>0</v>
      </c>
      <c r="ME41" s="111">
        <v>0</v>
      </c>
      <c r="MF41" s="129">
        <v>0</v>
      </c>
      <c r="MG41" s="109">
        <v>0</v>
      </c>
      <c r="MH41" s="110">
        <v>0</v>
      </c>
      <c r="MI41" s="132">
        <v>0</v>
      </c>
      <c r="MJ41" s="109">
        <v>0</v>
      </c>
      <c r="MK41" s="109">
        <v>230632</v>
      </c>
      <c r="ML41" s="109">
        <v>356151</v>
      </c>
      <c r="MM41" s="109">
        <v>512919</v>
      </c>
      <c r="MN41" s="109">
        <v>565936</v>
      </c>
      <c r="MO41" s="110">
        <v>1665638</v>
      </c>
      <c r="MP41" s="130">
        <v>1665638</v>
      </c>
      <c r="MQ41" s="129">
        <v>0</v>
      </c>
      <c r="MR41" s="109">
        <v>0</v>
      </c>
      <c r="MS41" s="110">
        <v>0</v>
      </c>
      <c r="MT41" s="132">
        <v>0</v>
      </c>
      <c r="MU41" s="109">
        <v>0</v>
      </c>
      <c r="MV41" s="109">
        <v>0</v>
      </c>
      <c r="MW41" s="109">
        <v>0</v>
      </c>
      <c r="MX41" s="109">
        <v>512919</v>
      </c>
      <c r="MY41" s="109">
        <v>565936</v>
      </c>
      <c r="MZ41" s="110">
        <v>1078855</v>
      </c>
      <c r="NA41" s="130">
        <v>1078855</v>
      </c>
      <c r="NB41" s="129">
        <v>0</v>
      </c>
      <c r="NC41" s="109">
        <v>0</v>
      </c>
      <c r="ND41" s="110">
        <v>0</v>
      </c>
      <c r="NE41" s="132">
        <v>0</v>
      </c>
      <c r="NF41" s="109">
        <v>0</v>
      </c>
      <c r="NG41" s="109">
        <v>230632</v>
      </c>
      <c r="NH41" s="109">
        <v>356151</v>
      </c>
      <c r="NI41" s="109">
        <v>0</v>
      </c>
      <c r="NJ41" s="109">
        <v>0</v>
      </c>
      <c r="NK41" s="110">
        <v>586783</v>
      </c>
      <c r="NL41" s="298">
        <v>586783</v>
      </c>
      <c r="NM41" s="129">
        <v>0</v>
      </c>
      <c r="NN41" s="109">
        <v>0</v>
      </c>
      <c r="NO41" s="110">
        <v>0</v>
      </c>
      <c r="NP41" s="132">
        <v>0</v>
      </c>
      <c r="NQ41" s="109">
        <v>0</v>
      </c>
      <c r="NR41" s="109">
        <v>0</v>
      </c>
      <c r="NS41" s="109">
        <v>0</v>
      </c>
      <c r="NT41" s="109">
        <v>0</v>
      </c>
      <c r="NU41" s="109">
        <v>0</v>
      </c>
      <c r="NV41" s="110">
        <v>0</v>
      </c>
      <c r="NW41" s="111">
        <v>0</v>
      </c>
      <c r="NX41" s="129">
        <v>0</v>
      </c>
      <c r="NY41" s="109">
        <v>0</v>
      </c>
      <c r="NZ41" s="110">
        <v>0</v>
      </c>
      <c r="OA41" s="132">
        <v>0</v>
      </c>
      <c r="OB41" s="109">
        <v>0</v>
      </c>
      <c r="OC41" s="109">
        <v>0</v>
      </c>
      <c r="OD41" s="109">
        <v>0</v>
      </c>
      <c r="OE41" s="109">
        <v>0</v>
      </c>
      <c r="OF41" s="109">
        <v>0</v>
      </c>
      <c r="OG41" s="110">
        <v>0</v>
      </c>
      <c r="OH41" s="111">
        <v>0</v>
      </c>
      <c r="OI41" s="129">
        <v>0</v>
      </c>
      <c r="OJ41" s="109">
        <v>193318</v>
      </c>
      <c r="OK41" s="128">
        <v>193318</v>
      </c>
      <c r="OL41" s="108">
        <v>0</v>
      </c>
      <c r="OM41" s="109">
        <v>525834</v>
      </c>
      <c r="ON41" s="109">
        <v>1005970</v>
      </c>
      <c r="OO41" s="109">
        <v>858796</v>
      </c>
      <c r="OP41" s="109">
        <v>1156385</v>
      </c>
      <c r="OQ41" s="109">
        <v>1459697</v>
      </c>
      <c r="OR41" s="110">
        <v>5006682</v>
      </c>
      <c r="OS41" s="130">
        <v>5200000</v>
      </c>
    </row>
    <row r="42" spans="2:409" ht="21" customHeight="1" thickBot="1" x14ac:dyDescent="0.25">
      <c r="B42" s="473" t="s">
        <v>37</v>
      </c>
      <c r="C42" s="107">
        <v>0</v>
      </c>
      <c r="D42" s="165">
        <v>37972</v>
      </c>
      <c r="E42" s="166">
        <v>37972</v>
      </c>
      <c r="F42" s="167">
        <v>0</v>
      </c>
      <c r="G42" s="165">
        <v>15202</v>
      </c>
      <c r="H42" s="165">
        <v>111987</v>
      </c>
      <c r="I42" s="165">
        <v>0</v>
      </c>
      <c r="J42" s="165">
        <v>227864</v>
      </c>
      <c r="K42" s="165">
        <v>0</v>
      </c>
      <c r="L42" s="167">
        <v>355053</v>
      </c>
      <c r="M42" s="168">
        <v>393025</v>
      </c>
      <c r="N42" s="107">
        <v>0</v>
      </c>
      <c r="O42" s="165">
        <v>0</v>
      </c>
      <c r="P42" s="166">
        <v>0</v>
      </c>
      <c r="Q42" s="107">
        <v>0</v>
      </c>
      <c r="R42" s="165">
        <v>15202</v>
      </c>
      <c r="S42" s="165">
        <v>0</v>
      </c>
      <c r="T42" s="165">
        <v>0</v>
      </c>
      <c r="U42" s="165">
        <v>12976</v>
      </c>
      <c r="V42" s="165">
        <v>0</v>
      </c>
      <c r="W42" s="166">
        <v>28178</v>
      </c>
      <c r="X42" s="168">
        <v>28178</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15202</v>
      </c>
      <c r="AZ42" s="165">
        <v>0</v>
      </c>
      <c r="BA42" s="165">
        <v>0</v>
      </c>
      <c r="BB42" s="165">
        <v>0</v>
      </c>
      <c r="BC42" s="165">
        <v>0</v>
      </c>
      <c r="BD42" s="166">
        <v>15202</v>
      </c>
      <c r="BE42" s="168">
        <v>15202</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12976</v>
      </c>
      <c r="BY42" s="165">
        <v>0</v>
      </c>
      <c r="BZ42" s="166">
        <v>12976</v>
      </c>
      <c r="CA42" s="168">
        <v>12976</v>
      </c>
      <c r="CB42" s="107">
        <v>0</v>
      </c>
      <c r="CC42" s="165">
        <v>36772</v>
      </c>
      <c r="CD42" s="166">
        <v>36772</v>
      </c>
      <c r="CE42" s="107">
        <v>0</v>
      </c>
      <c r="CF42" s="165">
        <v>0</v>
      </c>
      <c r="CG42" s="165">
        <v>92979</v>
      </c>
      <c r="CH42" s="165">
        <v>0</v>
      </c>
      <c r="CI42" s="165">
        <v>0</v>
      </c>
      <c r="CJ42" s="165">
        <v>0</v>
      </c>
      <c r="CK42" s="166">
        <v>92979</v>
      </c>
      <c r="CL42" s="168">
        <v>129751</v>
      </c>
      <c r="CM42" s="107">
        <v>0</v>
      </c>
      <c r="CN42" s="165">
        <v>0</v>
      </c>
      <c r="CO42" s="166">
        <v>0</v>
      </c>
      <c r="CP42" s="169">
        <v>0</v>
      </c>
      <c r="CQ42" s="165">
        <v>0</v>
      </c>
      <c r="CR42" s="165">
        <v>92979</v>
      </c>
      <c r="CS42" s="165">
        <v>0</v>
      </c>
      <c r="CT42" s="165">
        <v>0</v>
      </c>
      <c r="CU42" s="165">
        <v>0</v>
      </c>
      <c r="CV42" s="166">
        <v>92979</v>
      </c>
      <c r="CW42" s="168">
        <v>92979</v>
      </c>
      <c r="CX42" s="107">
        <v>0</v>
      </c>
      <c r="CY42" s="165">
        <v>36772</v>
      </c>
      <c r="CZ42" s="166">
        <v>36772</v>
      </c>
      <c r="DA42" s="107">
        <v>0</v>
      </c>
      <c r="DB42" s="165">
        <v>0</v>
      </c>
      <c r="DC42" s="165">
        <v>0</v>
      </c>
      <c r="DD42" s="165">
        <v>0</v>
      </c>
      <c r="DE42" s="165">
        <v>0</v>
      </c>
      <c r="DF42" s="165">
        <v>0</v>
      </c>
      <c r="DG42" s="166">
        <v>0</v>
      </c>
      <c r="DH42" s="168">
        <v>36772</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v>0</v>
      </c>
      <c r="FE42" s="165">
        <v>0</v>
      </c>
      <c r="FF42" s="165">
        <v>0</v>
      </c>
      <c r="FG42" s="165">
        <v>0</v>
      </c>
      <c r="FH42" s="165">
        <v>0</v>
      </c>
      <c r="FI42" s="165">
        <v>0</v>
      </c>
      <c r="FJ42" s="166">
        <v>0</v>
      </c>
      <c r="FK42" s="168">
        <v>0</v>
      </c>
      <c r="FL42" s="107">
        <v>0</v>
      </c>
      <c r="FM42" s="165">
        <v>1200</v>
      </c>
      <c r="FN42" s="166">
        <v>1200</v>
      </c>
      <c r="FO42" s="107">
        <v>0</v>
      </c>
      <c r="FP42" s="165">
        <v>0</v>
      </c>
      <c r="FQ42" s="165">
        <v>19008</v>
      </c>
      <c r="FR42" s="165">
        <v>0</v>
      </c>
      <c r="FS42" s="165">
        <v>0</v>
      </c>
      <c r="FT42" s="165">
        <v>0</v>
      </c>
      <c r="FU42" s="166">
        <v>19008</v>
      </c>
      <c r="FV42" s="168">
        <v>20208</v>
      </c>
      <c r="FW42" s="171">
        <v>0</v>
      </c>
      <c r="FX42" s="165">
        <v>1200</v>
      </c>
      <c r="FY42" s="170">
        <v>1200</v>
      </c>
      <c r="FZ42" s="169">
        <v>0</v>
      </c>
      <c r="GA42" s="165">
        <v>0</v>
      </c>
      <c r="GB42" s="165">
        <v>19008</v>
      </c>
      <c r="GC42" s="165">
        <v>0</v>
      </c>
      <c r="GD42" s="165">
        <v>0</v>
      </c>
      <c r="GE42" s="165">
        <v>0</v>
      </c>
      <c r="GF42" s="166">
        <v>19008</v>
      </c>
      <c r="GG42" s="297">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214888</v>
      </c>
      <c r="HL42" s="165">
        <v>0</v>
      </c>
      <c r="HM42" s="166">
        <v>214888</v>
      </c>
      <c r="HN42" s="167">
        <v>214888</v>
      </c>
      <c r="HO42" s="312">
        <v>0</v>
      </c>
      <c r="HP42" s="313">
        <v>0</v>
      </c>
      <c r="HQ42" s="314">
        <v>0</v>
      </c>
      <c r="HR42" s="315">
        <v>0</v>
      </c>
      <c r="HS42" s="313">
        <v>0</v>
      </c>
      <c r="HT42" s="313">
        <v>0</v>
      </c>
      <c r="HU42" s="313">
        <v>0</v>
      </c>
      <c r="HV42" s="313">
        <v>0</v>
      </c>
      <c r="HW42" s="313">
        <v>0</v>
      </c>
      <c r="HX42" s="316">
        <v>0</v>
      </c>
      <c r="HY42" s="317">
        <v>0</v>
      </c>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v>0</v>
      </c>
      <c r="IO42" s="148">
        <v>0</v>
      </c>
      <c r="IP42" s="148">
        <v>0</v>
      </c>
      <c r="IQ42" s="148">
        <v>0</v>
      </c>
      <c r="IR42" s="148">
        <v>0</v>
      </c>
      <c r="IS42" s="148">
        <v>0</v>
      </c>
      <c r="IT42" s="149">
        <v>0</v>
      </c>
      <c r="IU42" s="299">
        <v>0</v>
      </c>
      <c r="IV42" s="150">
        <v>0</v>
      </c>
      <c r="IW42" s="148">
        <v>0</v>
      </c>
      <c r="IX42" s="152">
        <v>0</v>
      </c>
      <c r="IY42" s="155">
        <v>0</v>
      </c>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9">
        <v>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v>0</v>
      </c>
      <c r="KR42" s="148">
        <v>0</v>
      </c>
      <c r="KS42" s="148">
        <v>0</v>
      </c>
      <c r="KT42" s="148">
        <v>0</v>
      </c>
      <c r="KU42" s="148">
        <v>0</v>
      </c>
      <c r="KV42" s="148">
        <v>0</v>
      </c>
      <c r="KW42" s="152">
        <v>0</v>
      </c>
      <c r="KX42" s="299">
        <v>0</v>
      </c>
      <c r="KY42" s="150">
        <v>0</v>
      </c>
      <c r="KZ42" s="148">
        <v>0</v>
      </c>
      <c r="LA42" s="152">
        <v>0</v>
      </c>
      <c r="LB42" s="156">
        <v>0</v>
      </c>
      <c r="LC42" s="148">
        <v>0</v>
      </c>
      <c r="LD42" s="148">
        <v>0</v>
      </c>
      <c r="LE42" s="148">
        <v>0</v>
      </c>
      <c r="LF42" s="148">
        <v>0</v>
      </c>
      <c r="LG42" s="148">
        <v>0</v>
      </c>
      <c r="LH42" s="152">
        <v>0</v>
      </c>
      <c r="LI42" s="153">
        <v>0</v>
      </c>
      <c r="LJ42" s="150">
        <v>0</v>
      </c>
      <c r="LK42" s="148">
        <v>0</v>
      </c>
      <c r="LL42" s="152">
        <v>0</v>
      </c>
      <c r="LM42" s="156">
        <v>0</v>
      </c>
      <c r="LN42" s="148">
        <v>0</v>
      </c>
      <c r="LO42" s="148">
        <v>0</v>
      </c>
      <c r="LP42" s="148">
        <v>0</v>
      </c>
      <c r="LQ42" s="148">
        <v>0</v>
      </c>
      <c r="LR42" s="148">
        <v>0</v>
      </c>
      <c r="LS42" s="152">
        <v>0</v>
      </c>
      <c r="LT42" s="299">
        <v>0</v>
      </c>
      <c r="LU42" s="150">
        <v>0</v>
      </c>
      <c r="LV42" s="148">
        <v>0</v>
      </c>
      <c r="LW42" s="152">
        <v>0</v>
      </c>
      <c r="LX42" s="156">
        <v>0</v>
      </c>
      <c r="LY42" s="148">
        <v>0</v>
      </c>
      <c r="LZ42" s="148">
        <v>0</v>
      </c>
      <c r="MA42" s="148">
        <v>0</v>
      </c>
      <c r="MB42" s="148">
        <v>0</v>
      </c>
      <c r="MC42" s="148">
        <v>0</v>
      </c>
      <c r="MD42" s="152">
        <v>0</v>
      </c>
      <c r="ME42" s="153">
        <v>0</v>
      </c>
      <c r="MF42" s="150">
        <v>0</v>
      </c>
      <c r="MG42" s="148">
        <v>0</v>
      </c>
      <c r="MH42" s="152">
        <v>0</v>
      </c>
      <c r="MI42" s="156">
        <v>0</v>
      </c>
      <c r="MJ42" s="148">
        <v>0</v>
      </c>
      <c r="MK42" s="148">
        <v>0</v>
      </c>
      <c r="ML42" s="148">
        <v>226061</v>
      </c>
      <c r="MM42" s="148">
        <v>0</v>
      </c>
      <c r="MN42" s="148">
        <v>0</v>
      </c>
      <c r="MO42" s="152">
        <v>226061</v>
      </c>
      <c r="MP42" s="154">
        <v>226061</v>
      </c>
      <c r="MQ42" s="150">
        <v>0</v>
      </c>
      <c r="MR42" s="148">
        <v>0</v>
      </c>
      <c r="MS42" s="152">
        <v>0</v>
      </c>
      <c r="MT42" s="156">
        <v>0</v>
      </c>
      <c r="MU42" s="148">
        <v>0</v>
      </c>
      <c r="MV42" s="148">
        <v>0</v>
      </c>
      <c r="MW42" s="148">
        <v>226061</v>
      </c>
      <c r="MX42" s="148">
        <v>0</v>
      </c>
      <c r="MY42" s="148">
        <v>0</v>
      </c>
      <c r="MZ42" s="152">
        <v>226061</v>
      </c>
      <c r="NA42" s="154">
        <v>226061</v>
      </c>
      <c r="NB42" s="150">
        <v>0</v>
      </c>
      <c r="NC42" s="148">
        <v>0</v>
      </c>
      <c r="ND42" s="152">
        <v>0</v>
      </c>
      <c r="NE42" s="156">
        <v>0</v>
      </c>
      <c r="NF42" s="148">
        <v>0</v>
      </c>
      <c r="NG42" s="148">
        <v>0</v>
      </c>
      <c r="NH42" s="148">
        <v>0</v>
      </c>
      <c r="NI42" s="148">
        <v>0</v>
      </c>
      <c r="NJ42" s="148">
        <v>0</v>
      </c>
      <c r="NK42" s="152">
        <v>0</v>
      </c>
      <c r="NL42" s="299">
        <v>0</v>
      </c>
      <c r="NM42" s="150">
        <v>0</v>
      </c>
      <c r="NN42" s="148">
        <v>0</v>
      </c>
      <c r="NO42" s="152">
        <v>0</v>
      </c>
      <c r="NP42" s="156">
        <v>0</v>
      </c>
      <c r="NQ42" s="148">
        <v>0</v>
      </c>
      <c r="NR42" s="148">
        <v>0</v>
      </c>
      <c r="NS42" s="148">
        <v>0</v>
      </c>
      <c r="NT42" s="148">
        <v>0</v>
      </c>
      <c r="NU42" s="148">
        <v>0</v>
      </c>
      <c r="NV42" s="152">
        <v>0</v>
      </c>
      <c r="NW42" s="153">
        <v>0</v>
      </c>
      <c r="NX42" s="150">
        <v>0</v>
      </c>
      <c r="NY42" s="148">
        <v>0</v>
      </c>
      <c r="NZ42" s="152">
        <v>0</v>
      </c>
      <c r="OA42" s="156">
        <v>0</v>
      </c>
      <c r="OB42" s="148">
        <v>0</v>
      </c>
      <c r="OC42" s="148">
        <v>0</v>
      </c>
      <c r="OD42" s="148">
        <v>0</v>
      </c>
      <c r="OE42" s="148">
        <v>0</v>
      </c>
      <c r="OF42" s="148">
        <v>0</v>
      </c>
      <c r="OG42" s="152">
        <v>0</v>
      </c>
      <c r="OH42" s="153">
        <v>0</v>
      </c>
      <c r="OI42" s="150">
        <v>0</v>
      </c>
      <c r="OJ42" s="148">
        <v>37972</v>
      </c>
      <c r="OK42" s="149">
        <v>37972</v>
      </c>
      <c r="OL42" s="151">
        <v>0</v>
      </c>
      <c r="OM42" s="148">
        <v>15202</v>
      </c>
      <c r="ON42" s="148">
        <v>111987</v>
      </c>
      <c r="OO42" s="148">
        <v>226061</v>
      </c>
      <c r="OP42" s="148">
        <v>227864</v>
      </c>
      <c r="OQ42" s="148">
        <v>0</v>
      </c>
      <c r="OR42" s="152">
        <v>581114</v>
      </c>
      <c r="OS42" s="154">
        <v>619086</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5</v>
      </c>
      <c r="E1" s="468">
        <f>第１表!F2</f>
        <v>5</v>
      </c>
      <c r="F1" s="233">
        <f>第１表!G2</f>
        <v>8</v>
      </c>
      <c r="G1" s="654">
        <f>IF(F1&lt;3,F1-2+12,F1-2)</f>
        <v>6</v>
      </c>
      <c r="H1" s="654"/>
      <c r="IB1" s="341"/>
      <c r="IC1" s="239"/>
      <c r="ID1" s="624"/>
      <c r="IE1" s="624"/>
    </row>
    <row r="2" spans="2:409" ht="24" customHeight="1" x14ac:dyDescent="0.2">
      <c r="B2" s="15" t="s">
        <v>146</v>
      </c>
      <c r="E2" s="236"/>
      <c r="F2" s="237"/>
      <c r="G2" s="330"/>
      <c r="H2" s="330"/>
      <c r="IB2" s="238"/>
      <c r="IC2" s="239"/>
      <c r="ID2" s="344"/>
      <c r="IE2" s="344"/>
    </row>
    <row r="3" spans="2:409" ht="24" customHeight="1" thickBot="1" x14ac:dyDescent="0.25">
      <c r="B3" s="15" t="s">
        <v>155</v>
      </c>
    </row>
    <row r="4" spans="2:409" ht="21" customHeight="1" thickBot="1" x14ac:dyDescent="0.25">
      <c r="B4" s="684" t="s">
        <v>42</v>
      </c>
      <c r="C4" s="687" t="s">
        <v>63</v>
      </c>
      <c r="D4" s="687"/>
      <c r="E4" s="687"/>
      <c r="F4" s="687"/>
      <c r="G4" s="687"/>
      <c r="H4" s="687"/>
      <c r="I4" s="687"/>
      <c r="J4" s="687"/>
      <c r="K4" s="687"/>
      <c r="L4" s="687"/>
      <c r="M4" s="687"/>
      <c r="N4" s="690"/>
      <c r="O4" s="690"/>
      <c r="P4" s="690"/>
      <c r="Q4" s="690"/>
      <c r="R4" s="690"/>
      <c r="S4" s="690"/>
      <c r="T4" s="690"/>
      <c r="U4" s="690"/>
      <c r="V4" s="690"/>
      <c r="W4" s="690"/>
      <c r="X4" s="690"/>
      <c r="Y4" s="690"/>
      <c r="Z4" s="690"/>
      <c r="AA4" s="690"/>
      <c r="AB4" s="690"/>
      <c r="AC4" s="690"/>
      <c r="AD4" s="690"/>
      <c r="AE4" s="690"/>
      <c r="AF4" s="690"/>
      <c r="AG4" s="690"/>
      <c r="AH4" s="690"/>
      <c r="AI4" s="690"/>
      <c r="AJ4" s="690"/>
      <c r="AK4" s="690"/>
      <c r="AL4" s="690"/>
      <c r="AM4" s="690"/>
      <c r="AN4" s="690"/>
      <c r="AO4" s="690"/>
      <c r="AP4" s="690"/>
      <c r="AQ4" s="690"/>
      <c r="AR4" s="690"/>
      <c r="AS4" s="690"/>
      <c r="AT4" s="690"/>
      <c r="AU4" s="690"/>
      <c r="AV4" s="690"/>
      <c r="AW4" s="690"/>
      <c r="AX4" s="690"/>
      <c r="AY4" s="690"/>
      <c r="AZ4" s="690"/>
      <c r="BA4" s="690"/>
      <c r="BB4" s="690"/>
      <c r="BC4" s="690"/>
      <c r="BD4" s="690"/>
      <c r="BE4" s="690"/>
      <c r="BF4" s="690"/>
      <c r="BG4" s="690"/>
      <c r="BH4" s="690"/>
      <c r="BI4" s="690"/>
      <c r="BJ4" s="690"/>
      <c r="BK4" s="690"/>
      <c r="BL4" s="690"/>
      <c r="BM4" s="690"/>
      <c r="BN4" s="690"/>
      <c r="BO4" s="690"/>
      <c r="BP4" s="690"/>
      <c r="BQ4" s="690"/>
      <c r="BR4" s="690"/>
      <c r="BS4" s="690"/>
      <c r="BT4" s="690"/>
      <c r="BU4" s="690"/>
      <c r="BV4" s="690"/>
      <c r="BW4" s="690"/>
      <c r="BX4" s="690"/>
      <c r="BY4" s="690"/>
      <c r="BZ4" s="690"/>
      <c r="CA4" s="690"/>
      <c r="CB4" s="690"/>
      <c r="CC4" s="690"/>
      <c r="CD4" s="690"/>
      <c r="CE4" s="690"/>
      <c r="CF4" s="690"/>
      <c r="CG4" s="690"/>
      <c r="CH4" s="690"/>
      <c r="CI4" s="690"/>
      <c r="CJ4" s="690"/>
      <c r="CK4" s="690"/>
      <c r="CL4" s="690"/>
      <c r="CM4" s="690"/>
      <c r="CN4" s="690"/>
      <c r="CO4" s="690"/>
      <c r="CP4" s="690"/>
      <c r="CQ4" s="690"/>
      <c r="CR4" s="690"/>
      <c r="CS4" s="690"/>
      <c r="CT4" s="690"/>
      <c r="CU4" s="690"/>
      <c r="CV4" s="690"/>
      <c r="CW4" s="690"/>
      <c r="CX4" s="690"/>
      <c r="CY4" s="690"/>
      <c r="CZ4" s="690"/>
      <c r="DA4" s="690"/>
      <c r="DB4" s="690"/>
      <c r="DC4" s="690"/>
      <c r="DD4" s="690"/>
      <c r="DE4" s="690"/>
      <c r="DF4" s="690"/>
      <c r="DG4" s="690"/>
      <c r="DH4" s="690"/>
      <c r="DI4" s="690"/>
      <c r="DJ4" s="690"/>
      <c r="DK4" s="690"/>
      <c r="DL4" s="690"/>
      <c r="DM4" s="690"/>
      <c r="DN4" s="690"/>
      <c r="DO4" s="690"/>
      <c r="DP4" s="690"/>
      <c r="DQ4" s="690"/>
      <c r="DR4" s="690"/>
      <c r="DS4" s="690"/>
      <c r="DT4" s="690"/>
      <c r="DU4" s="690"/>
      <c r="DV4" s="690"/>
      <c r="DW4" s="690"/>
      <c r="DX4" s="690"/>
      <c r="DY4" s="690"/>
      <c r="DZ4" s="690"/>
      <c r="EA4" s="690"/>
      <c r="EB4" s="690"/>
      <c r="EC4" s="690"/>
      <c r="ED4" s="690"/>
      <c r="EE4" s="690"/>
      <c r="EF4" s="690"/>
      <c r="EG4" s="690"/>
      <c r="EH4" s="690"/>
      <c r="EI4" s="690"/>
      <c r="EJ4" s="690"/>
      <c r="EK4" s="690"/>
      <c r="EL4" s="690"/>
      <c r="EM4" s="690"/>
      <c r="EN4" s="690"/>
      <c r="EO4" s="690"/>
      <c r="EP4" s="690"/>
      <c r="EQ4" s="690"/>
      <c r="ER4" s="690"/>
      <c r="ES4" s="690"/>
      <c r="ET4" s="690"/>
      <c r="EU4" s="690"/>
      <c r="EV4" s="690"/>
      <c r="EW4" s="690"/>
      <c r="EX4" s="690"/>
      <c r="EY4" s="690"/>
      <c r="EZ4" s="690"/>
      <c r="FA4" s="690"/>
      <c r="FB4" s="690"/>
      <c r="FC4" s="690"/>
      <c r="FD4" s="690"/>
      <c r="FE4" s="690"/>
      <c r="FF4" s="690"/>
      <c r="FG4" s="690"/>
      <c r="FH4" s="690"/>
      <c r="FI4" s="690"/>
      <c r="FJ4" s="690"/>
      <c r="FK4" s="690"/>
      <c r="FL4" s="690"/>
      <c r="FM4" s="690"/>
      <c r="FN4" s="690"/>
      <c r="FO4" s="690"/>
      <c r="FP4" s="690"/>
      <c r="FQ4" s="690"/>
      <c r="FR4" s="690"/>
      <c r="FS4" s="690"/>
      <c r="FT4" s="690"/>
      <c r="FU4" s="690"/>
      <c r="FV4" s="690"/>
      <c r="FW4" s="690"/>
      <c r="FX4" s="690"/>
      <c r="FY4" s="690"/>
      <c r="FZ4" s="690"/>
      <c r="GA4" s="690"/>
      <c r="GB4" s="690"/>
      <c r="GC4" s="690"/>
      <c r="GD4" s="690"/>
      <c r="GE4" s="690"/>
      <c r="GF4" s="690"/>
      <c r="GG4" s="690"/>
      <c r="GH4" s="690"/>
      <c r="GI4" s="690"/>
      <c r="GJ4" s="690"/>
      <c r="GK4" s="690"/>
      <c r="GL4" s="690"/>
      <c r="GM4" s="690"/>
      <c r="GN4" s="690"/>
      <c r="GO4" s="690"/>
      <c r="GP4" s="690"/>
      <c r="GQ4" s="690"/>
      <c r="GR4" s="690"/>
      <c r="GS4" s="690"/>
      <c r="GT4" s="690"/>
      <c r="GU4" s="690"/>
      <c r="GV4" s="690"/>
      <c r="GW4" s="690"/>
      <c r="GX4" s="690"/>
      <c r="GY4" s="690"/>
      <c r="GZ4" s="690"/>
      <c r="HA4" s="690"/>
      <c r="HB4" s="690"/>
      <c r="HC4" s="690"/>
      <c r="HD4" s="690"/>
      <c r="HE4" s="690"/>
      <c r="HF4" s="690"/>
      <c r="HG4" s="690"/>
      <c r="HH4" s="690"/>
      <c r="HI4" s="690"/>
      <c r="HJ4" s="690"/>
      <c r="HK4" s="690"/>
      <c r="HL4" s="690"/>
      <c r="HM4" s="690"/>
      <c r="HN4" s="690"/>
      <c r="HO4" s="690"/>
      <c r="HP4" s="690"/>
      <c r="HQ4" s="690"/>
      <c r="HR4" s="690"/>
      <c r="HS4" s="690"/>
      <c r="HT4" s="690"/>
      <c r="HU4" s="690"/>
      <c r="HV4" s="690"/>
      <c r="HW4" s="690"/>
      <c r="HX4" s="690"/>
      <c r="HY4" s="691"/>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2:409" ht="21" customHeight="1" thickBot="1" x14ac:dyDescent="0.25">
      <c r="B5" s="685"/>
      <c r="C5" s="688"/>
      <c r="D5" s="688"/>
      <c r="E5" s="688"/>
      <c r="F5" s="688"/>
      <c r="G5" s="688"/>
      <c r="H5" s="688"/>
      <c r="I5" s="688"/>
      <c r="J5" s="688"/>
      <c r="K5" s="688"/>
      <c r="L5" s="688"/>
      <c r="M5" s="688"/>
      <c r="N5" s="692" t="s">
        <v>64</v>
      </c>
      <c r="O5" s="693"/>
      <c r="P5" s="693"/>
      <c r="Q5" s="693"/>
      <c r="R5" s="693"/>
      <c r="S5" s="693"/>
      <c r="T5" s="693"/>
      <c r="U5" s="693"/>
      <c r="V5" s="693"/>
      <c r="W5" s="693"/>
      <c r="X5" s="693"/>
      <c r="Y5" s="693"/>
      <c r="Z5" s="693"/>
      <c r="AA5" s="693"/>
      <c r="AB5" s="693"/>
      <c r="AC5" s="693"/>
      <c r="AD5" s="693"/>
      <c r="AE5" s="693"/>
      <c r="AF5" s="693"/>
      <c r="AG5" s="693"/>
      <c r="AH5" s="693"/>
      <c r="AI5" s="693"/>
      <c r="AJ5" s="693"/>
      <c r="AK5" s="693"/>
      <c r="AL5" s="693"/>
      <c r="AM5" s="693"/>
      <c r="AN5" s="693"/>
      <c r="AO5" s="693"/>
      <c r="AP5" s="693"/>
      <c r="AQ5" s="693"/>
      <c r="AR5" s="693"/>
      <c r="AS5" s="693"/>
      <c r="AT5" s="693"/>
      <c r="AU5" s="693"/>
      <c r="AV5" s="693"/>
      <c r="AW5" s="693"/>
      <c r="AX5" s="693"/>
      <c r="AY5" s="693"/>
      <c r="AZ5" s="693"/>
      <c r="BA5" s="693"/>
      <c r="BB5" s="693"/>
      <c r="BC5" s="693"/>
      <c r="BD5" s="693"/>
      <c r="BE5" s="693"/>
      <c r="BF5" s="693"/>
      <c r="BG5" s="693"/>
      <c r="BH5" s="693"/>
      <c r="BI5" s="693"/>
      <c r="BJ5" s="693"/>
      <c r="BK5" s="693"/>
      <c r="BL5" s="693"/>
      <c r="BM5" s="693"/>
      <c r="BN5" s="693"/>
      <c r="BO5" s="693"/>
      <c r="BP5" s="693"/>
      <c r="BQ5" s="693"/>
      <c r="BR5" s="693"/>
      <c r="BS5" s="693"/>
      <c r="BT5" s="693"/>
      <c r="BU5" s="693"/>
      <c r="BV5" s="693"/>
      <c r="BW5" s="693"/>
      <c r="BX5" s="693"/>
      <c r="BY5" s="693"/>
      <c r="BZ5" s="693"/>
      <c r="CA5" s="694"/>
      <c r="CB5" s="692" t="s">
        <v>65</v>
      </c>
      <c r="CC5" s="693"/>
      <c r="CD5" s="693"/>
      <c r="CE5" s="693"/>
      <c r="CF5" s="693"/>
      <c r="CG5" s="693"/>
      <c r="CH5" s="693"/>
      <c r="CI5" s="693"/>
      <c r="CJ5" s="693"/>
      <c r="CK5" s="693"/>
      <c r="CL5" s="693"/>
      <c r="CM5" s="693"/>
      <c r="CN5" s="693"/>
      <c r="CO5" s="693"/>
      <c r="CP5" s="693"/>
      <c r="CQ5" s="693"/>
      <c r="CR5" s="693"/>
      <c r="CS5" s="693"/>
      <c r="CT5" s="693"/>
      <c r="CU5" s="693"/>
      <c r="CV5" s="693"/>
      <c r="CW5" s="693"/>
      <c r="CX5" s="693"/>
      <c r="CY5" s="693"/>
      <c r="CZ5" s="693"/>
      <c r="DA5" s="693"/>
      <c r="DB5" s="693"/>
      <c r="DC5" s="693"/>
      <c r="DD5" s="693"/>
      <c r="DE5" s="693"/>
      <c r="DF5" s="693"/>
      <c r="DG5" s="693"/>
      <c r="DH5" s="694"/>
      <c r="DI5" s="496" t="s">
        <v>66</v>
      </c>
      <c r="DJ5" s="497"/>
      <c r="DK5" s="497"/>
      <c r="DL5" s="497"/>
      <c r="DM5" s="497"/>
      <c r="DN5" s="497"/>
      <c r="DO5" s="497"/>
      <c r="DP5" s="497"/>
      <c r="DQ5" s="497"/>
      <c r="DR5" s="497"/>
      <c r="DS5" s="497"/>
      <c r="DT5" s="497"/>
      <c r="DU5" s="497"/>
      <c r="DV5" s="497"/>
      <c r="DW5" s="497"/>
      <c r="DX5" s="497"/>
      <c r="DY5" s="497"/>
      <c r="DZ5" s="497"/>
      <c r="EA5" s="497"/>
      <c r="EB5" s="497"/>
      <c r="EC5" s="497"/>
      <c r="ED5" s="497"/>
      <c r="EE5" s="497"/>
      <c r="EF5" s="497"/>
      <c r="EG5" s="497"/>
      <c r="EH5" s="497"/>
      <c r="EI5" s="497"/>
      <c r="EJ5" s="497"/>
      <c r="EK5" s="497"/>
      <c r="EL5" s="497"/>
      <c r="EM5" s="497"/>
      <c r="EN5" s="497"/>
      <c r="EO5" s="497"/>
      <c r="EP5" s="497"/>
      <c r="EQ5" s="497"/>
      <c r="ER5" s="497"/>
      <c r="ES5" s="497"/>
      <c r="ET5" s="497"/>
      <c r="EU5" s="497"/>
      <c r="EV5" s="497"/>
      <c r="EW5" s="497"/>
      <c r="EX5" s="497"/>
      <c r="EY5" s="497"/>
      <c r="EZ5" s="497"/>
      <c r="FA5" s="497"/>
      <c r="FB5" s="497"/>
      <c r="FC5" s="497"/>
      <c r="FD5" s="497"/>
      <c r="FE5" s="497"/>
      <c r="FF5" s="497"/>
      <c r="FG5" s="497"/>
      <c r="FH5" s="497"/>
      <c r="FI5" s="497"/>
      <c r="FJ5" s="497"/>
      <c r="FK5" s="498"/>
      <c r="FL5" s="692" t="s">
        <v>67</v>
      </c>
      <c r="FM5" s="693"/>
      <c r="FN5" s="693"/>
      <c r="FO5" s="693"/>
      <c r="FP5" s="693"/>
      <c r="FQ5" s="693"/>
      <c r="FR5" s="693"/>
      <c r="FS5" s="693"/>
      <c r="FT5" s="693"/>
      <c r="FU5" s="693"/>
      <c r="FV5" s="693"/>
      <c r="FW5" s="693"/>
      <c r="FX5" s="693"/>
      <c r="FY5" s="693"/>
      <c r="FZ5" s="693"/>
      <c r="GA5" s="693"/>
      <c r="GB5" s="693"/>
      <c r="GC5" s="693"/>
      <c r="GD5" s="693"/>
      <c r="GE5" s="693"/>
      <c r="GF5" s="693"/>
      <c r="GG5" s="693"/>
      <c r="GH5" s="693"/>
      <c r="GI5" s="693"/>
      <c r="GJ5" s="693"/>
      <c r="GK5" s="693"/>
      <c r="GL5" s="693"/>
      <c r="GM5" s="693"/>
      <c r="GN5" s="693"/>
      <c r="GO5" s="693"/>
      <c r="GP5" s="693"/>
      <c r="GQ5" s="693"/>
      <c r="GR5" s="693"/>
      <c r="GS5" s="693"/>
      <c r="GT5" s="693"/>
      <c r="GU5" s="693"/>
      <c r="GV5" s="693"/>
      <c r="GW5" s="693"/>
      <c r="GX5" s="693"/>
      <c r="GY5" s="693"/>
      <c r="GZ5" s="693"/>
      <c r="HA5" s="693"/>
      <c r="HB5" s="693"/>
      <c r="HC5" s="694"/>
      <c r="HD5" s="695" t="s">
        <v>68</v>
      </c>
      <c r="HE5" s="696"/>
      <c r="HF5" s="696"/>
      <c r="HG5" s="696"/>
      <c r="HH5" s="696"/>
      <c r="HI5" s="696"/>
      <c r="HJ5" s="696"/>
      <c r="HK5" s="696"/>
      <c r="HL5" s="696"/>
      <c r="HM5" s="696"/>
      <c r="HN5" s="697"/>
      <c r="HO5" s="695" t="s">
        <v>69</v>
      </c>
      <c r="HP5" s="696"/>
      <c r="HQ5" s="696"/>
      <c r="HR5" s="696"/>
      <c r="HS5" s="696"/>
      <c r="HT5" s="696"/>
      <c r="HU5" s="696"/>
      <c r="HV5" s="696"/>
      <c r="HW5" s="696"/>
      <c r="HX5" s="696"/>
      <c r="HY5" s="6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2:409" ht="21" customHeight="1" thickBot="1" x14ac:dyDescent="0.25">
      <c r="B6" s="685"/>
      <c r="C6" s="689"/>
      <c r="D6" s="689"/>
      <c r="E6" s="689"/>
      <c r="F6" s="689"/>
      <c r="G6" s="689"/>
      <c r="H6" s="689"/>
      <c r="I6" s="689"/>
      <c r="J6" s="689"/>
      <c r="K6" s="689"/>
      <c r="L6" s="689"/>
      <c r="M6" s="689"/>
      <c r="N6" s="488"/>
      <c r="O6" s="489"/>
      <c r="P6" s="489"/>
      <c r="Q6" s="489"/>
      <c r="R6" s="489"/>
      <c r="S6" s="489"/>
      <c r="T6" s="489"/>
      <c r="U6" s="489"/>
      <c r="V6" s="489"/>
      <c r="W6" s="489"/>
      <c r="X6" s="490"/>
      <c r="Y6" s="677" t="s">
        <v>70</v>
      </c>
      <c r="Z6" s="492"/>
      <c r="AA6" s="492"/>
      <c r="AB6" s="492"/>
      <c r="AC6" s="492"/>
      <c r="AD6" s="492"/>
      <c r="AE6" s="492"/>
      <c r="AF6" s="492"/>
      <c r="AG6" s="492"/>
      <c r="AH6" s="492"/>
      <c r="AI6" s="493"/>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5"/>
      <c r="CC6" s="676"/>
      <c r="CD6" s="676"/>
      <c r="CE6" s="676"/>
      <c r="CF6" s="676"/>
      <c r="CG6" s="676"/>
      <c r="CH6" s="676"/>
      <c r="CI6" s="676"/>
      <c r="CJ6" s="676"/>
      <c r="CK6" s="676"/>
      <c r="CL6" s="701"/>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5"/>
      <c r="DJ6" s="676"/>
      <c r="DK6" s="676"/>
      <c r="DL6" s="676"/>
      <c r="DM6" s="676"/>
      <c r="DN6" s="676"/>
      <c r="DO6" s="676"/>
      <c r="DP6" s="676"/>
      <c r="DQ6" s="676"/>
      <c r="DR6" s="676"/>
      <c r="DS6" s="676"/>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594" t="s">
        <v>151</v>
      </c>
      <c r="FB6" s="673"/>
      <c r="FC6" s="673"/>
      <c r="FD6" s="673"/>
      <c r="FE6" s="673"/>
      <c r="FF6" s="673"/>
      <c r="FG6" s="673"/>
      <c r="FH6" s="673"/>
      <c r="FI6" s="673"/>
      <c r="FJ6" s="673"/>
      <c r="FK6" s="674"/>
      <c r="FL6" s="675"/>
      <c r="FM6" s="676"/>
      <c r="FN6" s="676"/>
      <c r="FO6" s="676"/>
      <c r="FP6" s="676"/>
      <c r="FQ6" s="676"/>
      <c r="FR6" s="676"/>
      <c r="FS6" s="676"/>
      <c r="FT6" s="676"/>
      <c r="FU6" s="676"/>
      <c r="FV6" s="676"/>
      <c r="FW6" s="672" t="s">
        <v>80</v>
      </c>
      <c r="FX6" s="673"/>
      <c r="FY6" s="673"/>
      <c r="FZ6" s="673"/>
      <c r="GA6" s="673"/>
      <c r="GB6" s="673"/>
      <c r="GC6" s="673"/>
      <c r="GD6" s="673"/>
      <c r="GE6" s="673"/>
      <c r="GF6" s="673"/>
      <c r="GG6" s="674"/>
      <c r="GH6" s="677" t="s">
        <v>81</v>
      </c>
      <c r="GI6" s="492"/>
      <c r="GJ6" s="492"/>
      <c r="GK6" s="492"/>
      <c r="GL6" s="492"/>
      <c r="GM6" s="492"/>
      <c r="GN6" s="492"/>
      <c r="GO6" s="492"/>
      <c r="GP6" s="492"/>
      <c r="GQ6" s="492"/>
      <c r="GR6" s="493"/>
      <c r="GS6" s="677" t="s">
        <v>82</v>
      </c>
      <c r="GT6" s="492"/>
      <c r="GU6" s="492"/>
      <c r="GV6" s="492"/>
      <c r="GW6" s="492"/>
      <c r="GX6" s="492"/>
      <c r="GY6" s="492"/>
      <c r="GZ6" s="492"/>
      <c r="HA6" s="492"/>
      <c r="HB6" s="492"/>
      <c r="HC6" s="493"/>
      <c r="HD6" s="698"/>
      <c r="HE6" s="699"/>
      <c r="HF6" s="699"/>
      <c r="HG6" s="699"/>
      <c r="HH6" s="699"/>
      <c r="HI6" s="699"/>
      <c r="HJ6" s="699"/>
      <c r="HK6" s="699"/>
      <c r="HL6" s="699"/>
      <c r="HM6" s="699"/>
      <c r="HN6" s="700"/>
      <c r="HO6" s="698"/>
      <c r="HP6" s="699"/>
      <c r="HQ6" s="699"/>
      <c r="HR6" s="699"/>
      <c r="HS6" s="699"/>
      <c r="HT6" s="699"/>
      <c r="HU6" s="699"/>
      <c r="HV6" s="699"/>
      <c r="HW6" s="699"/>
      <c r="HX6" s="699"/>
      <c r="HY6" s="700"/>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2:409" ht="21" customHeight="1" x14ac:dyDescent="0.2">
      <c r="B7" s="685"/>
      <c r="C7" s="670" t="s">
        <v>61</v>
      </c>
      <c r="D7" s="670"/>
      <c r="E7" s="670"/>
      <c r="F7" s="682" t="s">
        <v>62</v>
      </c>
      <c r="G7" s="670"/>
      <c r="H7" s="670"/>
      <c r="I7" s="670"/>
      <c r="J7" s="670"/>
      <c r="K7" s="670"/>
      <c r="L7" s="670"/>
      <c r="M7" s="682" t="s">
        <v>52</v>
      </c>
      <c r="N7" s="681" t="s">
        <v>61</v>
      </c>
      <c r="O7" s="670"/>
      <c r="P7" s="670"/>
      <c r="Q7" s="682" t="s">
        <v>62</v>
      </c>
      <c r="R7" s="670"/>
      <c r="S7" s="670"/>
      <c r="T7" s="670"/>
      <c r="U7" s="670"/>
      <c r="V7" s="670"/>
      <c r="W7" s="683"/>
      <c r="X7" s="678" t="s">
        <v>52</v>
      </c>
      <c r="Y7" s="488" t="s">
        <v>61</v>
      </c>
      <c r="Z7" s="489"/>
      <c r="AA7" s="664"/>
      <c r="AB7" s="663" t="s">
        <v>62</v>
      </c>
      <c r="AC7" s="489"/>
      <c r="AD7" s="489"/>
      <c r="AE7" s="489"/>
      <c r="AF7" s="489"/>
      <c r="AG7" s="489"/>
      <c r="AH7" s="664"/>
      <c r="AI7" s="490" t="s">
        <v>52</v>
      </c>
      <c r="AJ7" s="658" t="s">
        <v>61</v>
      </c>
      <c r="AK7" s="659"/>
      <c r="AL7" s="660"/>
      <c r="AM7" s="661" t="s">
        <v>62</v>
      </c>
      <c r="AN7" s="659"/>
      <c r="AO7" s="659"/>
      <c r="AP7" s="659"/>
      <c r="AQ7" s="659"/>
      <c r="AR7" s="659"/>
      <c r="AS7" s="662"/>
      <c r="AT7" s="490" t="s">
        <v>52</v>
      </c>
      <c r="AU7" s="658" t="s">
        <v>61</v>
      </c>
      <c r="AV7" s="659"/>
      <c r="AW7" s="660"/>
      <c r="AX7" s="661" t="s">
        <v>62</v>
      </c>
      <c r="AY7" s="659"/>
      <c r="AZ7" s="659"/>
      <c r="BA7" s="659"/>
      <c r="BB7" s="659"/>
      <c r="BC7" s="659"/>
      <c r="BD7" s="662"/>
      <c r="BE7" s="490" t="s">
        <v>52</v>
      </c>
      <c r="BF7" s="658" t="s">
        <v>61</v>
      </c>
      <c r="BG7" s="659"/>
      <c r="BH7" s="660"/>
      <c r="BI7" s="661" t="s">
        <v>62</v>
      </c>
      <c r="BJ7" s="659"/>
      <c r="BK7" s="659"/>
      <c r="BL7" s="659"/>
      <c r="BM7" s="659"/>
      <c r="BN7" s="659"/>
      <c r="BO7" s="662"/>
      <c r="BP7" s="490" t="s">
        <v>52</v>
      </c>
      <c r="BQ7" s="658" t="s">
        <v>61</v>
      </c>
      <c r="BR7" s="659"/>
      <c r="BS7" s="660"/>
      <c r="BT7" s="661" t="s">
        <v>62</v>
      </c>
      <c r="BU7" s="659"/>
      <c r="BV7" s="659"/>
      <c r="BW7" s="659"/>
      <c r="BX7" s="659"/>
      <c r="BY7" s="659"/>
      <c r="BZ7" s="662"/>
      <c r="CA7" s="490" t="s">
        <v>52</v>
      </c>
      <c r="CB7" s="665" t="s">
        <v>61</v>
      </c>
      <c r="CC7" s="666"/>
      <c r="CD7" s="667"/>
      <c r="CE7" s="668" t="s">
        <v>62</v>
      </c>
      <c r="CF7" s="666"/>
      <c r="CG7" s="666"/>
      <c r="CH7" s="666"/>
      <c r="CI7" s="666"/>
      <c r="CJ7" s="666"/>
      <c r="CK7" s="669"/>
      <c r="CL7" s="678" t="s">
        <v>52</v>
      </c>
      <c r="CM7" s="658" t="s">
        <v>61</v>
      </c>
      <c r="CN7" s="659"/>
      <c r="CO7" s="662"/>
      <c r="CP7" s="661" t="s">
        <v>62</v>
      </c>
      <c r="CQ7" s="659"/>
      <c r="CR7" s="659"/>
      <c r="CS7" s="659"/>
      <c r="CT7" s="659"/>
      <c r="CU7" s="659"/>
      <c r="CV7" s="662"/>
      <c r="CW7" s="680" t="s">
        <v>52</v>
      </c>
      <c r="CX7" s="658" t="s">
        <v>61</v>
      </c>
      <c r="CY7" s="659"/>
      <c r="CZ7" s="662"/>
      <c r="DA7" s="661" t="s">
        <v>62</v>
      </c>
      <c r="DB7" s="659"/>
      <c r="DC7" s="659"/>
      <c r="DD7" s="659"/>
      <c r="DE7" s="659"/>
      <c r="DF7" s="659"/>
      <c r="DG7" s="662"/>
      <c r="DH7" s="680" t="s">
        <v>52</v>
      </c>
      <c r="DI7" s="665" t="s">
        <v>61</v>
      </c>
      <c r="DJ7" s="666"/>
      <c r="DK7" s="669"/>
      <c r="DL7" s="668" t="s">
        <v>62</v>
      </c>
      <c r="DM7" s="666"/>
      <c r="DN7" s="666"/>
      <c r="DO7" s="666"/>
      <c r="DP7" s="666"/>
      <c r="DQ7" s="666"/>
      <c r="DR7" s="669"/>
      <c r="DS7" s="678" t="s">
        <v>52</v>
      </c>
      <c r="DT7" s="658" t="s">
        <v>61</v>
      </c>
      <c r="DU7" s="659"/>
      <c r="DV7" s="660"/>
      <c r="DW7" s="661" t="s">
        <v>62</v>
      </c>
      <c r="DX7" s="659"/>
      <c r="DY7" s="659"/>
      <c r="DZ7" s="659"/>
      <c r="EA7" s="659"/>
      <c r="EB7" s="659"/>
      <c r="EC7" s="662"/>
      <c r="ED7" s="490" t="s">
        <v>52</v>
      </c>
      <c r="EE7" s="658" t="s">
        <v>61</v>
      </c>
      <c r="EF7" s="659"/>
      <c r="EG7" s="660"/>
      <c r="EH7" s="661" t="s">
        <v>62</v>
      </c>
      <c r="EI7" s="659"/>
      <c r="EJ7" s="659"/>
      <c r="EK7" s="659"/>
      <c r="EL7" s="659"/>
      <c r="EM7" s="659"/>
      <c r="EN7" s="662"/>
      <c r="EO7" s="490" t="s">
        <v>52</v>
      </c>
      <c r="EP7" s="658" t="s">
        <v>61</v>
      </c>
      <c r="EQ7" s="659"/>
      <c r="ER7" s="660"/>
      <c r="ES7" s="661" t="s">
        <v>62</v>
      </c>
      <c r="ET7" s="659"/>
      <c r="EU7" s="659"/>
      <c r="EV7" s="659"/>
      <c r="EW7" s="659"/>
      <c r="EX7" s="659"/>
      <c r="EY7" s="662"/>
      <c r="EZ7" s="490" t="s">
        <v>52</v>
      </c>
      <c r="FA7" s="658" t="s">
        <v>61</v>
      </c>
      <c r="FB7" s="659"/>
      <c r="FC7" s="660"/>
      <c r="FD7" s="661" t="s">
        <v>62</v>
      </c>
      <c r="FE7" s="659"/>
      <c r="FF7" s="659"/>
      <c r="FG7" s="659"/>
      <c r="FH7" s="659"/>
      <c r="FI7" s="659"/>
      <c r="FJ7" s="662"/>
      <c r="FK7" s="490" t="s">
        <v>52</v>
      </c>
      <c r="FL7" s="665" t="s">
        <v>61</v>
      </c>
      <c r="FM7" s="666"/>
      <c r="FN7" s="667"/>
      <c r="FO7" s="668" t="s">
        <v>62</v>
      </c>
      <c r="FP7" s="666"/>
      <c r="FQ7" s="666"/>
      <c r="FR7" s="666"/>
      <c r="FS7" s="666"/>
      <c r="FT7" s="666"/>
      <c r="FU7" s="669"/>
      <c r="FV7" s="670" t="s">
        <v>52</v>
      </c>
      <c r="FW7" s="658" t="s">
        <v>61</v>
      </c>
      <c r="FX7" s="659"/>
      <c r="FY7" s="660"/>
      <c r="FZ7" s="661" t="s">
        <v>62</v>
      </c>
      <c r="GA7" s="659"/>
      <c r="GB7" s="659"/>
      <c r="GC7" s="659"/>
      <c r="GD7" s="659"/>
      <c r="GE7" s="659"/>
      <c r="GF7" s="662"/>
      <c r="GG7" s="490" t="s">
        <v>52</v>
      </c>
      <c r="GH7" s="488" t="s">
        <v>61</v>
      </c>
      <c r="GI7" s="489"/>
      <c r="GJ7" s="489"/>
      <c r="GK7" s="663" t="s">
        <v>62</v>
      </c>
      <c r="GL7" s="489"/>
      <c r="GM7" s="489"/>
      <c r="GN7" s="489"/>
      <c r="GO7" s="489"/>
      <c r="GP7" s="489"/>
      <c r="GQ7" s="664"/>
      <c r="GR7" s="656" t="s">
        <v>52</v>
      </c>
      <c r="GS7" s="488" t="s">
        <v>61</v>
      </c>
      <c r="GT7" s="489"/>
      <c r="GU7" s="664"/>
      <c r="GV7" s="663" t="s">
        <v>62</v>
      </c>
      <c r="GW7" s="489"/>
      <c r="GX7" s="489"/>
      <c r="GY7" s="489"/>
      <c r="GZ7" s="489"/>
      <c r="HA7" s="489"/>
      <c r="HB7" s="664"/>
      <c r="HC7" s="656" t="s">
        <v>52</v>
      </c>
      <c r="HD7" s="658" t="s">
        <v>61</v>
      </c>
      <c r="HE7" s="659"/>
      <c r="HF7" s="660"/>
      <c r="HG7" s="661" t="s">
        <v>62</v>
      </c>
      <c r="HH7" s="659"/>
      <c r="HI7" s="659"/>
      <c r="HJ7" s="659"/>
      <c r="HK7" s="659"/>
      <c r="HL7" s="659"/>
      <c r="HM7" s="662"/>
      <c r="HN7" s="490" t="s">
        <v>52</v>
      </c>
      <c r="HO7" s="658" t="s">
        <v>61</v>
      </c>
      <c r="HP7" s="659"/>
      <c r="HQ7" s="660"/>
      <c r="HR7" s="661" t="s">
        <v>62</v>
      </c>
      <c r="HS7" s="659"/>
      <c r="HT7" s="659"/>
      <c r="HU7" s="659"/>
      <c r="HV7" s="659"/>
      <c r="HW7" s="659"/>
      <c r="HX7" s="662"/>
      <c r="HY7" s="490"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2:409" ht="30" customHeight="1" thickBot="1" x14ac:dyDescent="0.25">
      <c r="B8" s="686"/>
      <c r="C8" s="303" t="s">
        <v>43</v>
      </c>
      <c r="D8" s="41" t="s">
        <v>44</v>
      </c>
      <c r="E8" s="304" t="s">
        <v>45</v>
      </c>
      <c r="F8" s="44" t="s">
        <v>83</v>
      </c>
      <c r="G8" s="41" t="s">
        <v>47</v>
      </c>
      <c r="H8" s="41" t="s">
        <v>48</v>
      </c>
      <c r="I8" s="41" t="s">
        <v>49</v>
      </c>
      <c r="J8" s="41" t="s">
        <v>50</v>
      </c>
      <c r="K8" s="41" t="s">
        <v>51</v>
      </c>
      <c r="L8" s="42" t="s">
        <v>45</v>
      </c>
      <c r="M8" s="702"/>
      <c r="N8" s="43" t="s">
        <v>43</v>
      </c>
      <c r="O8" s="41" t="s">
        <v>44</v>
      </c>
      <c r="P8" s="42" t="s">
        <v>45</v>
      </c>
      <c r="Q8" s="44" t="s">
        <v>83</v>
      </c>
      <c r="R8" s="41" t="s">
        <v>47</v>
      </c>
      <c r="S8" s="41" t="s">
        <v>48</v>
      </c>
      <c r="T8" s="41" t="s">
        <v>49</v>
      </c>
      <c r="U8" s="41" t="s">
        <v>50</v>
      </c>
      <c r="V8" s="41" t="s">
        <v>51</v>
      </c>
      <c r="W8" s="42" t="s">
        <v>45</v>
      </c>
      <c r="X8" s="679"/>
      <c r="Y8" s="43" t="s">
        <v>43</v>
      </c>
      <c r="Z8" s="41" t="s">
        <v>44</v>
      </c>
      <c r="AA8" s="42" t="s">
        <v>45</v>
      </c>
      <c r="AB8" s="44" t="s">
        <v>83</v>
      </c>
      <c r="AC8" s="41" t="s">
        <v>47</v>
      </c>
      <c r="AD8" s="41" t="s">
        <v>48</v>
      </c>
      <c r="AE8" s="41" t="s">
        <v>49</v>
      </c>
      <c r="AF8" s="41" t="s">
        <v>50</v>
      </c>
      <c r="AG8" s="41" t="s">
        <v>51</v>
      </c>
      <c r="AH8" s="42" t="s">
        <v>45</v>
      </c>
      <c r="AI8" s="655"/>
      <c r="AJ8" s="43" t="s">
        <v>43</v>
      </c>
      <c r="AK8" s="41" t="s">
        <v>44</v>
      </c>
      <c r="AL8" s="304" t="s">
        <v>45</v>
      </c>
      <c r="AM8" s="44" t="s">
        <v>83</v>
      </c>
      <c r="AN8" s="41" t="s">
        <v>47</v>
      </c>
      <c r="AO8" s="41" t="s">
        <v>48</v>
      </c>
      <c r="AP8" s="41" t="s">
        <v>49</v>
      </c>
      <c r="AQ8" s="41" t="s">
        <v>50</v>
      </c>
      <c r="AR8" s="41" t="s">
        <v>51</v>
      </c>
      <c r="AS8" s="42" t="s">
        <v>45</v>
      </c>
      <c r="AT8" s="655"/>
      <c r="AU8" s="43" t="s">
        <v>43</v>
      </c>
      <c r="AV8" s="41" t="s">
        <v>44</v>
      </c>
      <c r="AW8" s="304" t="s">
        <v>45</v>
      </c>
      <c r="AX8" s="44" t="s">
        <v>83</v>
      </c>
      <c r="AY8" s="41" t="s">
        <v>47</v>
      </c>
      <c r="AZ8" s="41" t="s">
        <v>48</v>
      </c>
      <c r="BA8" s="41" t="s">
        <v>49</v>
      </c>
      <c r="BB8" s="41" t="s">
        <v>50</v>
      </c>
      <c r="BC8" s="41" t="s">
        <v>51</v>
      </c>
      <c r="BD8" s="42" t="s">
        <v>45</v>
      </c>
      <c r="BE8" s="655"/>
      <c r="BF8" s="305" t="s">
        <v>43</v>
      </c>
      <c r="BG8" s="41" t="s">
        <v>44</v>
      </c>
      <c r="BH8" s="304" t="s">
        <v>45</v>
      </c>
      <c r="BI8" s="44" t="s">
        <v>83</v>
      </c>
      <c r="BJ8" s="41" t="s">
        <v>47</v>
      </c>
      <c r="BK8" s="41" t="s">
        <v>48</v>
      </c>
      <c r="BL8" s="41" t="s">
        <v>49</v>
      </c>
      <c r="BM8" s="41" t="s">
        <v>50</v>
      </c>
      <c r="BN8" s="41" t="s">
        <v>51</v>
      </c>
      <c r="BO8" s="42" t="s">
        <v>45</v>
      </c>
      <c r="BP8" s="655"/>
      <c r="BQ8" s="43" t="s">
        <v>43</v>
      </c>
      <c r="BR8" s="41" t="s">
        <v>44</v>
      </c>
      <c r="BS8" s="304" t="s">
        <v>45</v>
      </c>
      <c r="BT8" s="44" t="s">
        <v>83</v>
      </c>
      <c r="BU8" s="41" t="s">
        <v>47</v>
      </c>
      <c r="BV8" s="41" t="s">
        <v>48</v>
      </c>
      <c r="BW8" s="41" t="s">
        <v>49</v>
      </c>
      <c r="BX8" s="41" t="s">
        <v>50</v>
      </c>
      <c r="BY8" s="41" t="s">
        <v>51</v>
      </c>
      <c r="BZ8" s="42" t="s">
        <v>45</v>
      </c>
      <c r="CA8" s="655"/>
      <c r="CB8" s="43" t="s">
        <v>43</v>
      </c>
      <c r="CC8" s="41" t="s">
        <v>44</v>
      </c>
      <c r="CD8" s="304" t="s">
        <v>45</v>
      </c>
      <c r="CE8" s="44" t="s">
        <v>83</v>
      </c>
      <c r="CF8" s="41" t="s">
        <v>47</v>
      </c>
      <c r="CG8" s="41" t="s">
        <v>48</v>
      </c>
      <c r="CH8" s="41" t="s">
        <v>49</v>
      </c>
      <c r="CI8" s="41" t="s">
        <v>50</v>
      </c>
      <c r="CJ8" s="41" t="s">
        <v>51</v>
      </c>
      <c r="CK8" s="42" t="s">
        <v>45</v>
      </c>
      <c r="CL8" s="679"/>
      <c r="CM8" s="43" t="s">
        <v>43</v>
      </c>
      <c r="CN8" s="41" t="s">
        <v>44</v>
      </c>
      <c r="CO8" s="42" t="s">
        <v>45</v>
      </c>
      <c r="CP8" s="44" t="s">
        <v>83</v>
      </c>
      <c r="CQ8" s="41" t="s">
        <v>47</v>
      </c>
      <c r="CR8" s="41" t="s">
        <v>48</v>
      </c>
      <c r="CS8" s="41" t="s">
        <v>49</v>
      </c>
      <c r="CT8" s="41" t="s">
        <v>50</v>
      </c>
      <c r="CU8" s="41" t="s">
        <v>51</v>
      </c>
      <c r="CV8" s="42" t="s">
        <v>45</v>
      </c>
      <c r="CW8" s="679"/>
      <c r="CX8" s="43" t="s">
        <v>43</v>
      </c>
      <c r="CY8" s="41" t="s">
        <v>44</v>
      </c>
      <c r="CZ8" s="42" t="s">
        <v>45</v>
      </c>
      <c r="DA8" s="44" t="s">
        <v>83</v>
      </c>
      <c r="DB8" s="41" t="s">
        <v>47</v>
      </c>
      <c r="DC8" s="41" t="s">
        <v>48</v>
      </c>
      <c r="DD8" s="41" t="s">
        <v>49</v>
      </c>
      <c r="DE8" s="41" t="s">
        <v>50</v>
      </c>
      <c r="DF8" s="41" t="s">
        <v>51</v>
      </c>
      <c r="DG8" s="42" t="s">
        <v>45</v>
      </c>
      <c r="DH8" s="679"/>
      <c r="DI8" s="43" t="s">
        <v>43</v>
      </c>
      <c r="DJ8" s="41" t="s">
        <v>44</v>
      </c>
      <c r="DK8" s="42" t="s">
        <v>45</v>
      </c>
      <c r="DL8" s="44" t="s">
        <v>83</v>
      </c>
      <c r="DM8" s="41" t="s">
        <v>47</v>
      </c>
      <c r="DN8" s="41" t="s">
        <v>48</v>
      </c>
      <c r="DO8" s="41" t="s">
        <v>49</v>
      </c>
      <c r="DP8" s="41" t="s">
        <v>50</v>
      </c>
      <c r="DQ8" s="41" t="s">
        <v>51</v>
      </c>
      <c r="DR8" s="42" t="s">
        <v>45</v>
      </c>
      <c r="DS8" s="679"/>
      <c r="DT8" s="43" t="s">
        <v>43</v>
      </c>
      <c r="DU8" s="41" t="s">
        <v>44</v>
      </c>
      <c r="DV8" s="304" t="s">
        <v>45</v>
      </c>
      <c r="DW8" s="44" t="s">
        <v>83</v>
      </c>
      <c r="DX8" s="41" t="s">
        <v>47</v>
      </c>
      <c r="DY8" s="41" t="s">
        <v>48</v>
      </c>
      <c r="DZ8" s="41" t="s">
        <v>49</v>
      </c>
      <c r="EA8" s="41" t="s">
        <v>50</v>
      </c>
      <c r="EB8" s="41" t="s">
        <v>51</v>
      </c>
      <c r="EC8" s="42" t="s">
        <v>45</v>
      </c>
      <c r="ED8" s="655"/>
      <c r="EE8" s="43" t="s">
        <v>43</v>
      </c>
      <c r="EF8" s="41" t="s">
        <v>44</v>
      </c>
      <c r="EG8" s="304" t="s">
        <v>45</v>
      </c>
      <c r="EH8" s="44" t="s">
        <v>83</v>
      </c>
      <c r="EI8" s="41" t="s">
        <v>47</v>
      </c>
      <c r="EJ8" s="41" t="s">
        <v>48</v>
      </c>
      <c r="EK8" s="41" t="s">
        <v>49</v>
      </c>
      <c r="EL8" s="41" t="s">
        <v>50</v>
      </c>
      <c r="EM8" s="41" t="s">
        <v>51</v>
      </c>
      <c r="EN8" s="42" t="s">
        <v>45</v>
      </c>
      <c r="EO8" s="655"/>
      <c r="EP8" s="43" t="s">
        <v>43</v>
      </c>
      <c r="EQ8" s="41" t="s">
        <v>44</v>
      </c>
      <c r="ER8" s="304" t="s">
        <v>45</v>
      </c>
      <c r="ES8" s="44" t="s">
        <v>83</v>
      </c>
      <c r="ET8" s="41" t="s">
        <v>47</v>
      </c>
      <c r="EU8" s="41" t="s">
        <v>48</v>
      </c>
      <c r="EV8" s="41" t="s">
        <v>49</v>
      </c>
      <c r="EW8" s="41" t="s">
        <v>50</v>
      </c>
      <c r="EX8" s="41" t="s">
        <v>51</v>
      </c>
      <c r="EY8" s="42" t="s">
        <v>45</v>
      </c>
      <c r="EZ8" s="655"/>
      <c r="FA8" s="43" t="s">
        <v>43</v>
      </c>
      <c r="FB8" s="41" t="s">
        <v>44</v>
      </c>
      <c r="FC8" s="304" t="s">
        <v>45</v>
      </c>
      <c r="FD8" s="44" t="s">
        <v>83</v>
      </c>
      <c r="FE8" s="41" t="s">
        <v>47</v>
      </c>
      <c r="FF8" s="41" t="s">
        <v>48</v>
      </c>
      <c r="FG8" s="41" t="s">
        <v>49</v>
      </c>
      <c r="FH8" s="41" t="s">
        <v>50</v>
      </c>
      <c r="FI8" s="41" t="s">
        <v>51</v>
      </c>
      <c r="FJ8" s="42" t="s">
        <v>45</v>
      </c>
      <c r="FK8" s="655"/>
      <c r="FL8" s="43" t="s">
        <v>43</v>
      </c>
      <c r="FM8" s="41" t="s">
        <v>44</v>
      </c>
      <c r="FN8" s="304" t="s">
        <v>45</v>
      </c>
      <c r="FO8" s="44" t="s">
        <v>83</v>
      </c>
      <c r="FP8" s="41" t="s">
        <v>47</v>
      </c>
      <c r="FQ8" s="41" t="s">
        <v>48</v>
      </c>
      <c r="FR8" s="41" t="s">
        <v>49</v>
      </c>
      <c r="FS8" s="41" t="s">
        <v>50</v>
      </c>
      <c r="FT8" s="41" t="s">
        <v>51</v>
      </c>
      <c r="FU8" s="42" t="s">
        <v>45</v>
      </c>
      <c r="FV8" s="671"/>
      <c r="FW8" s="43" t="s">
        <v>43</v>
      </c>
      <c r="FX8" s="41" t="s">
        <v>44</v>
      </c>
      <c r="FY8" s="304" t="s">
        <v>45</v>
      </c>
      <c r="FZ8" s="44" t="s">
        <v>83</v>
      </c>
      <c r="GA8" s="41" t="s">
        <v>47</v>
      </c>
      <c r="GB8" s="41" t="s">
        <v>48</v>
      </c>
      <c r="GC8" s="41" t="s">
        <v>49</v>
      </c>
      <c r="GD8" s="41" t="s">
        <v>50</v>
      </c>
      <c r="GE8" s="41" t="s">
        <v>51</v>
      </c>
      <c r="GF8" s="42" t="s">
        <v>45</v>
      </c>
      <c r="GG8" s="655"/>
      <c r="GH8" s="43" t="s">
        <v>43</v>
      </c>
      <c r="GI8" s="41" t="s">
        <v>44</v>
      </c>
      <c r="GJ8" s="304" t="s">
        <v>45</v>
      </c>
      <c r="GK8" s="44" t="s">
        <v>83</v>
      </c>
      <c r="GL8" s="41" t="s">
        <v>47</v>
      </c>
      <c r="GM8" s="41" t="s">
        <v>48</v>
      </c>
      <c r="GN8" s="41" t="s">
        <v>49</v>
      </c>
      <c r="GO8" s="41" t="s">
        <v>50</v>
      </c>
      <c r="GP8" s="41" t="s">
        <v>51</v>
      </c>
      <c r="GQ8" s="42" t="s">
        <v>45</v>
      </c>
      <c r="GR8" s="657"/>
      <c r="GS8" s="43" t="s">
        <v>43</v>
      </c>
      <c r="GT8" s="41" t="s">
        <v>44</v>
      </c>
      <c r="GU8" s="304" t="s">
        <v>45</v>
      </c>
      <c r="GV8" s="44" t="s">
        <v>83</v>
      </c>
      <c r="GW8" s="41" t="s">
        <v>47</v>
      </c>
      <c r="GX8" s="41" t="s">
        <v>48</v>
      </c>
      <c r="GY8" s="41" t="s">
        <v>49</v>
      </c>
      <c r="GZ8" s="41" t="s">
        <v>50</v>
      </c>
      <c r="HA8" s="41" t="s">
        <v>51</v>
      </c>
      <c r="HB8" s="42" t="s">
        <v>45</v>
      </c>
      <c r="HC8" s="657"/>
      <c r="HD8" s="43" t="s">
        <v>43</v>
      </c>
      <c r="HE8" s="41" t="s">
        <v>44</v>
      </c>
      <c r="HF8" s="304" t="s">
        <v>45</v>
      </c>
      <c r="HG8" s="44" t="s">
        <v>83</v>
      </c>
      <c r="HH8" s="41" t="s">
        <v>47</v>
      </c>
      <c r="HI8" s="41" t="s">
        <v>48</v>
      </c>
      <c r="HJ8" s="41" t="s">
        <v>49</v>
      </c>
      <c r="HK8" s="41" t="s">
        <v>50</v>
      </c>
      <c r="HL8" s="41" t="s">
        <v>51</v>
      </c>
      <c r="HM8" s="42" t="s">
        <v>45</v>
      </c>
      <c r="HN8" s="655"/>
      <c r="HO8" s="43" t="s">
        <v>43</v>
      </c>
      <c r="HP8" s="41" t="s">
        <v>44</v>
      </c>
      <c r="HQ8" s="304" t="s">
        <v>45</v>
      </c>
      <c r="HR8" s="44" t="s">
        <v>83</v>
      </c>
      <c r="HS8" s="41" t="s">
        <v>47</v>
      </c>
      <c r="HT8" s="41" t="s">
        <v>48</v>
      </c>
      <c r="HU8" s="41" t="s">
        <v>49</v>
      </c>
      <c r="HV8" s="41" t="s">
        <v>50</v>
      </c>
      <c r="HW8" s="41" t="s">
        <v>51</v>
      </c>
      <c r="HX8" s="42" t="s">
        <v>45</v>
      </c>
      <c r="HY8" s="655"/>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2:409" s="444" customFormat="1" ht="21" customHeight="1" x14ac:dyDescent="0.2">
      <c r="B9" s="470" t="s">
        <v>4</v>
      </c>
      <c r="C9" s="360">
        <v>24908237</v>
      </c>
      <c r="D9" s="361">
        <v>45385542</v>
      </c>
      <c r="E9" s="362">
        <v>70293779</v>
      </c>
      <c r="F9" s="363">
        <v>0</v>
      </c>
      <c r="G9" s="361">
        <v>259978198</v>
      </c>
      <c r="H9" s="361">
        <v>353744398</v>
      </c>
      <c r="I9" s="361">
        <v>306041449</v>
      </c>
      <c r="J9" s="361">
        <v>327385027</v>
      </c>
      <c r="K9" s="361">
        <v>235735426</v>
      </c>
      <c r="L9" s="364">
        <v>1482884498</v>
      </c>
      <c r="M9" s="365">
        <v>1553178277</v>
      </c>
      <c r="N9" s="360">
        <v>7980909</v>
      </c>
      <c r="O9" s="361">
        <v>17082985</v>
      </c>
      <c r="P9" s="366">
        <v>25063894</v>
      </c>
      <c r="Q9" s="360">
        <v>0</v>
      </c>
      <c r="R9" s="361">
        <v>84885093</v>
      </c>
      <c r="S9" s="361">
        <v>123727844</v>
      </c>
      <c r="T9" s="361">
        <v>103992444</v>
      </c>
      <c r="U9" s="361">
        <v>116816424</v>
      </c>
      <c r="V9" s="361">
        <v>113128395</v>
      </c>
      <c r="W9" s="366">
        <v>542550200</v>
      </c>
      <c r="X9" s="365">
        <v>567614094</v>
      </c>
      <c r="Y9" s="360">
        <v>0</v>
      </c>
      <c r="Z9" s="361">
        <v>0</v>
      </c>
      <c r="AA9" s="366">
        <v>0</v>
      </c>
      <c r="AB9" s="367">
        <v>0</v>
      </c>
      <c r="AC9" s="368">
        <v>33765542</v>
      </c>
      <c r="AD9" s="368">
        <v>49854022</v>
      </c>
      <c r="AE9" s="368">
        <v>48861945</v>
      </c>
      <c r="AF9" s="368">
        <v>58564879</v>
      </c>
      <c r="AG9" s="368">
        <v>59274700</v>
      </c>
      <c r="AH9" s="366">
        <v>250321088</v>
      </c>
      <c r="AI9" s="365">
        <v>250321088</v>
      </c>
      <c r="AJ9" s="369">
        <v>0</v>
      </c>
      <c r="AK9" s="368">
        <v>64699</v>
      </c>
      <c r="AL9" s="366">
        <v>64699</v>
      </c>
      <c r="AM9" s="367">
        <v>0</v>
      </c>
      <c r="AN9" s="368">
        <v>593116</v>
      </c>
      <c r="AO9" s="364">
        <v>1829557</v>
      </c>
      <c r="AP9" s="368">
        <v>2666993</v>
      </c>
      <c r="AQ9" s="368">
        <v>7083010</v>
      </c>
      <c r="AR9" s="368">
        <v>14187955</v>
      </c>
      <c r="AS9" s="366">
        <v>26360631</v>
      </c>
      <c r="AT9" s="365">
        <v>26425330</v>
      </c>
      <c r="AU9" s="369">
        <v>4438303</v>
      </c>
      <c r="AV9" s="368">
        <v>11819583</v>
      </c>
      <c r="AW9" s="366">
        <v>16257886</v>
      </c>
      <c r="AX9" s="367">
        <v>0</v>
      </c>
      <c r="AY9" s="368">
        <v>33294672</v>
      </c>
      <c r="AZ9" s="368">
        <v>48774594</v>
      </c>
      <c r="BA9" s="368">
        <v>33118072</v>
      </c>
      <c r="BB9" s="368">
        <v>29555663</v>
      </c>
      <c r="BC9" s="368">
        <v>24330648</v>
      </c>
      <c r="BD9" s="366">
        <v>169073649</v>
      </c>
      <c r="BE9" s="370">
        <v>185331535</v>
      </c>
      <c r="BF9" s="369">
        <v>527909</v>
      </c>
      <c r="BG9" s="364">
        <v>1842007</v>
      </c>
      <c r="BH9" s="371">
        <v>2369916</v>
      </c>
      <c r="BI9" s="367">
        <v>0</v>
      </c>
      <c r="BJ9" s="368">
        <v>3274365</v>
      </c>
      <c r="BK9" s="368">
        <v>5057485</v>
      </c>
      <c r="BL9" s="368">
        <v>3112597</v>
      </c>
      <c r="BM9" s="368">
        <v>3334008</v>
      </c>
      <c r="BN9" s="368">
        <v>1753706</v>
      </c>
      <c r="BO9" s="366">
        <v>16532161</v>
      </c>
      <c r="BP9" s="365">
        <v>18902077</v>
      </c>
      <c r="BQ9" s="369">
        <v>3014697</v>
      </c>
      <c r="BR9" s="368">
        <v>3356696</v>
      </c>
      <c r="BS9" s="366">
        <v>6371393</v>
      </c>
      <c r="BT9" s="367">
        <v>0</v>
      </c>
      <c r="BU9" s="368">
        <v>13957398</v>
      </c>
      <c r="BV9" s="368">
        <v>18212186</v>
      </c>
      <c r="BW9" s="368">
        <v>16232837</v>
      </c>
      <c r="BX9" s="368">
        <v>18278864</v>
      </c>
      <c r="BY9" s="368">
        <v>13581386</v>
      </c>
      <c r="BZ9" s="366">
        <v>80262671</v>
      </c>
      <c r="CA9" s="365">
        <v>86634064</v>
      </c>
      <c r="CB9" s="369">
        <v>2127387</v>
      </c>
      <c r="CC9" s="368">
        <v>5996946</v>
      </c>
      <c r="CD9" s="366">
        <v>8124333</v>
      </c>
      <c r="CE9" s="367">
        <v>0</v>
      </c>
      <c r="CF9" s="368">
        <v>68741138</v>
      </c>
      <c r="CG9" s="368">
        <v>83752858</v>
      </c>
      <c r="CH9" s="372">
        <v>61467515</v>
      </c>
      <c r="CI9" s="368">
        <v>41329604</v>
      </c>
      <c r="CJ9" s="368">
        <v>18998017</v>
      </c>
      <c r="CK9" s="366">
        <v>274289132</v>
      </c>
      <c r="CL9" s="365">
        <v>282413465</v>
      </c>
      <c r="CM9" s="360">
        <v>0</v>
      </c>
      <c r="CN9" s="361">
        <v>0</v>
      </c>
      <c r="CO9" s="366">
        <v>0</v>
      </c>
      <c r="CP9" s="367">
        <v>0</v>
      </c>
      <c r="CQ9" s="368">
        <v>54569809</v>
      </c>
      <c r="CR9" s="368">
        <v>60353449</v>
      </c>
      <c r="CS9" s="368">
        <v>44129675</v>
      </c>
      <c r="CT9" s="368">
        <v>25723166</v>
      </c>
      <c r="CU9" s="368">
        <v>12354846</v>
      </c>
      <c r="CV9" s="373">
        <v>197130945</v>
      </c>
      <c r="CW9" s="365">
        <v>197130945</v>
      </c>
      <c r="CX9" s="369">
        <v>2127387</v>
      </c>
      <c r="CY9" s="368">
        <v>5996946</v>
      </c>
      <c r="CZ9" s="366">
        <v>8124333</v>
      </c>
      <c r="DA9" s="367">
        <v>0</v>
      </c>
      <c r="DB9" s="368">
        <v>14171329</v>
      </c>
      <c r="DC9" s="368">
        <v>23399409</v>
      </c>
      <c r="DD9" s="368">
        <v>17337840</v>
      </c>
      <c r="DE9" s="368">
        <v>15606438</v>
      </c>
      <c r="DF9" s="368">
        <v>6643171</v>
      </c>
      <c r="DG9" s="366">
        <v>77158187</v>
      </c>
      <c r="DH9" s="365">
        <v>85282520</v>
      </c>
      <c r="DI9" s="369">
        <v>139512</v>
      </c>
      <c r="DJ9" s="368">
        <v>726413</v>
      </c>
      <c r="DK9" s="371">
        <v>865925</v>
      </c>
      <c r="DL9" s="367">
        <v>0</v>
      </c>
      <c r="DM9" s="368">
        <v>7711570</v>
      </c>
      <c r="DN9" s="368">
        <v>16033679</v>
      </c>
      <c r="DO9" s="368">
        <v>21569236</v>
      </c>
      <c r="DP9" s="368">
        <v>21536580</v>
      </c>
      <c r="DQ9" s="368">
        <v>11669005</v>
      </c>
      <c r="DR9" s="374">
        <v>78520070</v>
      </c>
      <c r="DS9" s="365">
        <v>79385995</v>
      </c>
      <c r="DT9" s="369">
        <v>96290</v>
      </c>
      <c r="DU9" s="368">
        <v>526788</v>
      </c>
      <c r="DV9" s="366">
        <v>623078</v>
      </c>
      <c r="DW9" s="367">
        <v>0</v>
      </c>
      <c r="DX9" s="368">
        <v>6211056</v>
      </c>
      <c r="DY9" s="368">
        <v>12557914</v>
      </c>
      <c r="DZ9" s="368">
        <v>18065756</v>
      </c>
      <c r="EA9" s="368">
        <v>18045216</v>
      </c>
      <c r="EB9" s="368">
        <v>8781621</v>
      </c>
      <c r="EC9" s="366">
        <v>63661563</v>
      </c>
      <c r="ED9" s="365">
        <v>64284641</v>
      </c>
      <c r="EE9" s="369">
        <v>43222</v>
      </c>
      <c r="EF9" s="364">
        <v>199625</v>
      </c>
      <c r="EG9" s="366">
        <v>242847</v>
      </c>
      <c r="EH9" s="370">
        <v>0</v>
      </c>
      <c r="EI9" s="368">
        <v>1500514</v>
      </c>
      <c r="EJ9" s="368">
        <v>3475765</v>
      </c>
      <c r="EK9" s="368">
        <v>3503480</v>
      </c>
      <c r="EL9" s="368">
        <v>3491364</v>
      </c>
      <c r="EM9" s="372">
        <v>2887384</v>
      </c>
      <c r="EN9" s="364">
        <v>14858507</v>
      </c>
      <c r="EO9" s="365">
        <v>15101354</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4858459</v>
      </c>
      <c r="FM9" s="368">
        <v>9795375</v>
      </c>
      <c r="FN9" s="366">
        <v>14653834</v>
      </c>
      <c r="FO9" s="367">
        <v>0</v>
      </c>
      <c r="FP9" s="368">
        <v>12776122</v>
      </c>
      <c r="FQ9" s="368">
        <v>30958050</v>
      </c>
      <c r="FR9" s="368">
        <v>23401745</v>
      </c>
      <c r="FS9" s="368">
        <v>22175757</v>
      </c>
      <c r="FT9" s="368">
        <v>15519905</v>
      </c>
      <c r="FU9" s="366">
        <v>104831579</v>
      </c>
      <c r="FV9" s="365">
        <v>119485413</v>
      </c>
      <c r="FW9" s="369">
        <v>2503499</v>
      </c>
      <c r="FX9" s="368">
        <v>6301250</v>
      </c>
      <c r="FY9" s="364">
        <v>8804749</v>
      </c>
      <c r="FZ9" s="370">
        <v>0</v>
      </c>
      <c r="GA9" s="368">
        <v>9348435</v>
      </c>
      <c r="GB9" s="376">
        <v>27599245</v>
      </c>
      <c r="GC9" s="368">
        <v>21242052</v>
      </c>
      <c r="GD9" s="376">
        <v>20260007</v>
      </c>
      <c r="GE9" s="368">
        <v>15075494</v>
      </c>
      <c r="GF9" s="373">
        <v>93525233</v>
      </c>
      <c r="GG9" s="377">
        <v>102329982</v>
      </c>
      <c r="GH9" s="378">
        <v>249084</v>
      </c>
      <c r="GI9" s="368">
        <v>427854</v>
      </c>
      <c r="GJ9" s="376">
        <v>676938</v>
      </c>
      <c r="GK9" s="363">
        <v>0</v>
      </c>
      <c r="GL9" s="368">
        <v>618267</v>
      </c>
      <c r="GM9" s="364">
        <v>843390</v>
      </c>
      <c r="GN9" s="368">
        <v>701964</v>
      </c>
      <c r="GO9" s="364">
        <v>730670</v>
      </c>
      <c r="GP9" s="368">
        <v>335211</v>
      </c>
      <c r="GQ9" s="374">
        <v>3229502</v>
      </c>
      <c r="GR9" s="365">
        <v>3906440</v>
      </c>
      <c r="GS9" s="364">
        <v>2105876</v>
      </c>
      <c r="GT9" s="368">
        <v>3066271</v>
      </c>
      <c r="GU9" s="366">
        <v>5172147</v>
      </c>
      <c r="GV9" s="364">
        <v>0</v>
      </c>
      <c r="GW9" s="368">
        <v>2809420</v>
      </c>
      <c r="GX9" s="364">
        <v>2515415</v>
      </c>
      <c r="GY9" s="368">
        <v>1457729</v>
      </c>
      <c r="GZ9" s="364">
        <v>1185080</v>
      </c>
      <c r="HA9" s="368">
        <v>109200</v>
      </c>
      <c r="HB9" s="364">
        <v>8076844</v>
      </c>
      <c r="HC9" s="365">
        <v>13248991</v>
      </c>
      <c r="HD9" s="364">
        <v>9801970</v>
      </c>
      <c r="HE9" s="368">
        <v>11783823</v>
      </c>
      <c r="HF9" s="364">
        <v>21585793</v>
      </c>
      <c r="HG9" s="370">
        <v>0</v>
      </c>
      <c r="HH9" s="368">
        <v>85864275</v>
      </c>
      <c r="HI9" s="376">
        <v>99271967</v>
      </c>
      <c r="HJ9" s="368">
        <v>95610509</v>
      </c>
      <c r="HK9" s="376">
        <v>125526662</v>
      </c>
      <c r="HL9" s="368">
        <v>76420104</v>
      </c>
      <c r="HM9" s="373">
        <v>482693517</v>
      </c>
      <c r="HN9" s="364">
        <v>504279310</v>
      </c>
      <c r="HO9" s="439"/>
      <c r="HP9" s="440"/>
      <c r="HQ9" s="441"/>
      <c r="HR9" s="442"/>
      <c r="HS9" s="440"/>
      <c r="HT9" s="442"/>
      <c r="HU9" s="440"/>
      <c r="HV9" s="442"/>
      <c r="HW9" s="440"/>
      <c r="HX9" s="442"/>
      <c r="HY9" s="443"/>
      <c r="HZ9" s="379">
        <v>453362</v>
      </c>
      <c r="IA9" s="380">
        <v>1632442</v>
      </c>
      <c r="IB9" s="381">
        <v>2085804</v>
      </c>
      <c r="IC9" s="382">
        <v>0</v>
      </c>
      <c r="ID9" s="380">
        <v>51676171</v>
      </c>
      <c r="IE9" s="383">
        <v>71924470</v>
      </c>
      <c r="IF9" s="384">
        <v>82120838</v>
      </c>
      <c r="IG9" s="380">
        <v>66602722</v>
      </c>
      <c r="IH9" s="384">
        <v>43343097</v>
      </c>
      <c r="II9" s="385">
        <v>315667298</v>
      </c>
      <c r="IJ9" s="386">
        <v>317753102</v>
      </c>
      <c r="IK9" s="387">
        <v>0</v>
      </c>
      <c r="IL9" s="388">
        <v>0</v>
      </c>
      <c r="IM9" s="389">
        <v>0</v>
      </c>
      <c r="IN9" s="390"/>
      <c r="IO9" s="391">
        <v>1674879</v>
      </c>
      <c r="IP9" s="391">
        <v>2637376</v>
      </c>
      <c r="IQ9" s="391">
        <v>4488414</v>
      </c>
      <c r="IR9" s="391">
        <v>5478961</v>
      </c>
      <c r="IS9" s="391">
        <v>3980838</v>
      </c>
      <c r="IT9" s="392">
        <v>18260468</v>
      </c>
      <c r="IU9" s="393">
        <v>18260468</v>
      </c>
      <c r="IV9" s="394">
        <v>0</v>
      </c>
      <c r="IW9" s="391">
        <v>0</v>
      </c>
      <c r="IX9" s="395">
        <v>0</v>
      </c>
      <c r="IY9" s="396"/>
      <c r="IZ9" s="391">
        <v>447076</v>
      </c>
      <c r="JA9" s="391">
        <v>349359</v>
      </c>
      <c r="JB9" s="391">
        <v>819704</v>
      </c>
      <c r="JC9" s="391">
        <v>665474</v>
      </c>
      <c r="JD9" s="391">
        <v>1401495</v>
      </c>
      <c r="JE9" s="395">
        <v>3683108</v>
      </c>
      <c r="JF9" s="397">
        <v>3683108</v>
      </c>
      <c r="JG9" s="394">
        <v>0</v>
      </c>
      <c r="JH9" s="391">
        <v>0</v>
      </c>
      <c r="JI9" s="392">
        <v>0</v>
      </c>
      <c r="JJ9" s="398">
        <v>0</v>
      </c>
      <c r="JK9" s="391">
        <v>25440730</v>
      </c>
      <c r="JL9" s="391">
        <v>29533201</v>
      </c>
      <c r="JM9" s="391">
        <v>19099908</v>
      </c>
      <c r="JN9" s="391">
        <v>12916256</v>
      </c>
      <c r="JO9" s="391">
        <v>5687350</v>
      </c>
      <c r="JP9" s="395">
        <v>92677445</v>
      </c>
      <c r="JQ9" s="393">
        <v>92677445</v>
      </c>
      <c r="JR9" s="394">
        <v>8362</v>
      </c>
      <c r="JS9" s="391">
        <v>0</v>
      </c>
      <c r="JT9" s="392">
        <v>8362</v>
      </c>
      <c r="JU9" s="398">
        <v>0</v>
      </c>
      <c r="JV9" s="391">
        <v>3662532</v>
      </c>
      <c r="JW9" s="391">
        <v>5093511</v>
      </c>
      <c r="JX9" s="391">
        <v>7398461</v>
      </c>
      <c r="JY9" s="391">
        <v>3476921</v>
      </c>
      <c r="JZ9" s="391">
        <v>1914045</v>
      </c>
      <c r="KA9" s="395">
        <v>21545470</v>
      </c>
      <c r="KB9" s="393">
        <v>21553832</v>
      </c>
      <c r="KC9" s="399">
        <v>445000</v>
      </c>
      <c r="KD9" s="400">
        <v>1571188</v>
      </c>
      <c r="KE9" s="395">
        <v>2016188</v>
      </c>
      <c r="KF9" s="398">
        <v>0</v>
      </c>
      <c r="KG9" s="391">
        <v>7802004</v>
      </c>
      <c r="KH9" s="391">
        <v>7501122</v>
      </c>
      <c r="KI9" s="391">
        <v>12224754</v>
      </c>
      <c r="KJ9" s="391">
        <v>11155601</v>
      </c>
      <c r="KK9" s="391">
        <v>4773216</v>
      </c>
      <c r="KL9" s="395">
        <v>43456697</v>
      </c>
      <c r="KM9" s="401">
        <v>45472885</v>
      </c>
      <c r="KN9" s="387">
        <v>0</v>
      </c>
      <c r="KO9" s="388">
        <v>61254</v>
      </c>
      <c r="KP9" s="389">
        <v>61254</v>
      </c>
      <c r="KQ9" s="390"/>
      <c r="KR9" s="391">
        <v>10405429</v>
      </c>
      <c r="KS9" s="391">
        <v>22542591</v>
      </c>
      <c r="KT9" s="391">
        <v>29864821</v>
      </c>
      <c r="KU9" s="391">
        <v>22641907</v>
      </c>
      <c r="KV9" s="391">
        <v>15798114</v>
      </c>
      <c r="KW9" s="395">
        <v>101252862</v>
      </c>
      <c r="KX9" s="393">
        <v>101314116</v>
      </c>
      <c r="KY9" s="394">
        <v>0</v>
      </c>
      <c r="KZ9" s="391">
        <v>0</v>
      </c>
      <c r="LA9" s="395">
        <v>0</v>
      </c>
      <c r="LB9" s="402"/>
      <c r="LC9" s="391">
        <v>673158</v>
      </c>
      <c r="LD9" s="391">
        <v>588143</v>
      </c>
      <c r="LE9" s="391">
        <v>672900</v>
      </c>
      <c r="LF9" s="391">
        <v>1117282</v>
      </c>
      <c r="LG9" s="391">
        <v>1211786</v>
      </c>
      <c r="LH9" s="395">
        <v>4263269</v>
      </c>
      <c r="LI9" s="397">
        <v>4263269</v>
      </c>
      <c r="LJ9" s="394">
        <v>0</v>
      </c>
      <c r="LK9" s="391">
        <v>0</v>
      </c>
      <c r="LL9" s="395">
        <v>0</v>
      </c>
      <c r="LM9" s="402"/>
      <c r="LN9" s="391">
        <v>189445</v>
      </c>
      <c r="LO9" s="391">
        <v>388023</v>
      </c>
      <c r="LP9" s="391">
        <v>2546670</v>
      </c>
      <c r="LQ9" s="391">
        <v>3289946</v>
      </c>
      <c r="LR9" s="391">
        <v>1804458</v>
      </c>
      <c r="LS9" s="395">
        <v>8218542</v>
      </c>
      <c r="LT9" s="393">
        <v>8218542</v>
      </c>
      <c r="LU9" s="394">
        <v>0</v>
      </c>
      <c r="LV9" s="391">
        <v>0</v>
      </c>
      <c r="LW9" s="395">
        <v>0</v>
      </c>
      <c r="LX9" s="402"/>
      <c r="LY9" s="391">
        <v>1380918</v>
      </c>
      <c r="LZ9" s="391">
        <v>3291144</v>
      </c>
      <c r="MA9" s="391">
        <v>5005206</v>
      </c>
      <c r="MB9" s="391">
        <v>5860374</v>
      </c>
      <c r="MC9" s="391">
        <v>6771795</v>
      </c>
      <c r="MD9" s="395">
        <v>22309437</v>
      </c>
      <c r="ME9" s="397">
        <v>22309437</v>
      </c>
      <c r="MF9" s="394">
        <v>0</v>
      </c>
      <c r="MG9" s="391">
        <v>0</v>
      </c>
      <c r="MH9" s="395">
        <v>0</v>
      </c>
      <c r="MI9" s="402">
        <v>0</v>
      </c>
      <c r="MJ9" s="391">
        <v>8652733</v>
      </c>
      <c r="MK9" s="391">
        <v>35331205</v>
      </c>
      <c r="ML9" s="391">
        <v>101971198</v>
      </c>
      <c r="MM9" s="391">
        <v>158274002</v>
      </c>
      <c r="MN9" s="391">
        <v>117193331</v>
      </c>
      <c r="MO9" s="395">
        <v>421422469</v>
      </c>
      <c r="MP9" s="401">
        <v>421422469</v>
      </c>
      <c r="MQ9" s="394">
        <v>0</v>
      </c>
      <c r="MR9" s="391">
        <v>0</v>
      </c>
      <c r="MS9" s="395">
        <v>0</v>
      </c>
      <c r="MT9" s="402">
        <v>0</v>
      </c>
      <c r="MU9" s="391">
        <v>692585</v>
      </c>
      <c r="MV9" s="391">
        <v>7388681</v>
      </c>
      <c r="MW9" s="391">
        <v>55393644</v>
      </c>
      <c r="MX9" s="391">
        <v>91064503</v>
      </c>
      <c r="MY9" s="391">
        <v>72252855</v>
      </c>
      <c r="MZ9" s="395">
        <v>226792268</v>
      </c>
      <c r="NA9" s="401">
        <v>226792268</v>
      </c>
      <c r="NB9" s="394">
        <v>0</v>
      </c>
      <c r="NC9" s="391">
        <v>0</v>
      </c>
      <c r="ND9" s="395">
        <v>0</v>
      </c>
      <c r="NE9" s="402"/>
      <c r="NF9" s="391">
        <v>7960148</v>
      </c>
      <c r="NG9" s="391">
        <v>27716686</v>
      </c>
      <c r="NH9" s="391">
        <v>46226687</v>
      </c>
      <c r="NI9" s="391">
        <v>60702935</v>
      </c>
      <c r="NJ9" s="391">
        <v>31945658</v>
      </c>
      <c r="NK9" s="395">
        <v>174552114</v>
      </c>
      <c r="NL9" s="393">
        <v>174552114</v>
      </c>
      <c r="NM9" s="394">
        <v>0</v>
      </c>
      <c r="NN9" s="391">
        <v>0</v>
      </c>
      <c r="NO9" s="395">
        <v>0</v>
      </c>
      <c r="NP9" s="402"/>
      <c r="NQ9" s="391">
        <v>0</v>
      </c>
      <c r="NR9" s="391">
        <v>0</v>
      </c>
      <c r="NS9" s="391">
        <v>0</v>
      </c>
      <c r="NT9" s="391">
        <v>2426888</v>
      </c>
      <c r="NU9" s="391">
        <v>3597221</v>
      </c>
      <c r="NV9" s="395">
        <v>6024109</v>
      </c>
      <c r="NW9" s="397">
        <v>6024109</v>
      </c>
      <c r="NX9" s="394">
        <v>0</v>
      </c>
      <c r="NY9" s="391">
        <v>0</v>
      </c>
      <c r="NZ9" s="395">
        <v>0</v>
      </c>
      <c r="OA9" s="402"/>
      <c r="OB9" s="391">
        <v>0</v>
      </c>
      <c r="OC9" s="391">
        <v>225838</v>
      </c>
      <c r="OD9" s="391">
        <v>350867</v>
      </c>
      <c r="OE9" s="391">
        <v>4079676</v>
      </c>
      <c r="OF9" s="391">
        <v>9397597</v>
      </c>
      <c r="OG9" s="395">
        <v>14053978</v>
      </c>
      <c r="OH9" s="397">
        <v>14053978</v>
      </c>
      <c r="OI9" s="394">
        <v>25361599</v>
      </c>
      <c r="OJ9" s="391">
        <v>47017984</v>
      </c>
      <c r="OK9" s="392">
        <v>72379583</v>
      </c>
      <c r="OL9" s="398">
        <v>0</v>
      </c>
      <c r="OM9" s="391">
        <v>320307102</v>
      </c>
      <c r="ON9" s="391">
        <v>461000073</v>
      </c>
      <c r="OO9" s="391">
        <v>490133485</v>
      </c>
      <c r="OP9" s="391">
        <v>552261751</v>
      </c>
      <c r="OQ9" s="391">
        <v>396271854</v>
      </c>
      <c r="OR9" s="395">
        <v>2219974265</v>
      </c>
      <c r="OS9" s="401">
        <v>2292353848</v>
      </c>
    </row>
    <row r="10" spans="2:409" s="444" customFormat="1" ht="21" customHeight="1" x14ac:dyDescent="0.2">
      <c r="B10" s="471" t="s">
        <v>5</v>
      </c>
      <c r="C10" s="404">
        <v>11242741</v>
      </c>
      <c r="D10" s="405">
        <v>23167975</v>
      </c>
      <c r="E10" s="406">
        <v>34410716</v>
      </c>
      <c r="F10" s="407">
        <v>0</v>
      </c>
      <c r="G10" s="405">
        <v>99557995</v>
      </c>
      <c r="H10" s="405">
        <v>175690712</v>
      </c>
      <c r="I10" s="405">
        <v>137391097</v>
      </c>
      <c r="J10" s="405">
        <v>148218419</v>
      </c>
      <c r="K10" s="405">
        <v>108958341</v>
      </c>
      <c r="L10" s="407">
        <v>669816564</v>
      </c>
      <c r="M10" s="408">
        <v>704227280</v>
      </c>
      <c r="N10" s="404">
        <v>3933983</v>
      </c>
      <c r="O10" s="405">
        <v>9515488</v>
      </c>
      <c r="P10" s="406">
        <v>13449471</v>
      </c>
      <c r="Q10" s="404">
        <v>0</v>
      </c>
      <c r="R10" s="405">
        <v>31772511</v>
      </c>
      <c r="S10" s="405">
        <v>65448904</v>
      </c>
      <c r="T10" s="405">
        <v>45999026</v>
      </c>
      <c r="U10" s="405">
        <v>53403647</v>
      </c>
      <c r="V10" s="405">
        <v>52218856</v>
      </c>
      <c r="W10" s="406">
        <v>248842944</v>
      </c>
      <c r="X10" s="408">
        <v>262292415</v>
      </c>
      <c r="Y10" s="404">
        <v>0</v>
      </c>
      <c r="Z10" s="405">
        <v>0</v>
      </c>
      <c r="AA10" s="406">
        <v>0</v>
      </c>
      <c r="AB10" s="404">
        <v>0</v>
      </c>
      <c r="AC10" s="405">
        <v>12865156</v>
      </c>
      <c r="AD10" s="405">
        <v>25686923</v>
      </c>
      <c r="AE10" s="405">
        <v>19712468</v>
      </c>
      <c r="AF10" s="405">
        <v>25381441</v>
      </c>
      <c r="AG10" s="405">
        <v>27623247</v>
      </c>
      <c r="AH10" s="406">
        <v>111269235</v>
      </c>
      <c r="AI10" s="408">
        <v>111269235</v>
      </c>
      <c r="AJ10" s="404">
        <v>0</v>
      </c>
      <c r="AK10" s="405">
        <v>64699</v>
      </c>
      <c r="AL10" s="406">
        <v>64699</v>
      </c>
      <c r="AM10" s="404">
        <v>0</v>
      </c>
      <c r="AN10" s="405">
        <v>97375</v>
      </c>
      <c r="AO10" s="405">
        <v>541862</v>
      </c>
      <c r="AP10" s="405">
        <v>1460855</v>
      </c>
      <c r="AQ10" s="405">
        <v>2906019</v>
      </c>
      <c r="AR10" s="405">
        <v>6825894</v>
      </c>
      <c r="AS10" s="406">
        <v>11832005</v>
      </c>
      <c r="AT10" s="408">
        <v>11896704</v>
      </c>
      <c r="AU10" s="404">
        <v>2394261</v>
      </c>
      <c r="AV10" s="405">
        <v>6314759</v>
      </c>
      <c r="AW10" s="406">
        <v>8709020</v>
      </c>
      <c r="AX10" s="404">
        <v>0</v>
      </c>
      <c r="AY10" s="405">
        <v>11992789</v>
      </c>
      <c r="AZ10" s="405">
        <v>27424982</v>
      </c>
      <c r="BA10" s="405">
        <v>16158152</v>
      </c>
      <c r="BB10" s="405">
        <v>14937645</v>
      </c>
      <c r="BC10" s="405">
        <v>11246693</v>
      </c>
      <c r="BD10" s="406">
        <v>81760261</v>
      </c>
      <c r="BE10" s="408">
        <v>90469281</v>
      </c>
      <c r="BF10" s="404">
        <v>208504</v>
      </c>
      <c r="BG10" s="405">
        <v>1273596</v>
      </c>
      <c r="BH10" s="409">
        <v>1482100</v>
      </c>
      <c r="BI10" s="410">
        <v>0</v>
      </c>
      <c r="BJ10" s="405">
        <v>908953</v>
      </c>
      <c r="BK10" s="405">
        <v>2432705</v>
      </c>
      <c r="BL10" s="405">
        <v>1322548</v>
      </c>
      <c r="BM10" s="405">
        <v>1599790</v>
      </c>
      <c r="BN10" s="405">
        <v>603437</v>
      </c>
      <c r="BO10" s="406">
        <v>6867433</v>
      </c>
      <c r="BP10" s="408">
        <v>8349533</v>
      </c>
      <c r="BQ10" s="404">
        <v>1331218</v>
      </c>
      <c r="BR10" s="405">
        <v>1862434</v>
      </c>
      <c r="BS10" s="406">
        <v>3193652</v>
      </c>
      <c r="BT10" s="404">
        <v>0</v>
      </c>
      <c r="BU10" s="405">
        <v>5908238</v>
      </c>
      <c r="BV10" s="405">
        <v>9362432</v>
      </c>
      <c r="BW10" s="405">
        <v>7345003</v>
      </c>
      <c r="BX10" s="405">
        <v>8578752</v>
      </c>
      <c r="BY10" s="405">
        <v>5919585</v>
      </c>
      <c r="BZ10" s="406">
        <v>37114010</v>
      </c>
      <c r="CA10" s="408">
        <v>40307662</v>
      </c>
      <c r="CB10" s="404">
        <v>948166</v>
      </c>
      <c r="CC10" s="405">
        <v>3035290</v>
      </c>
      <c r="CD10" s="406">
        <v>3983456</v>
      </c>
      <c r="CE10" s="404">
        <v>0</v>
      </c>
      <c r="CF10" s="405">
        <v>23624235</v>
      </c>
      <c r="CG10" s="405">
        <v>36212668</v>
      </c>
      <c r="CH10" s="405">
        <v>25292654</v>
      </c>
      <c r="CI10" s="405">
        <v>16329729</v>
      </c>
      <c r="CJ10" s="405">
        <v>8244533</v>
      </c>
      <c r="CK10" s="406">
        <v>109703819</v>
      </c>
      <c r="CL10" s="408">
        <v>113687275</v>
      </c>
      <c r="CM10" s="404">
        <v>0</v>
      </c>
      <c r="CN10" s="405">
        <v>0</v>
      </c>
      <c r="CO10" s="406">
        <v>0</v>
      </c>
      <c r="CP10" s="410">
        <v>0</v>
      </c>
      <c r="CQ10" s="405">
        <v>19079356</v>
      </c>
      <c r="CR10" s="405">
        <v>25310250</v>
      </c>
      <c r="CS10" s="405">
        <v>17371136</v>
      </c>
      <c r="CT10" s="405">
        <v>9554674</v>
      </c>
      <c r="CU10" s="405">
        <v>4679990</v>
      </c>
      <c r="CV10" s="406">
        <v>75995406</v>
      </c>
      <c r="CW10" s="408">
        <v>75995406</v>
      </c>
      <c r="CX10" s="404">
        <v>948166</v>
      </c>
      <c r="CY10" s="405">
        <v>3035290</v>
      </c>
      <c r="CZ10" s="406">
        <v>3983456</v>
      </c>
      <c r="DA10" s="404">
        <v>0</v>
      </c>
      <c r="DB10" s="405">
        <v>4544879</v>
      </c>
      <c r="DC10" s="405">
        <v>10902418</v>
      </c>
      <c r="DD10" s="405">
        <v>7921518</v>
      </c>
      <c r="DE10" s="405">
        <v>6775055</v>
      </c>
      <c r="DF10" s="405">
        <v>3564543</v>
      </c>
      <c r="DG10" s="406">
        <v>33708413</v>
      </c>
      <c r="DH10" s="408">
        <v>37691869</v>
      </c>
      <c r="DI10" s="404">
        <v>76433</v>
      </c>
      <c r="DJ10" s="405">
        <v>308391</v>
      </c>
      <c r="DK10" s="409">
        <v>384824</v>
      </c>
      <c r="DL10" s="410">
        <v>0</v>
      </c>
      <c r="DM10" s="405">
        <v>2784274</v>
      </c>
      <c r="DN10" s="405">
        <v>7110456</v>
      </c>
      <c r="DO10" s="405">
        <v>10074530</v>
      </c>
      <c r="DP10" s="405">
        <v>9014525</v>
      </c>
      <c r="DQ10" s="405">
        <v>6270647</v>
      </c>
      <c r="DR10" s="406">
        <v>35254432</v>
      </c>
      <c r="DS10" s="408">
        <v>35639256</v>
      </c>
      <c r="DT10" s="404">
        <v>33211</v>
      </c>
      <c r="DU10" s="405">
        <v>108766</v>
      </c>
      <c r="DV10" s="406">
        <v>141977</v>
      </c>
      <c r="DW10" s="404">
        <v>0</v>
      </c>
      <c r="DX10" s="405">
        <v>2239964</v>
      </c>
      <c r="DY10" s="405">
        <v>5259491</v>
      </c>
      <c r="DZ10" s="405">
        <v>7409337</v>
      </c>
      <c r="EA10" s="405">
        <v>6961473</v>
      </c>
      <c r="EB10" s="405">
        <v>4161843</v>
      </c>
      <c r="EC10" s="406">
        <v>26032108</v>
      </c>
      <c r="ED10" s="408">
        <v>26174085</v>
      </c>
      <c r="EE10" s="404">
        <v>43222</v>
      </c>
      <c r="EF10" s="409">
        <v>199625</v>
      </c>
      <c r="EG10" s="406">
        <v>242847</v>
      </c>
      <c r="EH10" s="404">
        <v>0</v>
      </c>
      <c r="EI10" s="405">
        <v>544310</v>
      </c>
      <c r="EJ10" s="405">
        <v>1850965</v>
      </c>
      <c r="EK10" s="405">
        <v>2665193</v>
      </c>
      <c r="EL10" s="405">
        <v>2053052</v>
      </c>
      <c r="EM10" s="405">
        <v>2108804</v>
      </c>
      <c r="EN10" s="409">
        <v>9222324</v>
      </c>
      <c r="EO10" s="408">
        <v>9465171</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931181</v>
      </c>
      <c r="FM10" s="405">
        <v>4470725</v>
      </c>
      <c r="FN10" s="406">
        <v>6401906</v>
      </c>
      <c r="FO10" s="404">
        <v>0</v>
      </c>
      <c r="FP10" s="405">
        <v>4075756</v>
      </c>
      <c r="FQ10" s="405">
        <v>14284222</v>
      </c>
      <c r="FR10" s="405">
        <v>9712068</v>
      </c>
      <c r="FS10" s="405">
        <v>9701420</v>
      </c>
      <c r="FT10" s="405">
        <v>6861381</v>
      </c>
      <c r="FU10" s="406">
        <v>44634847</v>
      </c>
      <c r="FV10" s="408">
        <v>51036753</v>
      </c>
      <c r="FW10" s="412">
        <v>848708</v>
      </c>
      <c r="FX10" s="405">
        <v>2699921</v>
      </c>
      <c r="FY10" s="409">
        <v>3548629</v>
      </c>
      <c r="FZ10" s="410">
        <v>0</v>
      </c>
      <c r="GA10" s="405">
        <v>2748193</v>
      </c>
      <c r="GB10" s="405">
        <v>13106023</v>
      </c>
      <c r="GC10" s="405">
        <v>8885813</v>
      </c>
      <c r="GD10" s="405">
        <v>8668331</v>
      </c>
      <c r="GE10" s="405">
        <v>6640053</v>
      </c>
      <c r="GF10" s="406">
        <v>40048413</v>
      </c>
      <c r="GG10" s="413">
        <v>43597042</v>
      </c>
      <c r="GH10" s="412">
        <v>72247</v>
      </c>
      <c r="GI10" s="405">
        <v>121954</v>
      </c>
      <c r="GJ10" s="409">
        <v>194201</v>
      </c>
      <c r="GK10" s="410">
        <v>0</v>
      </c>
      <c r="GL10" s="405">
        <v>349943</v>
      </c>
      <c r="GM10" s="405">
        <v>355930</v>
      </c>
      <c r="GN10" s="405">
        <v>306855</v>
      </c>
      <c r="GO10" s="405">
        <v>389999</v>
      </c>
      <c r="GP10" s="405">
        <v>221328</v>
      </c>
      <c r="GQ10" s="406">
        <v>1624055</v>
      </c>
      <c r="GR10" s="408">
        <v>1818256</v>
      </c>
      <c r="GS10" s="404">
        <v>1010226</v>
      </c>
      <c r="GT10" s="405">
        <v>1648850</v>
      </c>
      <c r="GU10" s="406">
        <v>2659076</v>
      </c>
      <c r="GV10" s="404">
        <v>0</v>
      </c>
      <c r="GW10" s="405">
        <v>977620</v>
      </c>
      <c r="GX10" s="405">
        <v>822269</v>
      </c>
      <c r="GY10" s="405">
        <v>519400</v>
      </c>
      <c r="GZ10" s="405">
        <v>643090</v>
      </c>
      <c r="HA10" s="405">
        <v>0</v>
      </c>
      <c r="HB10" s="409">
        <v>2962379</v>
      </c>
      <c r="HC10" s="408">
        <v>5621455</v>
      </c>
      <c r="HD10" s="404">
        <v>4352978</v>
      </c>
      <c r="HE10" s="405">
        <v>5838081</v>
      </c>
      <c r="HF10" s="409">
        <v>10191059</v>
      </c>
      <c r="HG10" s="410">
        <v>0</v>
      </c>
      <c r="HH10" s="405">
        <v>37301219</v>
      </c>
      <c r="HI10" s="405">
        <v>52634462</v>
      </c>
      <c r="HJ10" s="405">
        <v>46312819</v>
      </c>
      <c r="HK10" s="405">
        <v>59769098</v>
      </c>
      <c r="HL10" s="405">
        <v>35362924</v>
      </c>
      <c r="HM10" s="406">
        <v>231380522</v>
      </c>
      <c r="HN10" s="407">
        <v>241571581</v>
      </c>
      <c r="HO10" s="445"/>
      <c r="HP10" s="446"/>
      <c r="HQ10" s="447"/>
      <c r="HR10" s="448"/>
      <c r="HS10" s="446"/>
      <c r="HT10" s="446"/>
      <c r="HU10" s="446"/>
      <c r="HV10" s="446"/>
      <c r="HW10" s="446"/>
      <c r="HX10" s="449"/>
      <c r="HY10" s="450"/>
      <c r="HZ10" s="414">
        <v>202840</v>
      </c>
      <c r="IA10" s="415">
        <v>924404</v>
      </c>
      <c r="IB10" s="416">
        <v>1127244</v>
      </c>
      <c r="IC10" s="417">
        <v>0</v>
      </c>
      <c r="ID10" s="418">
        <v>20507110</v>
      </c>
      <c r="IE10" s="419">
        <v>32766950</v>
      </c>
      <c r="IF10" s="420">
        <v>35432237</v>
      </c>
      <c r="IG10" s="418">
        <v>27750056</v>
      </c>
      <c r="IH10" s="420">
        <v>17917737</v>
      </c>
      <c r="II10" s="421">
        <v>134374090</v>
      </c>
      <c r="IJ10" s="422">
        <v>135501334</v>
      </c>
      <c r="IK10" s="423">
        <v>0</v>
      </c>
      <c r="IL10" s="424">
        <v>0</v>
      </c>
      <c r="IM10" s="425">
        <v>0</v>
      </c>
      <c r="IN10" s="426"/>
      <c r="IO10" s="427">
        <v>625531</v>
      </c>
      <c r="IP10" s="427">
        <v>1326337</v>
      </c>
      <c r="IQ10" s="427">
        <v>2694654</v>
      </c>
      <c r="IR10" s="427">
        <v>2150420</v>
      </c>
      <c r="IS10" s="427">
        <v>1174913</v>
      </c>
      <c r="IT10" s="428">
        <v>7971855</v>
      </c>
      <c r="IU10" s="429">
        <v>7971855</v>
      </c>
      <c r="IV10" s="430">
        <v>0</v>
      </c>
      <c r="IW10" s="427">
        <v>0</v>
      </c>
      <c r="IX10" s="431">
        <v>0</v>
      </c>
      <c r="IY10" s="432"/>
      <c r="IZ10" s="427">
        <v>254783</v>
      </c>
      <c r="JA10" s="427">
        <v>241519</v>
      </c>
      <c r="JB10" s="427">
        <v>733266</v>
      </c>
      <c r="JC10" s="427">
        <v>501624</v>
      </c>
      <c r="JD10" s="427">
        <v>1200817</v>
      </c>
      <c r="JE10" s="431">
        <v>2932009</v>
      </c>
      <c r="JF10" s="433">
        <v>2932009</v>
      </c>
      <c r="JG10" s="430">
        <v>0</v>
      </c>
      <c r="JH10" s="427">
        <v>0</v>
      </c>
      <c r="JI10" s="428">
        <v>0</v>
      </c>
      <c r="JJ10" s="434">
        <v>0</v>
      </c>
      <c r="JK10" s="427">
        <v>9061279</v>
      </c>
      <c r="JL10" s="427">
        <v>15115661</v>
      </c>
      <c r="JM10" s="427">
        <v>9258839</v>
      </c>
      <c r="JN10" s="427">
        <v>5745385</v>
      </c>
      <c r="JO10" s="427">
        <v>3056179</v>
      </c>
      <c r="JP10" s="431">
        <v>42237343</v>
      </c>
      <c r="JQ10" s="429">
        <v>42237343</v>
      </c>
      <c r="JR10" s="430">
        <v>8362</v>
      </c>
      <c r="JS10" s="427">
        <v>0</v>
      </c>
      <c r="JT10" s="428">
        <v>8362</v>
      </c>
      <c r="JU10" s="434">
        <v>0</v>
      </c>
      <c r="JV10" s="427">
        <v>2144291</v>
      </c>
      <c r="JW10" s="427">
        <v>2646185</v>
      </c>
      <c r="JX10" s="427">
        <v>3721370</v>
      </c>
      <c r="JY10" s="427">
        <v>2165244</v>
      </c>
      <c r="JZ10" s="427">
        <v>1195993</v>
      </c>
      <c r="KA10" s="431">
        <v>11873083</v>
      </c>
      <c r="KB10" s="429">
        <v>11881445</v>
      </c>
      <c r="KC10" s="435">
        <v>194478</v>
      </c>
      <c r="KD10" s="436">
        <v>863150</v>
      </c>
      <c r="KE10" s="431">
        <v>1057628</v>
      </c>
      <c r="KF10" s="434">
        <v>0</v>
      </c>
      <c r="KG10" s="427">
        <v>2742718</v>
      </c>
      <c r="KH10" s="427">
        <v>3509244</v>
      </c>
      <c r="KI10" s="427">
        <v>5672867</v>
      </c>
      <c r="KJ10" s="427">
        <v>5873432</v>
      </c>
      <c r="KK10" s="427">
        <v>1919783</v>
      </c>
      <c r="KL10" s="431">
        <v>19718044</v>
      </c>
      <c r="KM10" s="437">
        <v>20775672</v>
      </c>
      <c r="KN10" s="423">
        <v>0</v>
      </c>
      <c r="KO10" s="424">
        <v>61254</v>
      </c>
      <c r="KP10" s="425">
        <v>61254</v>
      </c>
      <c r="KQ10" s="426"/>
      <c r="KR10" s="427">
        <v>5365401</v>
      </c>
      <c r="KS10" s="427">
        <v>8190512</v>
      </c>
      <c r="KT10" s="427">
        <v>11095064</v>
      </c>
      <c r="KU10" s="427">
        <v>9137896</v>
      </c>
      <c r="KV10" s="427">
        <v>5753374</v>
      </c>
      <c r="KW10" s="431">
        <v>39542247</v>
      </c>
      <c r="KX10" s="429">
        <v>39603501</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11837</v>
      </c>
      <c r="LP10" s="427">
        <v>230274</v>
      </c>
      <c r="LQ10" s="427">
        <v>239204</v>
      </c>
      <c r="LR10" s="427">
        <v>0</v>
      </c>
      <c r="LS10" s="431">
        <v>681315</v>
      </c>
      <c r="LT10" s="429">
        <v>681315</v>
      </c>
      <c r="LU10" s="430">
        <v>0</v>
      </c>
      <c r="LV10" s="427">
        <v>0</v>
      </c>
      <c r="LW10" s="431">
        <v>0</v>
      </c>
      <c r="LX10" s="438"/>
      <c r="LY10" s="427">
        <v>313107</v>
      </c>
      <c r="LZ10" s="427">
        <v>1525655</v>
      </c>
      <c r="MA10" s="427">
        <v>2025903</v>
      </c>
      <c r="MB10" s="427">
        <v>1936851</v>
      </c>
      <c r="MC10" s="427">
        <v>3616678</v>
      </c>
      <c r="MD10" s="431">
        <v>9418194</v>
      </c>
      <c r="ME10" s="433">
        <v>9418194</v>
      </c>
      <c r="MF10" s="430">
        <v>0</v>
      </c>
      <c r="MG10" s="427">
        <v>0</v>
      </c>
      <c r="MH10" s="431">
        <v>0</v>
      </c>
      <c r="MI10" s="438">
        <v>0</v>
      </c>
      <c r="MJ10" s="427">
        <v>3479399</v>
      </c>
      <c r="MK10" s="427">
        <v>19445596</v>
      </c>
      <c r="ML10" s="427">
        <v>51264869</v>
      </c>
      <c r="MM10" s="427">
        <v>74718130</v>
      </c>
      <c r="MN10" s="427">
        <v>53141995</v>
      </c>
      <c r="MO10" s="431">
        <v>202049989</v>
      </c>
      <c r="MP10" s="437">
        <v>202049989</v>
      </c>
      <c r="MQ10" s="430">
        <v>0</v>
      </c>
      <c r="MR10" s="427">
        <v>0</v>
      </c>
      <c r="MS10" s="431">
        <v>0</v>
      </c>
      <c r="MT10" s="438">
        <v>0</v>
      </c>
      <c r="MU10" s="427">
        <v>191824</v>
      </c>
      <c r="MV10" s="427">
        <v>5540527</v>
      </c>
      <c r="MW10" s="427">
        <v>29586724</v>
      </c>
      <c r="MX10" s="427">
        <v>39866143</v>
      </c>
      <c r="MY10" s="427">
        <v>32163455</v>
      </c>
      <c r="MZ10" s="431">
        <v>107348673</v>
      </c>
      <c r="NA10" s="437">
        <v>107348673</v>
      </c>
      <c r="NB10" s="430">
        <v>0</v>
      </c>
      <c r="NC10" s="427">
        <v>0</v>
      </c>
      <c r="ND10" s="431">
        <v>0</v>
      </c>
      <c r="NE10" s="438"/>
      <c r="NF10" s="427">
        <v>3287575</v>
      </c>
      <c r="NG10" s="427">
        <v>13905069</v>
      </c>
      <c r="NH10" s="427">
        <v>21678145</v>
      </c>
      <c r="NI10" s="427">
        <v>31067367</v>
      </c>
      <c r="NJ10" s="427">
        <v>15334362</v>
      </c>
      <c r="NK10" s="431">
        <v>85272518</v>
      </c>
      <c r="NL10" s="429">
        <v>85272518</v>
      </c>
      <c r="NM10" s="430">
        <v>0</v>
      </c>
      <c r="NN10" s="427">
        <v>0</v>
      </c>
      <c r="NO10" s="431">
        <v>0</v>
      </c>
      <c r="NP10" s="438"/>
      <c r="NQ10" s="427">
        <v>0</v>
      </c>
      <c r="NR10" s="427">
        <v>0</v>
      </c>
      <c r="NS10" s="427">
        <v>0</v>
      </c>
      <c r="NT10" s="427">
        <v>975708</v>
      </c>
      <c r="NU10" s="427">
        <v>1357156</v>
      </c>
      <c r="NV10" s="431">
        <v>2332864</v>
      </c>
      <c r="NW10" s="433">
        <v>2332864</v>
      </c>
      <c r="NX10" s="430">
        <v>0</v>
      </c>
      <c r="NY10" s="427">
        <v>0</v>
      </c>
      <c r="NZ10" s="431">
        <v>0</v>
      </c>
      <c r="OA10" s="438"/>
      <c r="OB10" s="427">
        <v>0</v>
      </c>
      <c r="OC10" s="427">
        <v>0</v>
      </c>
      <c r="OD10" s="427">
        <v>0</v>
      </c>
      <c r="OE10" s="427">
        <v>2808912</v>
      </c>
      <c r="OF10" s="427">
        <v>4287022</v>
      </c>
      <c r="OG10" s="431">
        <v>7095934</v>
      </c>
      <c r="OH10" s="433">
        <v>7095934</v>
      </c>
      <c r="OI10" s="430">
        <v>11445581</v>
      </c>
      <c r="OJ10" s="427">
        <v>24092379</v>
      </c>
      <c r="OK10" s="428">
        <v>35537960</v>
      </c>
      <c r="OL10" s="434">
        <v>0</v>
      </c>
      <c r="OM10" s="427">
        <v>123544504</v>
      </c>
      <c r="ON10" s="427">
        <v>227903258</v>
      </c>
      <c r="OO10" s="427">
        <v>224088203</v>
      </c>
      <c r="OP10" s="427">
        <v>250686605</v>
      </c>
      <c r="OQ10" s="427">
        <v>180018073</v>
      </c>
      <c r="OR10" s="431">
        <v>1006240643</v>
      </c>
      <c r="OS10" s="437">
        <v>1041778603</v>
      </c>
    </row>
    <row r="11" spans="2:409" ht="21" customHeight="1" x14ac:dyDescent="0.2">
      <c r="B11" s="472" t="s">
        <v>6</v>
      </c>
      <c r="C11" s="100">
        <v>3114209</v>
      </c>
      <c r="D11" s="104">
        <v>6383034</v>
      </c>
      <c r="E11" s="103">
        <v>9497243</v>
      </c>
      <c r="F11" s="99">
        <v>0</v>
      </c>
      <c r="G11" s="104">
        <v>50146203</v>
      </c>
      <c r="H11" s="104">
        <v>52438117</v>
      </c>
      <c r="I11" s="104">
        <v>48443198</v>
      </c>
      <c r="J11" s="104">
        <v>53607133</v>
      </c>
      <c r="K11" s="104">
        <v>39136584</v>
      </c>
      <c r="L11" s="99">
        <v>243771235</v>
      </c>
      <c r="M11" s="106">
        <v>253268478</v>
      </c>
      <c r="N11" s="100">
        <v>1069460</v>
      </c>
      <c r="O11" s="104">
        <v>2675471</v>
      </c>
      <c r="P11" s="103">
        <v>3744931</v>
      </c>
      <c r="Q11" s="100">
        <v>0</v>
      </c>
      <c r="R11" s="104">
        <v>17352131</v>
      </c>
      <c r="S11" s="104">
        <v>19188757</v>
      </c>
      <c r="T11" s="104">
        <v>17106588</v>
      </c>
      <c r="U11" s="104">
        <v>21145835</v>
      </c>
      <c r="V11" s="104">
        <v>18380579</v>
      </c>
      <c r="W11" s="103">
        <v>93173890</v>
      </c>
      <c r="X11" s="106">
        <v>96918821</v>
      </c>
      <c r="Y11" s="100">
        <v>0</v>
      </c>
      <c r="Z11" s="104">
        <v>0</v>
      </c>
      <c r="AA11" s="103">
        <v>0</v>
      </c>
      <c r="AB11" s="100">
        <v>0</v>
      </c>
      <c r="AC11" s="104">
        <v>6007502</v>
      </c>
      <c r="AD11" s="104">
        <v>7284740</v>
      </c>
      <c r="AE11" s="104">
        <v>7152378</v>
      </c>
      <c r="AF11" s="104">
        <v>11009106</v>
      </c>
      <c r="AG11" s="104">
        <v>10096243</v>
      </c>
      <c r="AH11" s="103">
        <v>41549969</v>
      </c>
      <c r="AI11" s="106">
        <v>41549969</v>
      </c>
      <c r="AJ11" s="100">
        <v>0</v>
      </c>
      <c r="AK11" s="104">
        <v>0</v>
      </c>
      <c r="AL11" s="103">
        <v>0</v>
      </c>
      <c r="AM11" s="100">
        <v>0</v>
      </c>
      <c r="AN11" s="104">
        <v>203697</v>
      </c>
      <c r="AO11" s="104">
        <v>553655</v>
      </c>
      <c r="AP11" s="104">
        <v>449688</v>
      </c>
      <c r="AQ11" s="104">
        <v>1260033</v>
      </c>
      <c r="AR11" s="104">
        <v>1898549</v>
      </c>
      <c r="AS11" s="103">
        <v>4365622</v>
      </c>
      <c r="AT11" s="106">
        <v>4365622</v>
      </c>
      <c r="AU11" s="100">
        <v>619361</v>
      </c>
      <c r="AV11" s="104">
        <v>2129215</v>
      </c>
      <c r="AW11" s="103">
        <v>2748576</v>
      </c>
      <c r="AX11" s="100">
        <v>0</v>
      </c>
      <c r="AY11" s="104">
        <v>7809536</v>
      </c>
      <c r="AZ11" s="104">
        <v>7842277</v>
      </c>
      <c r="BA11" s="104">
        <v>6148188</v>
      </c>
      <c r="BB11" s="104">
        <v>5308068</v>
      </c>
      <c r="BC11" s="104">
        <v>3505960</v>
      </c>
      <c r="BD11" s="103">
        <v>30614029</v>
      </c>
      <c r="BE11" s="106">
        <v>33362605</v>
      </c>
      <c r="BF11" s="100">
        <v>54886</v>
      </c>
      <c r="BG11" s="104">
        <v>14165</v>
      </c>
      <c r="BH11" s="102">
        <v>69051</v>
      </c>
      <c r="BI11" s="101">
        <v>0</v>
      </c>
      <c r="BJ11" s="104">
        <v>539530</v>
      </c>
      <c r="BK11" s="104">
        <v>640391</v>
      </c>
      <c r="BL11" s="104">
        <v>594750</v>
      </c>
      <c r="BM11" s="104">
        <v>395884</v>
      </c>
      <c r="BN11" s="104">
        <v>383634</v>
      </c>
      <c r="BO11" s="103">
        <v>2554189</v>
      </c>
      <c r="BP11" s="106">
        <v>2623240</v>
      </c>
      <c r="BQ11" s="100">
        <v>395213</v>
      </c>
      <c r="BR11" s="104">
        <v>532091</v>
      </c>
      <c r="BS11" s="103">
        <v>927304</v>
      </c>
      <c r="BT11" s="100">
        <v>0</v>
      </c>
      <c r="BU11" s="104">
        <v>2791866</v>
      </c>
      <c r="BV11" s="104">
        <v>2867694</v>
      </c>
      <c r="BW11" s="104">
        <v>2761584</v>
      </c>
      <c r="BX11" s="104">
        <v>3172744</v>
      </c>
      <c r="BY11" s="104">
        <v>2496193</v>
      </c>
      <c r="BZ11" s="103">
        <v>14090081</v>
      </c>
      <c r="CA11" s="106">
        <v>15017385</v>
      </c>
      <c r="CB11" s="100">
        <v>241133</v>
      </c>
      <c r="CC11" s="104">
        <v>603660</v>
      </c>
      <c r="CD11" s="103">
        <v>844793</v>
      </c>
      <c r="CE11" s="100">
        <v>0</v>
      </c>
      <c r="CF11" s="104">
        <v>13177780</v>
      </c>
      <c r="CG11" s="104">
        <v>11932112</v>
      </c>
      <c r="CH11" s="104">
        <v>9475527</v>
      </c>
      <c r="CI11" s="104">
        <v>6529801</v>
      </c>
      <c r="CJ11" s="104">
        <v>3041011</v>
      </c>
      <c r="CK11" s="103">
        <v>44156231</v>
      </c>
      <c r="CL11" s="106">
        <v>45001024</v>
      </c>
      <c r="CM11" s="100">
        <v>0</v>
      </c>
      <c r="CN11" s="104">
        <v>0</v>
      </c>
      <c r="CO11" s="103">
        <v>0</v>
      </c>
      <c r="CP11" s="101">
        <v>0</v>
      </c>
      <c r="CQ11" s="104">
        <v>10829960</v>
      </c>
      <c r="CR11" s="104">
        <v>9045684</v>
      </c>
      <c r="CS11" s="104">
        <v>7034823</v>
      </c>
      <c r="CT11" s="104">
        <v>3646147</v>
      </c>
      <c r="CU11" s="104">
        <v>2209898</v>
      </c>
      <c r="CV11" s="103">
        <v>32766512</v>
      </c>
      <c r="CW11" s="106">
        <v>32766512</v>
      </c>
      <c r="CX11" s="100">
        <v>241133</v>
      </c>
      <c r="CY11" s="104">
        <v>603660</v>
      </c>
      <c r="CZ11" s="103">
        <v>844793</v>
      </c>
      <c r="DA11" s="100">
        <v>0</v>
      </c>
      <c r="DB11" s="104">
        <v>2347820</v>
      </c>
      <c r="DC11" s="104">
        <v>2886428</v>
      </c>
      <c r="DD11" s="104">
        <v>2440704</v>
      </c>
      <c r="DE11" s="104">
        <v>2883654</v>
      </c>
      <c r="DF11" s="104">
        <v>831113</v>
      </c>
      <c r="DG11" s="103">
        <v>11389719</v>
      </c>
      <c r="DH11" s="106">
        <v>12234512</v>
      </c>
      <c r="DI11" s="100">
        <v>0</v>
      </c>
      <c r="DJ11" s="104">
        <v>17889</v>
      </c>
      <c r="DK11" s="102">
        <v>17889</v>
      </c>
      <c r="DL11" s="101">
        <v>0</v>
      </c>
      <c r="DM11" s="104">
        <v>1206920</v>
      </c>
      <c r="DN11" s="104">
        <v>1916451</v>
      </c>
      <c r="DO11" s="104">
        <v>3045616</v>
      </c>
      <c r="DP11" s="104">
        <v>3513804</v>
      </c>
      <c r="DQ11" s="104">
        <v>1224909</v>
      </c>
      <c r="DR11" s="103">
        <v>10907700</v>
      </c>
      <c r="DS11" s="106">
        <v>10925589</v>
      </c>
      <c r="DT11" s="100">
        <v>0</v>
      </c>
      <c r="DU11" s="104">
        <v>17889</v>
      </c>
      <c r="DV11" s="103">
        <v>17889</v>
      </c>
      <c r="DW11" s="100">
        <v>0</v>
      </c>
      <c r="DX11" s="104">
        <v>802212</v>
      </c>
      <c r="DY11" s="104">
        <v>1545159</v>
      </c>
      <c r="DZ11" s="104">
        <v>2878550</v>
      </c>
      <c r="EA11" s="104">
        <v>2548265</v>
      </c>
      <c r="EB11" s="104">
        <v>815290</v>
      </c>
      <c r="EC11" s="103">
        <v>8589476</v>
      </c>
      <c r="ED11" s="106">
        <v>8607365</v>
      </c>
      <c r="EE11" s="100">
        <v>0</v>
      </c>
      <c r="EF11" s="102">
        <v>0</v>
      </c>
      <c r="EG11" s="103">
        <v>0</v>
      </c>
      <c r="EH11" s="100">
        <v>0</v>
      </c>
      <c r="EI11" s="104">
        <v>404708</v>
      </c>
      <c r="EJ11" s="104">
        <v>371292</v>
      </c>
      <c r="EK11" s="104">
        <v>167066</v>
      </c>
      <c r="EL11" s="104">
        <v>965539</v>
      </c>
      <c r="EM11" s="104">
        <v>409619</v>
      </c>
      <c r="EN11" s="102">
        <v>2318224</v>
      </c>
      <c r="EO11" s="106">
        <v>2318224</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590919</v>
      </c>
      <c r="FM11" s="104">
        <v>1471571</v>
      </c>
      <c r="FN11" s="103">
        <v>2062490</v>
      </c>
      <c r="FO11" s="100">
        <v>0</v>
      </c>
      <c r="FP11" s="104">
        <v>2939936</v>
      </c>
      <c r="FQ11" s="104">
        <v>4575474</v>
      </c>
      <c r="FR11" s="104">
        <v>4153752</v>
      </c>
      <c r="FS11" s="104">
        <v>3729215</v>
      </c>
      <c r="FT11" s="104">
        <v>2240882</v>
      </c>
      <c r="FU11" s="103">
        <v>17639259</v>
      </c>
      <c r="FV11" s="106">
        <v>19701749</v>
      </c>
      <c r="FW11" s="105">
        <v>448049</v>
      </c>
      <c r="FX11" s="104">
        <v>1006614</v>
      </c>
      <c r="FY11" s="102">
        <v>1454663</v>
      </c>
      <c r="FZ11" s="101">
        <v>0</v>
      </c>
      <c r="GA11" s="104">
        <v>2135972</v>
      </c>
      <c r="GB11" s="104">
        <v>3994828</v>
      </c>
      <c r="GC11" s="104">
        <v>3903970</v>
      </c>
      <c r="GD11" s="104">
        <v>3475423</v>
      </c>
      <c r="GE11" s="104">
        <v>2202998</v>
      </c>
      <c r="GF11" s="103">
        <v>15713191</v>
      </c>
      <c r="GG11" s="296">
        <v>17167854</v>
      </c>
      <c r="GH11" s="105">
        <v>37870</v>
      </c>
      <c r="GI11" s="104">
        <v>158357</v>
      </c>
      <c r="GJ11" s="102">
        <v>196227</v>
      </c>
      <c r="GK11" s="101">
        <v>0</v>
      </c>
      <c r="GL11" s="104">
        <v>63798</v>
      </c>
      <c r="GM11" s="104">
        <v>77269</v>
      </c>
      <c r="GN11" s="104">
        <v>102082</v>
      </c>
      <c r="GO11" s="104">
        <v>174832</v>
      </c>
      <c r="GP11" s="104">
        <v>37884</v>
      </c>
      <c r="GQ11" s="103">
        <v>455865</v>
      </c>
      <c r="GR11" s="106">
        <v>652092</v>
      </c>
      <c r="GS11" s="100">
        <v>105000</v>
      </c>
      <c r="GT11" s="104">
        <v>306600</v>
      </c>
      <c r="GU11" s="103">
        <v>411600</v>
      </c>
      <c r="GV11" s="100">
        <v>0</v>
      </c>
      <c r="GW11" s="104">
        <v>740166</v>
      </c>
      <c r="GX11" s="104">
        <v>503377</v>
      </c>
      <c r="GY11" s="104">
        <v>147700</v>
      </c>
      <c r="GZ11" s="104">
        <v>78960</v>
      </c>
      <c r="HA11" s="104">
        <v>0</v>
      </c>
      <c r="HB11" s="102">
        <v>1470203</v>
      </c>
      <c r="HC11" s="106">
        <v>1881803</v>
      </c>
      <c r="HD11" s="100">
        <v>1212697</v>
      </c>
      <c r="HE11" s="104">
        <v>1614443</v>
      </c>
      <c r="HF11" s="102">
        <v>2827140</v>
      </c>
      <c r="HG11" s="101">
        <v>0</v>
      </c>
      <c r="HH11" s="104">
        <v>15469436</v>
      </c>
      <c r="HI11" s="104">
        <v>14825323</v>
      </c>
      <c r="HJ11" s="104">
        <v>14661715</v>
      </c>
      <c r="HK11" s="104">
        <v>18688478</v>
      </c>
      <c r="HL11" s="104">
        <v>14249203</v>
      </c>
      <c r="HM11" s="103">
        <v>77894155</v>
      </c>
      <c r="HN11" s="99">
        <v>80721295</v>
      </c>
      <c r="HO11" s="306"/>
      <c r="HP11" s="307"/>
      <c r="HQ11" s="308"/>
      <c r="HR11" s="309"/>
      <c r="HS11" s="307"/>
      <c r="HT11" s="307"/>
      <c r="HU11" s="307"/>
      <c r="HV11" s="307"/>
      <c r="HW11" s="307"/>
      <c r="HX11" s="310"/>
      <c r="HY11" s="311"/>
      <c r="HZ11" s="118">
        <v>71307</v>
      </c>
      <c r="IA11" s="119">
        <v>379982</v>
      </c>
      <c r="IB11" s="120">
        <v>451289</v>
      </c>
      <c r="IC11" s="133">
        <v>0</v>
      </c>
      <c r="ID11" s="119">
        <v>10754147</v>
      </c>
      <c r="IE11" s="134">
        <v>11912126</v>
      </c>
      <c r="IF11" s="120">
        <v>16633694</v>
      </c>
      <c r="IG11" s="119">
        <v>11507726</v>
      </c>
      <c r="IH11" s="120">
        <v>8292373</v>
      </c>
      <c r="II11" s="135">
        <v>59100066</v>
      </c>
      <c r="IJ11" s="126">
        <v>59551355</v>
      </c>
      <c r="IK11" s="219">
        <v>0</v>
      </c>
      <c r="IL11" s="223">
        <v>0</v>
      </c>
      <c r="IM11" s="224">
        <v>0</v>
      </c>
      <c r="IN11" s="127"/>
      <c r="IO11" s="109">
        <v>611892</v>
      </c>
      <c r="IP11" s="109">
        <v>509568</v>
      </c>
      <c r="IQ11" s="109">
        <v>692329</v>
      </c>
      <c r="IR11" s="109">
        <v>1435037</v>
      </c>
      <c r="IS11" s="109">
        <v>978991</v>
      </c>
      <c r="IT11" s="128">
        <v>4227817</v>
      </c>
      <c r="IU11" s="298">
        <v>4227817</v>
      </c>
      <c r="IV11" s="129">
        <v>0</v>
      </c>
      <c r="IW11" s="109">
        <v>0</v>
      </c>
      <c r="IX11" s="110">
        <v>0</v>
      </c>
      <c r="IY11" s="131"/>
      <c r="IZ11" s="109">
        <v>52539</v>
      </c>
      <c r="JA11" s="109">
        <v>83753</v>
      </c>
      <c r="JB11" s="109">
        <v>77083</v>
      </c>
      <c r="JC11" s="109">
        <v>140590</v>
      </c>
      <c r="JD11" s="109">
        <v>186331</v>
      </c>
      <c r="JE11" s="110">
        <v>540296</v>
      </c>
      <c r="JF11" s="111">
        <v>540296</v>
      </c>
      <c r="JG11" s="129">
        <v>0</v>
      </c>
      <c r="JH11" s="109">
        <v>0</v>
      </c>
      <c r="JI11" s="128">
        <v>0</v>
      </c>
      <c r="JJ11" s="108">
        <v>0</v>
      </c>
      <c r="JK11" s="109">
        <v>4119053</v>
      </c>
      <c r="JL11" s="109">
        <v>3696367</v>
      </c>
      <c r="JM11" s="109">
        <v>3070208</v>
      </c>
      <c r="JN11" s="109">
        <v>1485481</v>
      </c>
      <c r="JO11" s="109">
        <v>752675</v>
      </c>
      <c r="JP11" s="110">
        <v>13123784</v>
      </c>
      <c r="JQ11" s="298">
        <v>13123784</v>
      </c>
      <c r="JR11" s="129">
        <v>0</v>
      </c>
      <c r="JS11" s="109">
        <v>0</v>
      </c>
      <c r="JT11" s="128">
        <v>0</v>
      </c>
      <c r="JU11" s="108">
        <v>0</v>
      </c>
      <c r="JV11" s="109">
        <v>960353</v>
      </c>
      <c r="JW11" s="109">
        <v>1260933</v>
      </c>
      <c r="JX11" s="109">
        <v>2061136</v>
      </c>
      <c r="JY11" s="109">
        <v>400064</v>
      </c>
      <c r="JZ11" s="109">
        <v>388693</v>
      </c>
      <c r="KA11" s="110">
        <v>5071179</v>
      </c>
      <c r="KB11" s="298">
        <v>5071179</v>
      </c>
      <c r="KC11" s="221">
        <v>71307</v>
      </c>
      <c r="KD11" s="217">
        <v>379982</v>
      </c>
      <c r="KE11" s="110">
        <v>451289</v>
      </c>
      <c r="KF11" s="108">
        <v>0</v>
      </c>
      <c r="KG11" s="109">
        <v>1354975</v>
      </c>
      <c r="KH11" s="109">
        <v>626062</v>
      </c>
      <c r="KI11" s="109">
        <v>1270015</v>
      </c>
      <c r="KJ11" s="109">
        <v>1543716</v>
      </c>
      <c r="KK11" s="109">
        <v>568843</v>
      </c>
      <c r="KL11" s="110">
        <v>5363611</v>
      </c>
      <c r="KM11" s="130">
        <v>5814900</v>
      </c>
      <c r="KN11" s="219">
        <v>0</v>
      </c>
      <c r="KO11" s="223">
        <v>0</v>
      </c>
      <c r="KP11" s="224">
        <v>0</v>
      </c>
      <c r="KQ11" s="127"/>
      <c r="KR11" s="109">
        <v>2398079</v>
      </c>
      <c r="KS11" s="109">
        <v>4933216</v>
      </c>
      <c r="KT11" s="109">
        <v>5868035</v>
      </c>
      <c r="KU11" s="109">
        <v>3860728</v>
      </c>
      <c r="KV11" s="109">
        <v>3466646</v>
      </c>
      <c r="KW11" s="110">
        <v>20526704</v>
      </c>
      <c r="KX11" s="298">
        <v>20526704</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189445</v>
      </c>
      <c r="LO11" s="109">
        <v>0</v>
      </c>
      <c r="LP11" s="109">
        <v>1731008</v>
      </c>
      <c r="LQ11" s="109">
        <v>1217100</v>
      </c>
      <c r="LR11" s="109">
        <v>808614</v>
      </c>
      <c r="LS11" s="110">
        <v>3946167</v>
      </c>
      <c r="LT11" s="298">
        <v>3946167</v>
      </c>
      <c r="LU11" s="129">
        <v>0</v>
      </c>
      <c r="LV11" s="109">
        <v>0</v>
      </c>
      <c r="LW11" s="110">
        <v>0</v>
      </c>
      <c r="LX11" s="132"/>
      <c r="LY11" s="109">
        <v>1067811</v>
      </c>
      <c r="LZ11" s="109">
        <v>802227</v>
      </c>
      <c r="MA11" s="109">
        <v>1863880</v>
      </c>
      <c r="MB11" s="109">
        <v>1425010</v>
      </c>
      <c r="MC11" s="109">
        <v>1141580</v>
      </c>
      <c r="MD11" s="110">
        <v>6300508</v>
      </c>
      <c r="ME11" s="111">
        <v>6300508</v>
      </c>
      <c r="MF11" s="129">
        <v>0</v>
      </c>
      <c r="MG11" s="109">
        <v>0</v>
      </c>
      <c r="MH11" s="110">
        <v>0</v>
      </c>
      <c r="MI11" s="132">
        <v>0</v>
      </c>
      <c r="MJ11" s="109">
        <v>1543974</v>
      </c>
      <c r="MK11" s="109">
        <v>3493761</v>
      </c>
      <c r="ML11" s="109">
        <v>10238876</v>
      </c>
      <c r="MM11" s="109">
        <v>23468536</v>
      </c>
      <c r="MN11" s="109">
        <v>16408597</v>
      </c>
      <c r="MO11" s="110">
        <v>55153744</v>
      </c>
      <c r="MP11" s="130">
        <v>55153744</v>
      </c>
      <c r="MQ11" s="129">
        <v>0</v>
      </c>
      <c r="MR11" s="109">
        <v>0</v>
      </c>
      <c r="MS11" s="110">
        <v>0</v>
      </c>
      <c r="MT11" s="132">
        <v>0</v>
      </c>
      <c r="MU11" s="109">
        <v>310567</v>
      </c>
      <c r="MV11" s="109">
        <v>476261</v>
      </c>
      <c r="MW11" s="109">
        <v>5803787</v>
      </c>
      <c r="MX11" s="109">
        <v>12555748</v>
      </c>
      <c r="MY11" s="109">
        <v>8871049</v>
      </c>
      <c r="MZ11" s="110">
        <v>28017412</v>
      </c>
      <c r="NA11" s="130">
        <v>28017412</v>
      </c>
      <c r="NB11" s="129">
        <v>0</v>
      </c>
      <c r="NC11" s="109">
        <v>0</v>
      </c>
      <c r="ND11" s="110">
        <v>0</v>
      </c>
      <c r="NE11" s="132"/>
      <c r="NF11" s="109">
        <v>1233407</v>
      </c>
      <c r="NG11" s="109">
        <v>3017500</v>
      </c>
      <c r="NH11" s="109">
        <v>4435089</v>
      </c>
      <c r="NI11" s="109">
        <v>9199380</v>
      </c>
      <c r="NJ11" s="109">
        <v>4875264</v>
      </c>
      <c r="NK11" s="110">
        <v>22760640</v>
      </c>
      <c r="NL11" s="298">
        <v>22760640</v>
      </c>
      <c r="NM11" s="129">
        <v>0</v>
      </c>
      <c r="NN11" s="109">
        <v>0</v>
      </c>
      <c r="NO11" s="110">
        <v>0</v>
      </c>
      <c r="NP11" s="132"/>
      <c r="NQ11" s="109">
        <v>0</v>
      </c>
      <c r="NR11" s="109">
        <v>0</v>
      </c>
      <c r="NS11" s="109">
        <v>0</v>
      </c>
      <c r="NT11" s="109">
        <v>1361145</v>
      </c>
      <c r="NU11" s="109">
        <v>1151526</v>
      </c>
      <c r="NV11" s="110">
        <v>2512671</v>
      </c>
      <c r="NW11" s="111">
        <v>2512671</v>
      </c>
      <c r="NX11" s="129">
        <v>0</v>
      </c>
      <c r="NY11" s="109">
        <v>0</v>
      </c>
      <c r="NZ11" s="110">
        <v>0</v>
      </c>
      <c r="OA11" s="132"/>
      <c r="OB11" s="109">
        <v>0</v>
      </c>
      <c r="OC11" s="109">
        <v>0</v>
      </c>
      <c r="OD11" s="109">
        <v>0</v>
      </c>
      <c r="OE11" s="109">
        <v>352263</v>
      </c>
      <c r="OF11" s="109">
        <v>1510758</v>
      </c>
      <c r="OG11" s="110">
        <v>1863021</v>
      </c>
      <c r="OH11" s="111">
        <v>1863021</v>
      </c>
      <c r="OI11" s="129">
        <v>3185516</v>
      </c>
      <c r="OJ11" s="109">
        <v>6763016</v>
      </c>
      <c r="OK11" s="128">
        <v>9948532</v>
      </c>
      <c r="OL11" s="108">
        <v>0</v>
      </c>
      <c r="OM11" s="109">
        <v>62444324</v>
      </c>
      <c r="ON11" s="109">
        <v>67844004</v>
      </c>
      <c r="OO11" s="109">
        <v>75315768</v>
      </c>
      <c r="OP11" s="109">
        <v>88583395</v>
      </c>
      <c r="OQ11" s="109">
        <v>63837554</v>
      </c>
      <c r="OR11" s="110">
        <v>358025045</v>
      </c>
      <c r="OS11" s="130">
        <v>367973577</v>
      </c>
    </row>
    <row r="12" spans="2:409" ht="21" customHeight="1" x14ac:dyDescent="0.2">
      <c r="B12" s="472" t="s">
        <v>14</v>
      </c>
      <c r="C12" s="100">
        <v>1036971</v>
      </c>
      <c r="D12" s="104">
        <v>2487898</v>
      </c>
      <c r="E12" s="103">
        <v>3524869</v>
      </c>
      <c r="F12" s="99">
        <v>0</v>
      </c>
      <c r="G12" s="104">
        <v>13802820</v>
      </c>
      <c r="H12" s="104">
        <v>19341608</v>
      </c>
      <c r="I12" s="104">
        <v>21913720</v>
      </c>
      <c r="J12" s="104">
        <v>17122172</v>
      </c>
      <c r="K12" s="104">
        <v>13561947</v>
      </c>
      <c r="L12" s="102">
        <v>85742267</v>
      </c>
      <c r="M12" s="106">
        <v>89267136</v>
      </c>
      <c r="N12" s="100">
        <v>202285</v>
      </c>
      <c r="O12" s="104">
        <v>900704</v>
      </c>
      <c r="P12" s="103">
        <v>1102989</v>
      </c>
      <c r="Q12" s="100">
        <v>0</v>
      </c>
      <c r="R12" s="104">
        <v>3483441</v>
      </c>
      <c r="S12" s="104">
        <v>6910852</v>
      </c>
      <c r="T12" s="104">
        <v>7274789</v>
      </c>
      <c r="U12" s="104">
        <v>6670609</v>
      </c>
      <c r="V12" s="104">
        <v>6789753</v>
      </c>
      <c r="W12" s="103">
        <v>31129444</v>
      </c>
      <c r="X12" s="106">
        <v>32232433</v>
      </c>
      <c r="Y12" s="100">
        <v>0</v>
      </c>
      <c r="Z12" s="104">
        <v>0</v>
      </c>
      <c r="AA12" s="103">
        <v>0</v>
      </c>
      <c r="AB12" s="100">
        <v>0</v>
      </c>
      <c r="AC12" s="104">
        <v>1656639</v>
      </c>
      <c r="AD12" s="104">
        <v>2600940</v>
      </c>
      <c r="AE12" s="104">
        <v>3727429</v>
      </c>
      <c r="AF12" s="104">
        <v>3324539</v>
      </c>
      <c r="AG12" s="104">
        <v>3184873</v>
      </c>
      <c r="AH12" s="103">
        <v>14494420</v>
      </c>
      <c r="AI12" s="106">
        <v>14494420</v>
      </c>
      <c r="AJ12" s="100">
        <v>0</v>
      </c>
      <c r="AK12" s="104">
        <v>0</v>
      </c>
      <c r="AL12" s="103">
        <v>0</v>
      </c>
      <c r="AM12" s="100">
        <v>0</v>
      </c>
      <c r="AN12" s="104">
        <v>0</v>
      </c>
      <c r="AO12" s="104">
        <v>296783</v>
      </c>
      <c r="AP12" s="104">
        <v>179552</v>
      </c>
      <c r="AQ12" s="104">
        <v>561294</v>
      </c>
      <c r="AR12" s="104">
        <v>820404</v>
      </c>
      <c r="AS12" s="103">
        <v>1858033</v>
      </c>
      <c r="AT12" s="106">
        <v>1858033</v>
      </c>
      <c r="AU12" s="100">
        <v>74794</v>
      </c>
      <c r="AV12" s="104">
        <v>607225</v>
      </c>
      <c r="AW12" s="103">
        <v>682019</v>
      </c>
      <c r="AX12" s="100">
        <v>0</v>
      </c>
      <c r="AY12" s="104">
        <v>967374</v>
      </c>
      <c r="AZ12" s="104">
        <v>2853828</v>
      </c>
      <c r="BA12" s="104">
        <v>2124946</v>
      </c>
      <c r="BB12" s="104">
        <v>1730286</v>
      </c>
      <c r="BC12" s="104">
        <v>1929391</v>
      </c>
      <c r="BD12" s="103">
        <v>9605825</v>
      </c>
      <c r="BE12" s="106">
        <v>10287844</v>
      </c>
      <c r="BF12" s="100">
        <v>0</v>
      </c>
      <c r="BG12" s="104">
        <v>124023</v>
      </c>
      <c r="BH12" s="102">
        <v>124023</v>
      </c>
      <c r="BI12" s="101">
        <v>0</v>
      </c>
      <c r="BJ12" s="104">
        <v>74049</v>
      </c>
      <c r="BK12" s="104">
        <v>191201</v>
      </c>
      <c r="BL12" s="104">
        <v>174270</v>
      </c>
      <c r="BM12" s="104">
        <v>78592</v>
      </c>
      <c r="BN12" s="104">
        <v>18200</v>
      </c>
      <c r="BO12" s="103">
        <v>536312</v>
      </c>
      <c r="BP12" s="106">
        <v>660335</v>
      </c>
      <c r="BQ12" s="100">
        <v>127491</v>
      </c>
      <c r="BR12" s="104">
        <v>169456</v>
      </c>
      <c r="BS12" s="103">
        <v>296947</v>
      </c>
      <c r="BT12" s="100">
        <v>0</v>
      </c>
      <c r="BU12" s="104">
        <v>785379</v>
      </c>
      <c r="BV12" s="104">
        <v>968100</v>
      </c>
      <c r="BW12" s="104">
        <v>1068592</v>
      </c>
      <c r="BX12" s="104">
        <v>975898</v>
      </c>
      <c r="BY12" s="104">
        <v>836885</v>
      </c>
      <c r="BZ12" s="103">
        <v>4634854</v>
      </c>
      <c r="CA12" s="106">
        <v>4931801</v>
      </c>
      <c r="CB12" s="100">
        <v>75168</v>
      </c>
      <c r="CC12" s="104">
        <v>128918</v>
      </c>
      <c r="CD12" s="103">
        <v>204086</v>
      </c>
      <c r="CE12" s="100">
        <v>0</v>
      </c>
      <c r="CF12" s="104">
        <v>4413014</v>
      </c>
      <c r="CG12" s="104">
        <v>5104784</v>
      </c>
      <c r="CH12" s="104">
        <v>5988250</v>
      </c>
      <c r="CI12" s="104">
        <v>2311232</v>
      </c>
      <c r="CJ12" s="104">
        <v>1288021</v>
      </c>
      <c r="CK12" s="103">
        <v>19105301</v>
      </c>
      <c r="CL12" s="106">
        <v>19309387</v>
      </c>
      <c r="CM12" s="100">
        <v>0</v>
      </c>
      <c r="CN12" s="104">
        <v>0</v>
      </c>
      <c r="CO12" s="103">
        <v>0</v>
      </c>
      <c r="CP12" s="101">
        <v>0</v>
      </c>
      <c r="CQ12" s="104">
        <v>4160641</v>
      </c>
      <c r="CR12" s="104">
        <v>4193956</v>
      </c>
      <c r="CS12" s="104">
        <v>5216315</v>
      </c>
      <c r="CT12" s="104">
        <v>1716456</v>
      </c>
      <c r="CU12" s="104">
        <v>1288021</v>
      </c>
      <c r="CV12" s="103">
        <v>16575389</v>
      </c>
      <c r="CW12" s="106">
        <v>16575389</v>
      </c>
      <c r="CX12" s="100">
        <v>75168</v>
      </c>
      <c r="CY12" s="104">
        <v>128918</v>
      </c>
      <c r="CZ12" s="103">
        <v>204086</v>
      </c>
      <c r="DA12" s="100">
        <v>0</v>
      </c>
      <c r="DB12" s="104">
        <v>252373</v>
      </c>
      <c r="DC12" s="104">
        <v>910828</v>
      </c>
      <c r="DD12" s="104">
        <v>771935</v>
      </c>
      <c r="DE12" s="104">
        <v>594776</v>
      </c>
      <c r="DF12" s="104">
        <v>0</v>
      </c>
      <c r="DG12" s="103">
        <v>2529912</v>
      </c>
      <c r="DH12" s="106">
        <v>2733998</v>
      </c>
      <c r="DI12" s="100">
        <v>0</v>
      </c>
      <c r="DJ12" s="104">
        <v>131195</v>
      </c>
      <c r="DK12" s="102">
        <v>131195</v>
      </c>
      <c r="DL12" s="101">
        <v>0</v>
      </c>
      <c r="DM12" s="104">
        <v>568300</v>
      </c>
      <c r="DN12" s="104">
        <v>1461527</v>
      </c>
      <c r="DO12" s="104">
        <v>1216861</v>
      </c>
      <c r="DP12" s="104">
        <v>1572945</v>
      </c>
      <c r="DQ12" s="104">
        <v>865153</v>
      </c>
      <c r="DR12" s="103">
        <v>5684786</v>
      </c>
      <c r="DS12" s="106">
        <v>5815981</v>
      </c>
      <c r="DT12" s="100">
        <v>0</v>
      </c>
      <c r="DU12" s="104">
        <v>131195</v>
      </c>
      <c r="DV12" s="103">
        <v>131195</v>
      </c>
      <c r="DW12" s="100">
        <v>0</v>
      </c>
      <c r="DX12" s="104">
        <v>568300</v>
      </c>
      <c r="DY12" s="104">
        <v>1208200</v>
      </c>
      <c r="DZ12" s="104">
        <v>1148084</v>
      </c>
      <c r="EA12" s="104">
        <v>1541044</v>
      </c>
      <c r="EB12" s="104">
        <v>865153</v>
      </c>
      <c r="EC12" s="103">
        <v>5330781</v>
      </c>
      <c r="ED12" s="106">
        <v>5461976</v>
      </c>
      <c r="EE12" s="100">
        <v>0</v>
      </c>
      <c r="EF12" s="102">
        <v>0</v>
      </c>
      <c r="EG12" s="103">
        <v>0</v>
      </c>
      <c r="EH12" s="100">
        <v>0</v>
      </c>
      <c r="EI12" s="104">
        <v>0</v>
      </c>
      <c r="EJ12" s="104">
        <v>253327</v>
      </c>
      <c r="EK12" s="104">
        <v>68777</v>
      </c>
      <c r="EL12" s="104">
        <v>31901</v>
      </c>
      <c r="EM12" s="104">
        <v>0</v>
      </c>
      <c r="EN12" s="102">
        <v>354005</v>
      </c>
      <c r="EO12" s="106">
        <v>354005</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312956</v>
      </c>
      <c r="FM12" s="104">
        <v>537586</v>
      </c>
      <c r="FN12" s="103">
        <v>850542</v>
      </c>
      <c r="FO12" s="100">
        <v>0</v>
      </c>
      <c r="FP12" s="104">
        <v>569051</v>
      </c>
      <c r="FQ12" s="104">
        <v>1988801</v>
      </c>
      <c r="FR12" s="104">
        <v>1696366</v>
      </c>
      <c r="FS12" s="104">
        <v>1399153</v>
      </c>
      <c r="FT12" s="104">
        <v>1149057</v>
      </c>
      <c r="FU12" s="103">
        <v>6802428</v>
      </c>
      <c r="FV12" s="106">
        <v>7652970</v>
      </c>
      <c r="FW12" s="105">
        <v>166586</v>
      </c>
      <c r="FX12" s="104">
        <v>521136</v>
      </c>
      <c r="FY12" s="102">
        <v>687722</v>
      </c>
      <c r="FZ12" s="101">
        <v>0</v>
      </c>
      <c r="GA12" s="104">
        <v>478051</v>
      </c>
      <c r="GB12" s="104">
        <v>1896825</v>
      </c>
      <c r="GC12" s="104">
        <v>1651643</v>
      </c>
      <c r="GD12" s="104">
        <v>1252237</v>
      </c>
      <c r="GE12" s="104">
        <v>1029168</v>
      </c>
      <c r="GF12" s="103">
        <v>6307924</v>
      </c>
      <c r="GG12" s="296">
        <v>6995646</v>
      </c>
      <c r="GH12" s="105">
        <v>56980</v>
      </c>
      <c r="GI12" s="104">
        <v>0</v>
      </c>
      <c r="GJ12" s="102">
        <v>56980</v>
      </c>
      <c r="GK12" s="101">
        <v>0</v>
      </c>
      <c r="GL12" s="104">
        <v>0</v>
      </c>
      <c r="GM12" s="104">
        <v>35766</v>
      </c>
      <c r="GN12" s="104">
        <v>0</v>
      </c>
      <c r="GO12" s="104">
        <v>22176</v>
      </c>
      <c r="GP12" s="104">
        <v>42889</v>
      </c>
      <c r="GQ12" s="103">
        <v>100831</v>
      </c>
      <c r="GR12" s="106">
        <v>157811</v>
      </c>
      <c r="GS12" s="100">
        <v>89390</v>
      </c>
      <c r="GT12" s="104">
        <v>16450</v>
      </c>
      <c r="GU12" s="103">
        <v>105840</v>
      </c>
      <c r="GV12" s="100">
        <v>0</v>
      </c>
      <c r="GW12" s="104">
        <v>91000</v>
      </c>
      <c r="GX12" s="104">
        <v>56210</v>
      </c>
      <c r="GY12" s="104">
        <v>44723</v>
      </c>
      <c r="GZ12" s="104">
        <v>124740</v>
      </c>
      <c r="HA12" s="104">
        <v>77000</v>
      </c>
      <c r="HB12" s="102">
        <v>393673</v>
      </c>
      <c r="HC12" s="106">
        <v>499513</v>
      </c>
      <c r="HD12" s="100">
        <v>446562</v>
      </c>
      <c r="HE12" s="104">
        <v>789495</v>
      </c>
      <c r="HF12" s="102">
        <v>1236057</v>
      </c>
      <c r="HG12" s="101">
        <v>0</v>
      </c>
      <c r="HH12" s="104">
        <v>4769014</v>
      </c>
      <c r="HI12" s="104">
        <v>3875644</v>
      </c>
      <c r="HJ12" s="104">
        <v>5737454</v>
      </c>
      <c r="HK12" s="104">
        <v>5168233</v>
      </c>
      <c r="HL12" s="104">
        <v>3469963</v>
      </c>
      <c r="HM12" s="103">
        <v>23020308</v>
      </c>
      <c r="HN12" s="99">
        <v>24256365</v>
      </c>
      <c r="HO12" s="306"/>
      <c r="HP12" s="307"/>
      <c r="HQ12" s="308"/>
      <c r="HR12" s="309"/>
      <c r="HS12" s="307"/>
      <c r="HT12" s="307"/>
      <c r="HU12" s="307"/>
      <c r="HV12" s="307"/>
      <c r="HW12" s="307"/>
      <c r="HX12" s="310"/>
      <c r="HY12" s="311"/>
      <c r="HZ12" s="118">
        <v>58024</v>
      </c>
      <c r="IA12" s="119">
        <v>67075</v>
      </c>
      <c r="IB12" s="120">
        <v>125099</v>
      </c>
      <c r="IC12" s="121">
        <v>0</v>
      </c>
      <c r="ID12" s="122">
        <v>2923246</v>
      </c>
      <c r="IE12" s="123">
        <v>4946073</v>
      </c>
      <c r="IF12" s="124">
        <v>4384386</v>
      </c>
      <c r="IG12" s="122">
        <v>4712076</v>
      </c>
      <c r="IH12" s="124">
        <v>2113151</v>
      </c>
      <c r="II12" s="125">
        <v>19078932</v>
      </c>
      <c r="IJ12" s="126">
        <v>19204031</v>
      </c>
      <c r="IK12" s="219">
        <v>0</v>
      </c>
      <c r="IL12" s="223">
        <v>0</v>
      </c>
      <c r="IM12" s="224">
        <v>0</v>
      </c>
      <c r="IN12" s="127"/>
      <c r="IO12" s="109">
        <v>51352</v>
      </c>
      <c r="IP12" s="109">
        <v>0</v>
      </c>
      <c r="IQ12" s="109">
        <v>0</v>
      </c>
      <c r="IR12" s="109">
        <v>321427</v>
      </c>
      <c r="IS12" s="109">
        <v>497405</v>
      </c>
      <c r="IT12" s="128">
        <v>870184</v>
      </c>
      <c r="IU12" s="298">
        <v>870184</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1466954</v>
      </c>
      <c r="JL12" s="109">
        <v>2123839</v>
      </c>
      <c r="JM12" s="109">
        <v>1181106</v>
      </c>
      <c r="JN12" s="109">
        <v>855093</v>
      </c>
      <c r="JO12" s="109">
        <v>324460</v>
      </c>
      <c r="JP12" s="110">
        <v>5951452</v>
      </c>
      <c r="JQ12" s="298">
        <v>5951452</v>
      </c>
      <c r="JR12" s="129">
        <v>0</v>
      </c>
      <c r="JS12" s="109">
        <v>0</v>
      </c>
      <c r="JT12" s="128">
        <v>0</v>
      </c>
      <c r="JU12" s="108">
        <v>0</v>
      </c>
      <c r="JV12" s="109">
        <v>80962</v>
      </c>
      <c r="JW12" s="109">
        <v>94192</v>
      </c>
      <c r="JX12" s="109">
        <v>0</v>
      </c>
      <c r="JY12" s="109">
        <v>0</v>
      </c>
      <c r="JZ12" s="109">
        <v>26847</v>
      </c>
      <c r="KA12" s="110">
        <v>202001</v>
      </c>
      <c r="KB12" s="298">
        <v>202001</v>
      </c>
      <c r="KC12" s="221">
        <v>58024</v>
      </c>
      <c r="KD12" s="217">
        <v>67075</v>
      </c>
      <c r="KE12" s="110">
        <v>125099</v>
      </c>
      <c r="KF12" s="108">
        <v>0</v>
      </c>
      <c r="KG12" s="109">
        <v>521381</v>
      </c>
      <c r="KH12" s="109">
        <v>1249370</v>
      </c>
      <c r="KI12" s="109">
        <v>810461</v>
      </c>
      <c r="KJ12" s="109">
        <v>800252</v>
      </c>
      <c r="KK12" s="109">
        <v>348272</v>
      </c>
      <c r="KL12" s="110">
        <v>3729736</v>
      </c>
      <c r="KM12" s="130">
        <v>3854835</v>
      </c>
      <c r="KN12" s="219">
        <v>0</v>
      </c>
      <c r="KO12" s="223">
        <v>0</v>
      </c>
      <c r="KP12" s="224">
        <v>0</v>
      </c>
      <c r="KQ12" s="127"/>
      <c r="KR12" s="109">
        <v>802597</v>
      </c>
      <c r="KS12" s="109">
        <v>1257819</v>
      </c>
      <c r="KT12" s="109">
        <v>1975452</v>
      </c>
      <c r="KU12" s="109">
        <v>2231696</v>
      </c>
      <c r="KV12" s="109">
        <v>916167</v>
      </c>
      <c r="KW12" s="110">
        <v>7183731</v>
      </c>
      <c r="KX12" s="298">
        <v>7183731</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76186</v>
      </c>
      <c r="LP12" s="109">
        <v>193687</v>
      </c>
      <c r="LQ12" s="109">
        <v>0</v>
      </c>
      <c r="LR12" s="109">
        <v>0</v>
      </c>
      <c r="LS12" s="110">
        <v>369873</v>
      </c>
      <c r="LT12" s="298">
        <v>369873</v>
      </c>
      <c r="LU12" s="129">
        <v>0</v>
      </c>
      <c r="LV12" s="109">
        <v>0</v>
      </c>
      <c r="LW12" s="110">
        <v>0</v>
      </c>
      <c r="LX12" s="132"/>
      <c r="LY12" s="109">
        <v>0</v>
      </c>
      <c r="LZ12" s="109">
        <v>44667</v>
      </c>
      <c r="MA12" s="109">
        <v>223680</v>
      </c>
      <c r="MB12" s="109">
        <v>503608</v>
      </c>
      <c r="MC12" s="109">
        <v>0</v>
      </c>
      <c r="MD12" s="110">
        <v>771955</v>
      </c>
      <c r="ME12" s="111">
        <v>771955</v>
      </c>
      <c r="MF12" s="129">
        <v>0</v>
      </c>
      <c r="MG12" s="109">
        <v>0</v>
      </c>
      <c r="MH12" s="110">
        <v>0</v>
      </c>
      <c r="MI12" s="132">
        <v>0</v>
      </c>
      <c r="MJ12" s="109">
        <v>0</v>
      </c>
      <c r="MK12" s="109">
        <v>1505106</v>
      </c>
      <c r="ML12" s="109">
        <v>7179497</v>
      </c>
      <c r="MM12" s="109">
        <v>11140458</v>
      </c>
      <c r="MN12" s="109">
        <v>8135956</v>
      </c>
      <c r="MO12" s="110">
        <v>27961017</v>
      </c>
      <c r="MP12" s="130">
        <v>27961017</v>
      </c>
      <c r="MQ12" s="129">
        <v>0</v>
      </c>
      <c r="MR12" s="109">
        <v>0</v>
      </c>
      <c r="MS12" s="110">
        <v>0</v>
      </c>
      <c r="MT12" s="132">
        <v>0</v>
      </c>
      <c r="MU12" s="109">
        <v>0</v>
      </c>
      <c r="MV12" s="109">
        <v>0</v>
      </c>
      <c r="MW12" s="109">
        <v>4084852</v>
      </c>
      <c r="MX12" s="109">
        <v>7671437</v>
      </c>
      <c r="MY12" s="109">
        <v>5382253</v>
      </c>
      <c r="MZ12" s="110">
        <v>17138542</v>
      </c>
      <c r="NA12" s="130">
        <v>17138542</v>
      </c>
      <c r="NB12" s="129">
        <v>0</v>
      </c>
      <c r="NC12" s="109">
        <v>0</v>
      </c>
      <c r="ND12" s="110">
        <v>0</v>
      </c>
      <c r="NE12" s="132"/>
      <c r="NF12" s="109">
        <v>0</v>
      </c>
      <c r="NG12" s="109">
        <v>1505106</v>
      </c>
      <c r="NH12" s="109">
        <v>2797743</v>
      </c>
      <c r="NI12" s="109">
        <v>3187591</v>
      </c>
      <c r="NJ12" s="109">
        <v>1683012</v>
      </c>
      <c r="NK12" s="110">
        <v>9173452</v>
      </c>
      <c r="NL12" s="298">
        <v>9173452</v>
      </c>
      <c r="NM12" s="129">
        <v>0</v>
      </c>
      <c r="NN12" s="109">
        <v>0</v>
      </c>
      <c r="NO12" s="110">
        <v>0</v>
      </c>
      <c r="NP12" s="132"/>
      <c r="NQ12" s="109">
        <v>0</v>
      </c>
      <c r="NR12" s="109">
        <v>0</v>
      </c>
      <c r="NS12" s="109">
        <v>0</v>
      </c>
      <c r="NT12" s="109">
        <v>0</v>
      </c>
      <c r="NU12" s="109">
        <v>526958</v>
      </c>
      <c r="NV12" s="110">
        <v>526958</v>
      </c>
      <c r="NW12" s="111">
        <v>526958</v>
      </c>
      <c r="NX12" s="129">
        <v>0</v>
      </c>
      <c r="NY12" s="109">
        <v>0</v>
      </c>
      <c r="NZ12" s="110">
        <v>0</v>
      </c>
      <c r="OA12" s="132"/>
      <c r="OB12" s="109">
        <v>0</v>
      </c>
      <c r="OC12" s="109">
        <v>0</v>
      </c>
      <c r="OD12" s="109">
        <v>296902</v>
      </c>
      <c r="OE12" s="109">
        <v>281430</v>
      </c>
      <c r="OF12" s="109">
        <v>543733</v>
      </c>
      <c r="OG12" s="110">
        <v>1122065</v>
      </c>
      <c r="OH12" s="111">
        <v>1122065</v>
      </c>
      <c r="OI12" s="129">
        <v>1094995</v>
      </c>
      <c r="OJ12" s="109">
        <v>2554973</v>
      </c>
      <c r="OK12" s="128">
        <v>3649968</v>
      </c>
      <c r="OL12" s="108">
        <v>0</v>
      </c>
      <c r="OM12" s="109">
        <v>16726066</v>
      </c>
      <c r="ON12" s="109">
        <v>25792787</v>
      </c>
      <c r="OO12" s="109">
        <v>33477603</v>
      </c>
      <c r="OP12" s="109">
        <v>32974706</v>
      </c>
      <c r="OQ12" s="109">
        <v>23811054</v>
      </c>
      <c r="OR12" s="110">
        <v>132782216</v>
      </c>
      <c r="OS12" s="130">
        <v>136432184</v>
      </c>
    </row>
    <row r="13" spans="2:409" ht="21" customHeight="1" x14ac:dyDescent="0.2">
      <c r="B13" s="472" t="s">
        <v>7</v>
      </c>
      <c r="C13" s="100">
        <v>784803</v>
      </c>
      <c r="D13" s="104">
        <v>767087</v>
      </c>
      <c r="E13" s="103">
        <v>1551890</v>
      </c>
      <c r="F13" s="99">
        <v>0</v>
      </c>
      <c r="G13" s="104">
        <v>11590830</v>
      </c>
      <c r="H13" s="104">
        <v>10409509</v>
      </c>
      <c r="I13" s="104">
        <v>9019404</v>
      </c>
      <c r="J13" s="104">
        <v>9964786</v>
      </c>
      <c r="K13" s="104">
        <v>4621799</v>
      </c>
      <c r="L13" s="99">
        <v>45606328</v>
      </c>
      <c r="M13" s="106">
        <v>47158218</v>
      </c>
      <c r="N13" s="100">
        <v>154233</v>
      </c>
      <c r="O13" s="104">
        <v>53032</v>
      </c>
      <c r="P13" s="103">
        <v>207265</v>
      </c>
      <c r="Q13" s="100">
        <v>0</v>
      </c>
      <c r="R13" s="104">
        <v>3784686</v>
      </c>
      <c r="S13" s="104">
        <v>2751597</v>
      </c>
      <c r="T13" s="104">
        <v>3223205</v>
      </c>
      <c r="U13" s="104">
        <v>3136046</v>
      </c>
      <c r="V13" s="104">
        <v>1799305</v>
      </c>
      <c r="W13" s="103">
        <v>14694839</v>
      </c>
      <c r="X13" s="106">
        <v>14902104</v>
      </c>
      <c r="Y13" s="100">
        <v>0</v>
      </c>
      <c r="Z13" s="104">
        <v>0</v>
      </c>
      <c r="AA13" s="103">
        <v>0</v>
      </c>
      <c r="AB13" s="100">
        <v>0</v>
      </c>
      <c r="AC13" s="104">
        <v>1728444</v>
      </c>
      <c r="AD13" s="104">
        <v>1081366</v>
      </c>
      <c r="AE13" s="104">
        <v>1855425</v>
      </c>
      <c r="AF13" s="104">
        <v>1598189</v>
      </c>
      <c r="AG13" s="104">
        <v>141612</v>
      </c>
      <c r="AH13" s="103">
        <v>6405036</v>
      </c>
      <c r="AI13" s="106">
        <v>6405036</v>
      </c>
      <c r="AJ13" s="100">
        <v>0</v>
      </c>
      <c r="AK13" s="104">
        <v>0</v>
      </c>
      <c r="AL13" s="103">
        <v>0</v>
      </c>
      <c r="AM13" s="100">
        <v>0</v>
      </c>
      <c r="AN13" s="104">
        <v>40917</v>
      </c>
      <c r="AO13" s="104">
        <v>61372</v>
      </c>
      <c r="AP13" s="104">
        <v>93699</v>
      </c>
      <c r="AQ13" s="104">
        <v>165282</v>
      </c>
      <c r="AR13" s="104">
        <v>499393</v>
      </c>
      <c r="AS13" s="103">
        <v>860663</v>
      </c>
      <c r="AT13" s="106">
        <v>860663</v>
      </c>
      <c r="AU13" s="100">
        <v>0</v>
      </c>
      <c r="AV13" s="104">
        <v>0</v>
      </c>
      <c r="AW13" s="103">
        <v>0</v>
      </c>
      <c r="AX13" s="100">
        <v>0</v>
      </c>
      <c r="AY13" s="104">
        <v>1265598</v>
      </c>
      <c r="AZ13" s="104">
        <v>1002068</v>
      </c>
      <c r="BA13" s="104">
        <v>814370</v>
      </c>
      <c r="BB13" s="104">
        <v>686326</v>
      </c>
      <c r="BC13" s="104">
        <v>814516</v>
      </c>
      <c r="BD13" s="103">
        <v>4582878</v>
      </c>
      <c r="BE13" s="106">
        <v>4582878</v>
      </c>
      <c r="BF13" s="100">
        <v>50038</v>
      </c>
      <c r="BG13" s="104">
        <v>0</v>
      </c>
      <c r="BH13" s="102">
        <v>50038</v>
      </c>
      <c r="BI13" s="101">
        <v>0</v>
      </c>
      <c r="BJ13" s="104">
        <v>143576</v>
      </c>
      <c r="BK13" s="104">
        <v>90996</v>
      </c>
      <c r="BL13" s="104">
        <v>0</v>
      </c>
      <c r="BM13" s="104">
        <v>116687</v>
      </c>
      <c r="BN13" s="104">
        <v>0</v>
      </c>
      <c r="BO13" s="103">
        <v>351259</v>
      </c>
      <c r="BP13" s="106">
        <v>401297</v>
      </c>
      <c r="BQ13" s="100">
        <v>104195</v>
      </c>
      <c r="BR13" s="104">
        <v>53032</v>
      </c>
      <c r="BS13" s="103">
        <v>157227</v>
      </c>
      <c r="BT13" s="100">
        <v>0</v>
      </c>
      <c r="BU13" s="104">
        <v>606151</v>
      </c>
      <c r="BV13" s="104">
        <v>515795</v>
      </c>
      <c r="BW13" s="104">
        <v>459711</v>
      </c>
      <c r="BX13" s="104">
        <v>569562</v>
      </c>
      <c r="BY13" s="104">
        <v>343784</v>
      </c>
      <c r="BZ13" s="103">
        <v>2495003</v>
      </c>
      <c r="CA13" s="106">
        <v>2652230</v>
      </c>
      <c r="CB13" s="100">
        <v>31983</v>
      </c>
      <c r="CC13" s="104">
        <v>103225</v>
      </c>
      <c r="CD13" s="103">
        <v>135208</v>
      </c>
      <c r="CE13" s="100">
        <v>0</v>
      </c>
      <c r="CF13" s="104">
        <v>3389129</v>
      </c>
      <c r="CG13" s="104">
        <v>2212175</v>
      </c>
      <c r="CH13" s="104">
        <v>1694754</v>
      </c>
      <c r="CI13" s="104">
        <v>980288</v>
      </c>
      <c r="CJ13" s="104">
        <v>349124</v>
      </c>
      <c r="CK13" s="103">
        <v>8625470</v>
      </c>
      <c r="CL13" s="106">
        <v>8760678</v>
      </c>
      <c r="CM13" s="100">
        <v>0</v>
      </c>
      <c r="CN13" s="104">
        <v>0</v>
      </c>
      <c r="CO13" s="103">
        <v>0</v>
      </c>
      <c r="CP13" s="101">
        <v>0</v>
      </c>
      <c r="CQ13" s="104">
        <v>2678601</v>
      </c>
      <c r="CR13" s="104">
        <v>1853565</v>
      </c>
      <c r="CS13" s="104">
        <v>1341505</v>
      </c>
      <c r="CT13" s="104">
        <v>490299</v>
      </c>
      <c r="CU13" s="104">
        <v>221794</v>
      </c>
      <c r="CV13" s="103">
        <v>6585764</v>
      </c>
      <c r="CW13" s="106">
        <v>6585764</v>
      </c>
      <c r="CX13" s="100">
        <v>31983</v>
      </c>
      <c r="CY13" s="104">
        <v>103225</v>
      </c>
      <c r="CZ13" s="103">
        <v>135208</v>
      </c>
      <c r="DA13" s="100">
        <v>0</v>
      </c>
      <c r="DB13" s="104">
        <v>710528</v>
      </c>
      <c r="DC13" s="104">
        <v>358610</v>
      </c>
      <c r="DD13" s="104">
        <v>353249</v>
      </c>
      <c r="DE13" s="104">
        <v>489989</v>
      </c>
      <c r="DF13" s="104">
        <v>127330</v>
      </c>
      <c r="DG13" s="103">
        <v>2039706</v>
      </c>
      <c r="DH13" s="106">
        <v>2174914</v>
      </c>
      <c r="DI13" s="100">
        <v>0</v>
      </c>
      <c r="DJ13" s="104">
        <v>0</v>
      </c>
      <c r="DK13" s="102">
        <v>0</v>
      </c>
      <c r="DL13" s="101">
        <v>0</v>
      </c>
      <c r="DM13" s="104">
        <v>442265</v>
      </c>
      <c r="DN13" s="104">
        <v>1015192</v>
      </c>
      <c r="DO13" s="104">
        <v>304184</v>
      </c>
      <c r="DP13" s="104">
        <v>373458</v>
      </c>
      <c r="DQ13" s="104">
        <v>303358</v>
      </c>
      <c r="DR13" s="103">
        <v>2438457</v>
      </c>
      <c r="DS13" s="106">
        <v>2438457</v>
      </c>
      <c r="DT13" s="100">
        <v>0</v>
      </c>
      <c r="DU13" s="104">
        <v>0</v>
      </c>
      <c r="DV13" s="103">
        <v>0</v>
      </c>
      <c r="DW13" s="100">
        <v>0</v>
      </c>
      <c r="DX13" s="104">
        <v>395998</v>
      </c>
      <c r="DY13" s="104">
        <v>872558</v>
      </c>
      <c r="DZ13" s="104">
        <v>304184</v>
      </c>
      <c r="EA13" s="104">
        <v>373458</v>
      </c>
      <c r="EB13" s="104">
        <v>303358</v>
      </c>
      <c r="EC13" s="103">
        <v>2249556</v>
      </c>
      <c r="ED13" s="106">
        <v>2249556</v>
      </c>
      <c r="EE13" s="100">
        <v>0</v>
      </c>
      <c r="EF13" s="102">
        <v>0</v>
      </c>
      <c r="EG13" s="103">
        <v>0</v>
      </c>
      <c r="EH13" s="100">
        <v>0</v>
      </c>
      <c r="EI13" s="104">
        <v>46267</v>
      </c>
      <c r="EJ13" s="104">
        <v>142634</v>
      </c>
      <c r="EK13" s="104">
        <v>0</v>
      </c>
      <c r="EL13" s="104">
        <v>0</v>
      </c>
      <c r="EM13" s="104">
        <v>0</v>
      </c>
      <c r="EN13" s="102">
        <v>188901</v>
      </c>
      <c r="EO13" s="106">
        <v>188901</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51016</v>
      </c>
      <c r="FM13" s="104">
        <v>301595</v>
      </c>
      <c r="FN13" s="103">
        <v>352611</v>
      </c>
      <c r="FO13" s="100">
        <v>0</v>
      </c>
      <c r="FP13" s="104">
        <v>544348</v>
      </c>
      <c r="FQ13" s="104">
        <v>1085262</v>
      </c>
      <c r="FR13" s="104">
        <v>840000</v>
      </c>
      <c r="FS13" s="104">
        <v>553412</v>
      </c>
      <c r="FT13" s="104">
        <v>355607</v>
      </c>
      <c r="FU13" s="103">
        <v>3378629</v>
      </c>
      <c r="FV13" s="106">
        <v>3731240</v>
      </c>
      <c r="FW13" s="105">
        <v>51016</v>
      </c>
      <c r="FX13" s="104">
        <v>97622</v>
      </c>
      <c r="FY13" s="102">
        <v>148638</v>
      </c>
      <c r="FZ13" s="101">
        <v>0</v>
      </c>
      <c r="GA13" s="104">
        <v>405174</v>
      </c>
      <c r="GB13" s="104">
        <v>761691</v>
      </c>
      <c r="GC13" s="104">
        <v>676116</v>
      </c>
      <c r="GD13" s="104">
        <v>426304</v>
      </c>
      <c r="GE13" s="104">
        <v>355607</v>
      </c>
      <c r="GF13" s="103">
        <v>2624892</v>
      </c>
      <c r="GG13" s="296">
        <v>2773530</v>
      </c>
      <c r="GH13" s="105">
        <v>0</v>
      </c>
      <c r="GI13" s="104">
        <v>64064</v>
      </c>
      <c r="GJ13" s="102">
        <v>64064</v>
      </c>
      <c r="GK13" s="101">
        <v>0</v>
      </c>
      <c r="GL13" s="104">
        <v>50484</v>
      </c>
      <c r="GM13" s="104">
        <v>92571</v>
      </c>
      <c r="GN13" s="104">
        <v>79884</v>
      </c>
      <c r="GO13" s="104">
        <v>42408</v>
      </c>
      <c r="GP13" s="104">
        <v>0</v>
      </c>
      <c r="GQ13" s="103">
        <v>265347</v>
      </c>
      <c r="GR13" s="106">
        <v>329411</v>
      </c>
      <c r="GS13" s="100">
        <v>0</v>
      </c>
      <c r="GT13" s="104">
        <v>139909</v>
      </c>
      <c r="GU13" s="103">
        <v>139909</v>
      </c>
      <c r="GV13" s="100">
        <v>0</v>
      </c>
      <c r="GW13" s="104">
        <v>88690</v>
      </c>
      <c r="GX13" s="104">
        <v>231000</v>
      </c>
      <c r="GY13" s="104">
        <v>84000</v>
      </c>
      <c r="GZ13" s="104">
        <v>84700</v>
      </c>
      <c r="HA13" s="104">
        <v>0</v>
      </c>
      <c r="HB13" s="102">
        <v>488390</v>
      </c>
      <c r="HC13" s="106">
        <v>628299</v>
      </c>
      <c r="HD13" s="100">
        <v>547571</v>
      </c>
      <c r="HE13" s="104">
        <v>309235</v>
      </c>
      <c r="HF13" s="102">
        <v>856806</v>
      </c>
      <c r="HG13" s="101">
        <v>0</v>
      </c>
      <c r="HH13" s="104">
        <v>3430402</v>
      </c>
      <c r="HI13" s="104">
        <v>3345283</v>
      </c>
      <c r="HJ13" s="104">
        <v>2957261</v>
      </c>
      <c r="HK13" s="104">
        <v>4921582</v>
      </c>
      <c r="HL13" s="104">
        <v>1814405</v>
      </c>
      <c r="HM13" s="103">
        <v>16468933</v>
      </c>
      <c r="HN13" s="99">
        <v>17325739</v>
      </c>
      <c r="HO13" s="306"/>
      <c r="HP13" s="307"/>
      <c r="HQ13" s="308"/>
      <c r="HR13" s="309"/>
      <c r="HS13" s="307"/>
      <c r="HT13" s="307"/>
      <c r="HU13" s="307"/>
      <c r="HV13" s="307"/>
      <c r="HW13" s="307"/>
      <c r="HX13" s="310"/>
      <c r="HY13" s="311"/>
      <c r="HZ13" s="118">
        <v>42744</v>
      </c>
      <c r="IA13" s="119">
        <v>0</v>
      </c>
      <c r="IB13" s="120">
        <v>42744</v>
      </c>
      <c r="IC13" s="133">
        <v>0</v>
      </c>
      <c r="ID13" s="119">
        <v>1666698</v>
      </c>
      <c r="IE13" s="134">
        <v>1876111</v>
      </c>
      <c r="IF13" s="120">
        <v>3234681</v>
      </c>
      <c r="IG13" s="119">
        <v>1950898</v>
      </c>
      <c r="IH13" s="120">
        <v>682843</v>
      </c>
      <c r="II13" s="135">
        <v>9411231</v>
      </c>
      <c r="IJ13" s="126">
        <v>9453975</v>
      </c>
      <c r="IK13" s="219">
        <v>0</v>
      </c>
      <c r="IL13" s="223">
        <v>0</v>
      </c>
      <c r="IM13" s="224">
        <v>0</v>
      </c>
      <c r="IN13" s="127"/>
      <c r="IO13" s="109">
        <v>79970</v>
      </c>
      <c r="IP13" s="109">
        <v>0</v>
      </c>
      <c r="IQ13" s="109">
        <v>146211</v>
      </c>
      <c r="IR13" s="109">
        <v>195151</v>
      </c>
      <c r="IS13" s="109">
        <v>0</v>
      </c>
      <c r="IT13" s="128">
        <v>421332</v>
      </c>
      <c r="IU13" s="298">
        <v>421332</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1094670</v>
      </c>
      <c r="JL13" s="109">
        <v>1060027</v>
      </c>
      <c r="JM13" s="109">
        <v>495877</v>
      </c>
      <c r="JN13" s="109">
        <v>379358</v>
      </c>
      <c r="JO13" s="109">
        <v>230954</v>
      </c>
      <c r="JP13" s="110">
        <v>3260886</v>
      </c>
      <c r="JQ13" s="298">
        <v>3260886</v>
      </c>
      <c r="JR13" s="129">
        <v>0</v>
      </c>
      <c r="JS13" s="109">
        <v>0</v>
      </c>
      <c r="JT13" s="128">
        <v>0</v>
      </c>
      <c r="JU13" s="108">
        <v>0</v>
      </c>
      <c r="JV13" s="109">
        <v>191247</v>
      </c>
      <c r="JW13" s="109">
        <v>463678</v>
      </c>
      <c r="JX13" s="109">
        <v>656957</v>
      </c>
      <c r="JY13" s="109">
        <v>481379</v>
      </c>
      <c r="JZ13" s="109">
        <v>0</v>
      </c>
      <c r="KA13" s="110">
        <v>1793261</v>
      </c>
      <c r="KB13" s="298">
        <v>1793261</v>
      </c>
      <c r="KC13" s="221">
        <v>42744</v>
      </c>
      <c r="KD13" s="217">
        <v>0</v>
      </c>
      <c r="KE13" s="110">
        <v>42744</v>
      </c>
      <c r="KF13" s="108">
        <v>0</v>
      </c>
      <c r="KG13" s="109">
        <v>95406</v>
      </c>
      <c r="KH13" s="109">
        <v>136629</v>
      </c>
      <c r="KI13" s="109">
        <v>181345</v>
      </c>
      <c r="KJ13" s="109">
        <v>0</v>
      </c>
      <c r="KK13" s="109">
        <v>0</v>
      </c>
      <c r="KL13" s="110">
        <v>413380</v>
      </c>
      <c r="KM13" s="130">
        <v>456124</v>
      </c>
      <c r="KN13" s="219">
        <v>0</v>
      </c>
      <c r="KO13" s="223">
        <v>0</v>
      </c>
      <c r="KP13" s="224">
        <v>0</v>
      </c>
      <c r="KQ13" s="127"/>
      <c r="KR13" s="109">
        <v>205405</v>
      </c>
      <c r="KS13" s="109">
        <v>215777</v>
      </c>
      <c r="KT13" s="109">
        <v>1754291</v>
      </c>
      <c r="KU13" s="109">
        <v>895010</v>
      </c>
      <c r="KV13" s="109">
        <v>451889</v>
      </c>
      <c r="KW13" s="110">
        <v>3522372</v>
      </c>
      <c r="KX13" s="298">
        <v>3522372</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0</v>
      </c>
      <c r="LZ13" s="109">
        <v>0</v>
      </c>
      <c r="MA13" s="109">
        <v>0</v>
      </c>
      <c r="MB13" s="109">
        <v>0</v>
      </c>
      <c r="MC13" s="109">
        <v>0</v>
      </c>
      <c r="MD13" s="110">
        <v>0</v>
      </c>
      <c r="ME13" s="111">
        <v>0</v>
      </c>
      <c r="MF13" s="129">
        <v>0</v>
      </c>
      <c r="MG13" s="109">
        <v>0</v>
      </c>
      <c r="MH13" s="110">
        <v>0</v>
      </c>
      <c r="MI13" s="132">
        <v>0</v>
      </c>
      <c r="MJ13" s="109">
        <v>443916</v>
      </c>
      <c r="MK13" s="109">
        <v>1084189</v>
      </c>
      <c r="ML13" s="109">
        <v>2757030</v>
      </c>
      <c r="MM13" s="109">
        <v>5714723</v>
      </c>
      <c r="MN13" s="109">
        <v>3037206</v>
      </c>
      <c r="MO13" s="110">
        <v>13037064</v>
      </c>
      <c r="MP13" s="130">
        <v>13037064</v>
      </c>
      <c r="MQ13" s="129">
        <v>0</v>
      </c>
      <c r="MR13" s="109">
        <v>0</v>
      </c>
      <c r="MS13" s="110">
        <v>0</v>
      </c>
      <c r="MT13" s="132">
        <v>0</v>
      </c>
      <c r="MU13" s="109">
        <v>0</v>
      </c>
      <c r="MV13" s="109">
        <v>606549</v>
      </c>
      <c r="MW13" s="109">
        <v>1292329</v>
      </c>
      <c r="MX13" s="109">
        <v>3491102</v>
      </c>
      <c r="MY13" s="109">
        <v>2690626</v>
      </c>
      <c r="MZ13" s="110">
        <v>8080606</v>
      </c>
      <c r="NA13" s="130">
        <v>8080606</v>
      </c>
      <c r="NB13" s="129">
        <v>0</v>
      </c>
      <c r="NC13" s="109">
        <v>0</v>
      </c>
      <c r="ND13" s="110">
        <v>0</v>
      </c>
      <c r="NE13" s="132"/>
      <c r="NF13" s="109">
        <v>443916</v>
      </c>
      <c r="NG13" s="109">
        <v>477640</v>
      </c>
      <c r="NH13" s="109">
        <v>1464701</v>
      </c>
      <c r="NI13" s="109">
        <v>2223621</v>
      </c>
      <c r="NJ13" s="109">
        <v>346580</v>
      </c>
      <c r="NK13" s="110">
        <v>4956458</v>
      </c>
      <c r="NL13" s="298">
        <v>4956458</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827547</v>
      </c>
      <c r="OJ13" s="109">
        <v>767087</v>
      </c>
      <c r="OK13" s="128">
        <v>1594634</v>
      </c>
      <c r="OL13" s="108">
        <v>0</v>
      </c>
      <c r="OM13" s="109">
        <v>13701444</v>
      </c>
      <c r="ON13" s="109">
        <v>13369809</v>
      </c>
      <c r="OO13" s="109">
        <v>15011115</v>
      </c>
      <c r="OP13" s="109">
        <v>17630407</v>
      </c>
      <c r="OQ13" s="109">
        <v>8341848</v>
      </c>
      <c r="OR13" s="110">
        <v>68054623</v>
      </c>
      <c r="OS13" s="130">
        <v>69649257</v>
      </c>
    </row>
    <row r="14" spans="2:409" ht="21" customHeight="1" x14ac:dyDescent="0.2">
      <c r="B14" s="472" t="s">
        <v>8</v>
      </c>
      <c r="C14" s="100">
        <v>533184</v>
      </c>
      <c r="D14" s="104">
        <v>621182</v>
      </c>
      <c r="E14" s="103">
        <v>1154366</v>
      </c>
      <c r="F14" s="99">
        <v>0</v>
      </c>
      <c r="G14" s="104">
        <v>5145176</v>
      </c>
      <c r="H14" s="104">
        <v>6194493</v>
      </c>
      <c r="I14" s="104">
        <v>4530712</v>
      </c>
      <c r="J14" s="104">
        <v>7258714</v>
      </c>
      <c r="K14" s="104">
        <v>4225076</v>
      </c>
      <c r="L14" s="99">
        <v>27354171</v>
      </c>
      <c r="M14" s="106">
        <v>28508537</v>
      </c>
      <c r="N14" s="100">
        <v>123211</v>
      </c>
      <c r="O14" s="104">
        <v>202090</v>
      </c>
      <c r="P14" s="103">
        <v>325301</v>
      </c>
      <c r="Q14" s="100">
        <v>0</v>
      </c>
      <c r="R14" s="104">
        <v>1623382</v>
      </c>
      <c r="S14" s="104">
        <v>1904399</v>
      </c>
      <c r="T14" s="104">
        <v>1669955</v>
      </c>
      <c r="U14" s="104">
        <v>1960105</v>
      </c>
      <c r="V14" s="104">
        <v>2067942</v>
      </c>
      <c r="W14" s="103">
        <v>9225783</v>
      </c>
      <c r="X14" s="106">
        <v>9551084</v>
      </c>
      <c r="Y14" s="100">
        <v>0</v>
      </c>
      <c r="Z14" s="104">
        <v>0</v>
      </c>
      <c r="AA14" s="103">
        <v>0</v>
      </c>
      <c r="AB14" s="100">
        <v>0</v>
      </c>
      <c r="AC14" s="104">
        <v>725761</v>
      </c>
      <c r="AD14" s="104">
        <v>723768</v>
      </c>
      <c r="AE14" s="104">
        <v>1091052</v>
      </c>
      <c r="AF14" s="104">
        <v>756338</v>
      </c>
      <c r="AG14" s="104">
        <v>1077746</v>
      </c>
      <c r="AH14" s="103">
        <v>4374665</v>
      </c>
      <c r="AI14" s="106">
        <v>4374665</v>
      </c>
      <c r="AJ14" s="100">
        <v>0</v>
      </c>
      <c r="AK14" s="104">
        <v>0</v>
      </c>
      <c r="AL14" s="103">
        <v>0</v>
      </c>
      <c r="AM14" s="100">
        <v>0</v>
      </c>
      <c r="AN14" s="104">
        <v>0</v>
      </c>
      <c r="AO14" s="104">
        <v>0</v>
      </c>
      <c r="AP14" s="104">
        <v>40348</v>
      </c>
      <c r="AQ14" s="104">
        <v>232097</v>
      </c>
      <c r="AR14" s="104">
        <v>132848</v>
      </c>
      <c r="AS14" s="103">
        <v>405293</v>
      </c>
      <c r="AT14" s="106">
        <v>405293</v>
      </c>
      <c r="AU14" s="100">
        <v>63879</v>
      </c>
      <c r="AV14" s="104">
        <v>137711</v>
      </c>
      <c r="AW14" s="103">
        <v>201590</v>
      </c>
      <c r="AX14" s="100">
        <v>0</v>
      </c>
      <c r="AY14" s="104">
        <v>612167</v>
      </c>
      <c r="AZ14" s="104">
        <v>671664</v>
      </c>
      <c r="BA14" s="104">
        <v>265252</v>
      </c>
      <c r="BB14" s="104">
        <v>598537</v>
      </c>
      <c r="BC14" s="104">
        <v>507783</v>
      </c>
      <c r="BD14" s="103">
        <v>2655403</v>
      </c>
      <c r="BE14" s="106">
        <v>2856993</v>
      </c>
      <c r="BF14" s="100">
        <v>0</v>
      </c>
      <c r="BG14" s="104">
        <v>36393</v>
      </c>
      <c r="BH14" s="102">
        <v>36393</v>
      </c>
      <c r="BI14" s="101">
        <v>0</v>
      </c>
      <c r="BJ14" s="104">
        <v>138384</v>
      </c>
      <c r="BK14" s="104">
        <v>281418</v>
      </c>
      <c r="BL14" s="104">
        <v>126562</v>
      </c>
      <c r="BM14" s="104">
        <v>81744</v>
      </c>
      <c r="BN14" s="104">
        <v>108667</v>
      </c>
      <c r="BO14" s="103">
        <v>736775</v>
      </c>
      <c r="BP14" s="106">
        <v>773168</v>
      </c>
      <c r="BQ14" s="100">
        <v>59332</v>
      </c>
      <c r="BR14" s="104">
        <v>27986</v>
      </c>
      <c r="BS14" s="103">
        <v>87318</v>
      </c>
      <c r="BT14" s="100">
        <v>0</v>
      </c>
      <c r="BU14" s="104">
        <v>147070</v>
      </c>
      <c r="BV14" s="104">
        <v>227549</v>
      </c>
      <c r="BW14" s="104">
        <v>146741</v>
      </c>
      <c r="BX14" s="104">
        <v>291389</v>
      </c>
      <c r="BY14" s="104">
        <v>240898</v>
      </c>
      <c r="BZ14" s="103">
        <v>1053647</v>
      </c>
      <c r="CA14" s="106">
        <v>1140965</v>
      </c>
      <c r="CB14" s="100">
        <v>0</v>
      </c>
      <c r="CC14" s="104">
        <v>136095</v>
      </c>
      <c r="CD14" s="103">
        <v>136095</v>
      </c>
      <c r="CE14" s="100">
        <v>0</v>
      </c>
      <c r="CF14" s="104">
        <v>1400438</v>
      </c>
      <c r="CG14" s="104">
        <v>2003185</v>
      </c>
      <c r="CH14" s="104">
        <v>927756</v>
      </c>
      <c r="CI14" s="104">
        <v>1485321</v>
      </c>
      <c r="CJ14" s="104">
        <v>680300</v>
      </c>
      <c r="CK14" s="103">
        <v>6497000</v>
      </c>
      <c r="CL14" s="106">
        <v>6633095</v>
      </c>
      <c r="CM14" s="100">
        <v>0</v>
      </c>
      <c r="CN14" s="104">
        <v>0</v>
      </c>
      <c r="CO14" s="103">
        <v>0</v>
      </c>
      <c r="CP14" s="101">
        <v>0</v>
      </c>
      <c r="CQ14" s="104">
        <v>1081522</v>
      </c>
      <c r="CR14" s="104">
        <v>1487292</v>
      </c>
      <c r="CS14" s="104">
        <v>348992</v>
      </c>
      <c r="CT14" s="104">
        <v>1022279</v>
      </c>
      <c r="CU14" s="104">
        <v>320950</v>
      </c>
      <c r="CV14" s="103">
        <v>4261035</v>
      </c>
      <c r="CW14" s="106">
        <v>4261035</v>
      </c>
      <c r="CX14" s="100">
        <v>0</v>
      </c>
      <c r="CY14" s="104">
        <v>136095</v>
      </c>
      <c r="CZ14" s="103">
        <v>136095</v>
      </c>
      <c r="DA14" s="100">
        <v>0</v>
      </c>
      <c r="DB14" s="104">
        <v>318916</v>
      </c>
      <c r="DC14" s="104">
        <v>515893</v>
      </c>
      <c r="DD14" s="104">
        <v>578764</v>
      </c>
      <c r="DE14" s="104">
        <v>463042</v>
      </c>
      <c r="DF14" s="104">
        <v>359350</v>
      </c>
      <c r="DG14" s="103">
        <v>2235965</v>
      </c>
      <c r="DH14" s="106">
        <v>2372060</v>
      </c>
      <c r="DI14" s="100">
        <v>0</v>
      </c>
      <c r="DJ14" s="104">
        <v>49914</v>
      </c>
      <c r="DK14" s="102">
        <v>49914</v>
      </c>
      <c r="DL14" s="101">
        <v>0</v>
      </c>
      <c r="DM14" s="104">
        <v>114268</v>
      </c>
      <c r="DN14" s="104">
        <v>156380</v>
      </c>
      <c r="DO14" s="104">
        <v>684133</v>
      </c>
      <c r="DP14" s="104">
        <v>851520</v>
      </c>
      <c r="DQ14" s="104">
        <v>0</v>
      </c>
      <c r="DR14" s="103">
        <v>1806301</v>
      </c>
      <c r="DS14" s="106">
        <v>1856215</v>
      </c>
      <c r="DT14" s="100">
        <v>0</v>
      </c>
      <c r="DU14" s="104">
        <v>49914</v>
      </c>
      <c r="DV14" s="103">
        <v>49914</v>
      </c>
      <c r="DW14" s="100">
        <v>0</v>
      </c>
      <c r="DX14" s="104">
        <v>114268</v>
      </c>
      <c r="DY14" s="104">
        <v>156380</v>
      </c>
      <c r="DZ14" s="104">
        <v>684133</v>
      </c>
      <c r="EA14" s="104">
        <v>819379</v>
      </c>
      <c r="EB14" s="104">
        <v>0</v>
      </c>
      <c r="EC14" s="103">
        <v>1774160</v>
      </c>
      <c r="ED14" s="106">
        <v>1824074</v>
      </c>
      <c r="EE14" s="100">
        <v>0</v>
      </c>
      <c r="EF14" s="102">
        <v>0</v>
      </c>
      <c r="EG14" s="103">
        <v>0</v>
      </c>
      <c r="EH14" s="100">
        <v>0</v>
      </c>
      <c r="EI14" s="104">
        <v>0</v>
      </c>
      <c r="EJ14" s="104">
        <v>0</v>
      </c>
      <c r="EK14" s="104">
        <v>0</v>
      </c>
      <c r="EL14" s="104">
        <v>32141</v>
      </c>
      <c r="EM14" s="104">
        <v>0</v>
      </c>
      <c r="EN14" s="102">
        <v>32141</v>
      </c>
      <c r="EO14" s="106">
        <v>32141</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75096</v>
      </c>
      <c r="FM14" s="104">
        <v>77896</v>
      </c>
      <c r="FN14" s="103">
        <v>152992</v>
      </c>
      <c r="FO14" s="100">
        <v>0</v>
      </c>
      <c r="FP14" s="104">
        <v>430980</v>
      </c>
      <c r="FQ14" s="104">
        <v>771340</v>
      </c>
      <c r="FR14" s="104">
        <v>330428</v>
      </c>
      <c r="FS14" s="104">
        <v>611397</v>
      </c>
      <c r="FT14" s="104">
        <v>304948</v>
      </c>
      <c r="FU14" s="103">
        <v>2449093</v>
      </c>
      <c r="FV14" s="106">
        <v>2602085</v>
      </c>
      <c r="FW14" s="105">
        <v>62776</v>
      </c>
      <c r="FX14" s="104">
        <v>77896</v>
      </c>
      <c r="FY14" s="102">
        <v>140672</v>
      </c>
      <c r="FZ14" s="101">
        <v>0</v>
      </c>
      <c r="GA14" s="104">
        <v>227980</v>
      </c>
      <c r="GB14" s="104">
        <v>551658</v>
      </c>
      <c r="GC14" s="104">
        <v>330428</v>
      </c>
      <c r="GD14" s="104">
        <v>497807</v>
      </c>
      <c r="GE14" s="104">
        <v>304948</v>
      </c>
      <c r="GF14" s="103">
        <v>1912821</v>
      </c>
      <c r="GG14" s="296">
        <v>2053493</v>
      </c>
      <c r="GH14" s="105">
        <v>12320</v>
      </c>
      <c r="GI14" s="104">
        <v>0</v>
      </c>
      <c r="GJ14" s="102">
        <v>12320</v>
      </c>
      <c r="GK14" s="101">
        <v>0</v>
      </c>
      <c r="GL14" s="104">
        <v>0</v>
      </c>
      <c r="GM14" s="104">
        <v>34882</v>
      </c>
      <c r="GN14" s="104">
        <v>0</v>
      </c>
      <c r="GO14" s="104">
        <v>0</v>
      </c>
      <c r="GP14" s="104">
        <v>0</v>
      </c>
      <c r="GQ14" s="103">
        <v>34882</v>
      </c>
      <c r="GR14" s="106">
        <v>47202</v>
      </c>
      <c r="GS14" s="100">
        <v>0</v>
      </c>
      <c r="GT14" s="104">
        <v>0</v>
      </c>
      <c r="GU14" s="103">
        <v>0</v>
      </c>
      <c r="GV14" s="100">
        <v>0</v>
      </c>
      <c r="GW14" s="104">
        <v>203000</v>
      </c>
      <c r="GX14" s="104">
        <v>184800</v>
      </c>
      <c r="GY14" s="104">
        <v>0</v>
      </c>
      <c r="GZ14" s="104">
        <v>113590</v>
      </c>
      <c r="HA14" s="104">
        <v>0</v>
      </c>
      <c r="HB14" s="102">
        <v>501390</v>
      </c>
      <c r="HC14" s="106">
        <v>501390</v>
      </c>
      <c r="HD14" s="100">
        <v>334877</v>
      </c>
      <c r="HE14" s="104">
        <v>155187</v>
      </c>
      <c r="HF14" s="102">
        <v>490064</v>
      </c>
      <c r="HG14" s="101">
        <v>0</v>
      </c>
      <c r="HH14" s="104">
        <v>1576108</v>
      </c>
      <c r="HI14" s="104">
        <v>1359189</v>
      </c>
      <c r="HJ14" s="104">
        <v>918440</v>
      </c>
      <c r="HK14" s="104">
        <v>2350371</v>
      </c>
      <c r="HL14" s="104">
        <v>1171886</v>
      </c>
      <c r="HM14" s="103">
        <v>7375994</v>
      </c>
      <c r="HN14" s="99">
        <v>7866058</v>
      </c>
      <c r="HO14" s="306"/>
      <c r="HP14" s="307"/>
      <c r="HQ14" s="308"/>
      <c r="HR14" s="309"/>
      <c r="HS14" s="307"/>
      <c r="HT14" s="307"/>
      <c r="HU14" s="307"/>
      <c r="HV14" s="307"/>
      <c r="HW14" s="307"/>
      <c r="HX14" s="310"/>
      <c r="HY14" s="311"/>
      <c r="HZ14" s="118">
        <v>0</v>
      </c>
      <c r="IA14" s="119">
        <v>0</v>
      </c>
      <c r="IB14" s="120">
        <v>0</v>
      </c>
      <c r="IC14" s="121">
        <v>0</v>
      </c>
      <c r="ID14" s="122">
        <v>1399608</v>
      </c>
      <c r="IE14" s="123">
        <v>2057833</v>
      </c>
      <c r="IF14" s="124">
        <v>939900</v>
      </c>
      <c r="IG14" s="122">
        <v>2849339</v>
      </c>
      <c r="IH14" s="124">
        <v>509145</v>
      </c>
      <c r="II14" s="125">
        <v>7755825</v>
      </c>
      <c r="IJ14" s="126">
        <v>7755825</v>
      </c>
      <c r="IK14" s="219">
        <v>0</v>
      </c>
      <c r="IL14" s="223">
        <v>0</v>
      </c>
      <c r="IM14" s="224">
        <v>0</v>
      </c>
      <c r="IN14" s="127"/>
      <c r="IO14" s="109">
        <v>0</v>
      </c>
      <c r="IP14" s="109">
        <v>0</v>
      </c>
      <c r="IQ14" s="109">
        <v>0</v>
      </c>
      <c r="IR14" s="109">
        <v>215000</v>
      </c>
      <c r="IS14" s="109">
        <v>0</v>
      </c>
      <c r="IT14" s="128">
        <v>215000</v>
      </c>
      <c r="IU14" s="298">
        <v>2150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208116</v>
      </c>
      <c r="JL14" s="109">
        <v>963875</v>
      </c>
      <c r="JM14" s="109">
        <v>295593</v>
      </c>
      <c r="JN14" s="109">
        <v>793182</v>
      </c>
      <c r="JO14" s="109">
        <v>0</v>
      </c>
      <c r="JP14" s="110">
        <v>3260766</v>
      </c>
      <c r="JQ14" s="298">
        <v>3260766</v>
      </c>
      <c r="JR14" s="129">
        <v>0</v>
      </c>
      <c r="JS14" s="109">
        <v>0</v>
      </c>
      <c r="JT14" s="128">
        <v>0</v>
      </c>
      <c r="JU14" s="108">
        <v>0</v>
      </c>
      <c r="JV14" s="109">
        <v>0</v>
      </c>
      <c r="JW14" s="109">
        <v>-8942</v>
      </c>
      <c r="JX14" s="109">
        <v>0</v>
      </c>
      <c r="JY14" s="109">
        <v>0</v>
      </c>
      <c r="JZ14" s="109">
        <v>0</v>
      </c>
      <c r="KA14" s="110">
        <v>-8942</v>
      </c>
      <c r="KB14" s="298">
        <v>-8942</v>
      </c>
      <c r="KC14" s="221">
        <v>0</v>
      </c>
      <c r="KD14" s="217">
        <v>0</v>
      </c>
      <c r="KE14" s="110">
        <v>0</v>
      </c>
      <c r="KF14" s="108">
        <v>0</v>
      </c>
      <c r="KG14" s="109">
        <v>191492</v>
      </c>
      <c r="KH14" s="109">
        <v>148984</v>
      </c>
      <c r="KI14" s="109">
        <v>207171</v>
      </c>
      <c r="KJ14" s="109">
        <v>551768</v>
      </c>
      <c r="KK14" s="109">
        <v>253135</v>
      </c>
      <c r="KL14" s="110">
        <v>1352550</v>
      </c>
      <c r="KM14" s="130">
        <v>1352550</v>
      </c>
      <c r="KN14" s="219">
        <v>0</v>
      </c>
      <c r="KO14" s="223">
        <v>0</v>
      </c>
      <c r="KP14" s="224">
        <v>0</v>
      </c>
      <c r="KQ14" s="127"/>
      <c r="KR14" s="109">
        <v>0</v>
      </c>
      <c r="KS14" s="109">
        <v>953916</v>
      </c>
      <c r="KT14" s="109">
        <v>437136</v>
      </c>
      <c r="KU14" s="109">
        <v>1103216</v>
      </c>
      <c r="KV14" s="109">
        <v>0</v>
      </c>
      <c r="KW14" s="110">
        <v>2494268</v>
      </c>
      <c r="KX14" s="298">
        <v>2494268</v>
      </c>
      <c r="KY14" s="129">
        <v>0</v>
      </c>
      <c r="KZ14" s="109">
        <v>0</v>
      </c>
      <c r="LA14" s="110">
        <v>0</v>
      </c>
      <c r="LB14" s="132"/>
      <c r="LC14" s="109">
        <v>0</v>
      </c>
      <c r="LD14" s="109">
        <v>0</v>
      </c>
      <c r="LE14" s="109">
        <v>0</v>
      </c>
      <c r="LF14" s="109">
        <v>186173</v>
      </c>
      <c r="LG14" s="109">
        <v>0</v>
      </c>
      <c r="LH14" s="110">
        <v>186173</v>
      </c>
      <c r="LI14" s="111">
        <v>186173</v>
      </c>
      <c r="LJ14" s="129">
        <v>0</v>
      </c>
      <c r="LK14" s="109">
        <v>0</v>
      </c>
      <c r="LL14" s="110">
        <v>0</v>
      </c>
      <c r="LM14" s="132"/>
      <c r="LN14" s="109">
        <v>0</v>
      </c>
      <c r="LO14" s="109">
        <v>0</v>
      </c>
      <c r="LP14" s="109">
        <v>0</v>
      </c>
      <c r="LQ14" s="109">
        <v>0</v>
      </c>
      <c r="LR14" s="109">
        <v>256010</v>
      </c>
      <c r="LS14" s="110">
        <v>256010</v>
      </c>
      <c r="LT14" s="298">
        <v>256010</v>
      </c>
      <c r="LU14" s="129">
        <v>0</v>
      </c>
      <c r="LV14" s="109">
        <v>0</v>
      </c>
      <c r="LW14" s="110">
        <v>0</v>
      </c>
      <c r="LX14" s="132"/>
      <c r="LY14" s="109">
        <v>0</v>
      </c>
      <c r="LZ14" s="109">
        <v>0</v>
      </c>
      <c r="MA14" s="109">
        <v>0</v>
      </c>
      <c r="MB14" s="109">
        <v>0</v>
      </c>
      <c r="MC14" s="109">
        <v>0</v>
      </c>
      <c r="MD14" s="110">
        <v>0</v>
      </c>
      <c r="ME14" s="111">
        <v>0</v>
      </c>
      <c r="MF14" s="129">
        <v>0</v>
      </c>
      <c r="MG14" s="109">
        <v>0</v>
      </c>
      <c r="MH14" s="110">
        <v>0</v>
      </c>
      <c r="MI14" s="132">
        <v>0</v>
      </c>
      <c r="MJ14" s="109">
        <v>257560</v>
      </c>
      <c r="MK14" s="109">
        <v>931462</v>
      </c>
      <c r="ML14" s="109">
        <v>4157416</v>
      </c>
      <c r="MM14" s="109">
        <v>2830979</v>
      </c>
      <c r="MN14" s="109">
        <v>2474065</v>
      </c>
      <c r="MO14" s="110">
        <v>10651482</v>
      </c>
      <c r="MP14" s="130">
        <v>10651482</v>
      </c>
      <c r="MQ14" s="129">
        <v>0</v>
      </c>
      <c r="MR14" s="109">
        <v>0</v>
      </c>
      <c r="MS14" s="110">
        <v>0</v>
      </c>
      <c r="MT14" s="132">
        <v>0</v>
      </c>
      <c r="MU14" s="109">
        <v>-249</v>
      </c>
      <c r="MV14" s="109">
        <v>-241</v>
      </c>
      <c r="MW14" s="109">
        <v>1197321</v>
      </c>
      <c r="MX14" s="109">
        <v>1557919</v>
      </c>
      <c r="MY14" s="109">
        <v>1677069</v>
      </c>
      <c r="MZ14" s="110">
        <v>4431819</v>
      </c>
      <c r="NA14" s="130">
        <v>4431819</v>
      </c>
      <c r="NB14" s="129">
        <v>0</v>
      </c>
      <c r="NC14" s="109">
        <v>0</v>
      </c>
      <c r="ND14" s="110">
        <v>0</v>
      </c>
      <c r="NE14" s="132"/>
      <c r="NF14" s="109">
        <v>257809</v>
      </c>
      <c r="NG14" s="109">
        <v>705865</v>
      </c>
      <c r="NH14" s="109">
        <v>2906130</v>
      </c>
      <c r="NI14" s="109">
        <v>1273060</v>
      </c>
      <c r="NJ14" s="109">
        <v>796996</v>
      </c>
      <c r="NK14" s="110">
        <v>5939860</v>
      </c>
      <c r="NL14" s="298">
        <v>5939860</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225838</v>
      </c>
      <c r="OD14" s="109">
        <v>53965</v>
      </c>
      <c r="OE14" s="109">
        <v>0</v>
      </c>
      <c r="OF14" s="109">
        <v>0</v>
      </c>
      <c r="OG14" s="110">
        <v>279803</v>
      </c>
      <c r="OH14" s="111">
        <v>279803</v>
      </c>
      <c r="OI14" s="129">
        <v>533184</v>
      </c>
      <c r="OJ14" s="109">
        <v>621182</v>
      </c>
      <c r="OK14" s="128">
        <v>1154366</v>
      </c>
      <c r="OL14" s="108">
        <v>0</v>
      </c>
      <c r="OM14" s="109">
        <v>6802344</v>
      </c>
      <c r="ON14" s="109">
        <v>9183788</v>
      </c>
      <c r="OO14" s="109">
        <v>9628028</v>
      </c>
      <c r="OP14" s="109">
        <v>12939032</v>
      </c>
      <c r="OQ14" s="109">
        <v>7208286</v>
      </c>
      <c r="OR14" s="110">
        <v>45761478</v>
      </c>
      <c r="OS14" s="130">
        <v>46915844</v>
      </c>
    </row>
    <row r="15" spans="2:409" ht="21" customHeight="1" x14ac:dyDescent="0.2">
      <c r="B15" s="472" t="s">
        <v>9</v>
      </c>
      <c r="C15" s="100">
        <v>1372675</v>
      </c>
      <c r="D15" s="104">
        <v>1502685</v>
      </c>
      <c r="E15" s="103">
        <v>2875360</v>
      </c>
      <c r="F15" s="101">
        <v>0</v>
      </c>
      <c r="G15" s="104">
        <v>12682059</v>
      </c>
      <c r="H15" s="104">
        <v>11484146</v>
      </c>
      <c r="I15" s="104">
        <v>11806758</v>
      </c>
      <c r="J15" s="104">
        <v>14912300</v>
      </c>
      <c r="K15" s="104">
        <v>11789745</v>
      </c>
      <c r="L15" s="99">
        <v>62675008</v>
      </c>
      <c r="M15" s="106">
        <v>65550368</v>
      </c>
      <c r="N15" s="100">
        <v>364579</v>
      </c>
      <c r="O15" s="104">
        <v>435877</v>
      </c>
      <c r="P15" s="103">
        <v>800456</v>
      </c>
      <c r="Q15" s="100">
        <v>0</v>
      </c>
      <c r="R15" s="104">
        <v>4687408</v>
      </c>
      <c r="S15" s="104">
        <v>4661786</v>
      </c>
      <c r="T15" s="104">
        <v>5080534</v>
      </c>
      <c r="U15" s="104">
        <v>5660377</v>
      </c>
      <c r="V15" s="104">
        <v>7227760</v>
      </c>
      <c r="W15" s="103">
        <v>27317865</v>
      </c>
      <c r="X15" s="106">
        <v>28118321</v>
      </c>
      <c r="Y15" s="100">
        <v>0</v>
      </c>
      <c r="Z15" s="104">
        <v>0</v>
      </c>
      <c r="AA15" s="103">
        <v>0</v>
      </c>
      <c r="AB15" s="100">
        <v>0</v>
      </c>
      <c r="AC15" s="104">
        <v>1839484</v>
      </c>
      <c r="AD15" s="104">
        <v>2109656</v>
      </c>
      <c r="AE15" s="104">
        <v>2640251</v>
      </c>
      <c r="AF15" s="104">
        <v>3300540</v>
      </c>
      <c r="AG15" s="104">
        <v>4477500</v>
      </c>
      <c r="AH15" s="103">
        <v>14367431</v>
      </c>
      <c r="AI15" s="106">
        <v>14367431</v>
      </c>
      <c r="AJ15" s="100">
        <v>0</v>
      </c>
      <c r="AK15" s="104">
        <v>0</v>
      </c>
      <c r="AL15" s="103">
        <v>0</v>
      </c>
      <c r="AM15" s="100">
        <v>0</v>
      </c>
      <c r="AN15" s="104">
        <v>63380</v>
      </c>
      <c r="AO15" s="104">
        <v>54500</v>
      </c>
      <c r="AP15" s="104">
        <v>0</v>
      </c>
      <c r="AQ15" s="104">
        <v>406297</v>
      </c>
      <c r="AR15" s="104">
        <v>830377</v>
      </c>
      <c r="AS15" s="103">
        <v>1354554</v>
      </c>
      <c r="AT15" s="106">
        <v>1354554</v>
      </c>
      <c r="AU15" s="100">
        <v>190650</v>
      </c>
      <c r="AV15" s="104">
        <v>256455</v>
      </c>
      <c r="AW15" s="103">
        <v>447105</v>
      </c>
      <c r="AX15" s="100">
        <v>0</v>
      </c>
      <c r="AY15" s="104">
        <v>1939701</v>
      </c>
      <c r="AZ15" s="104">
        <v>1469520</v>
      </c>
      <c r="BA15" s="104">
        <v>1437159</v>
      </c>
      <c r="BB15" s="104">
        <v>993494</v>
      </c>
      <c r="BC15" s="104">
        <v>1203702</v>
      </c>
      <c r="BD15" s="103">
        <v>7043576</v>
      </c>
      <c r="BE15" s="106">
        <v>7490681</v>
      </c>
      <c r="BF15" s="100">
        <v>0</v>
      </c>
      <c r="BG15" s="104">
        <v>72532</v>
      </c>
      <c r="BH15" s="102">
        <v>72532</v>
      </c>
      <c r="BI15" s="101">
        <v>0</v>
      </c>
      <c r="BJ15" s="104">
        <v>104306</v>
      </c>
      <c r="BK15" s="104">
        <v>358938</v>
      </c>
      <c r="BL15" s="104">
        <v>195884</v>
      </c>
      <c r="BM15" s="104">
        <v>203099</v>
      </c>
      <c r="BN15" s="104">
        <v>112508</v>
      </c>
      <c r="BO15" s="103">
        <v>974735</v>
      </c>
      <c r="BP15" s="106">
        <v>1047267</v>
      </c>
      <c r="BQ15" s="100">
        <v>173929</v>
      </c>
      <c r="BR15" s="104">
        <v>106890</v>
      </c>
      <c r="BS15" s="103">
        <v>280819</v>
      </c>
      <c r="BT15" s="100">
        <v>0</v>
      </c>
      <c r="BU15" s="104">
        <v>740537</v>
      </c>
      <c r="BV15" s="104">
        <v>669172</v>
      </c>
      <c r="BW15" s="104">
        <v>807240</v>
      </c>
      <c r="BX15" s="104">
        <v>756947</v>
      </c>
      <c r="BY15" s="104">
        <v>603673</v>
      </c>
      <c r="BZ15" s="103">
        <v>3577569</v>
      </c>
      <c r="CA15" s="106">
        <v>3858388</v>
      </c>
      <c r="CB15" s="100">
        <v>161967</v>
      </c>
      <c r="CC15" s="104">
        <v>306185</v>
      </c>
      <c r="CD15" s="103">
        <v>468152</v>
      </c>
      <c r="CE15" s="100">
        <v>0</v>
      </c>
      <c r="CF15" s="104">
        <v>2451624</v>
      </c>
      <c r="CG15" s="104">
        <v>2103386</v>
      </c>
      <c r="CH15" s="104">
        <v>1680308</v>
      </c>
      <c r="CI15" s="104">
        <v>2270060</v>
      </c>
      <c r="CJ15" s="104">
        <v>296484</v>
      </c>
      <c r="CK15" s="103">
        <v>8801862</v>
      </c>
      <c r="CL15" s="106">
        <v>9270014</v>
      </c>
      <c r="CM15" s="100">
        <v>0</v>
      </c>
      <c r="CN15" s="104">
        <v>0</v>
      </c>
      <c r="CO15" s="103">
        <v>0</v>
      </c>
      <c r="CP15" s="101">
        <v>0</v>
      </c>
      <c r="CQ15" s="104">
        <v>2094909</v>
      </c>
      <c r="CR15" s="104">
        <v>1452509</v>
      </c>
      <c r="CS15" s="104">
        <v>1200132</v>
      </c>
      <c r="CT15" s="104">
        <v>1499246</v>
      </c>
      <c r="CU15" s="104">
        <v>269337</v>
      </c>
      <c r="CV15" s="103">
        <v>6516133</v>
      </c>
      <c r="CW15" s="106">
        <v>6516133</v>
      </c>
      <c r="CX15" s="100">
        <v>161967</v>
      </c>
      <c r="CY15" s="104">
        <v>306185</v>
      </c>
      <c r="CZ15" s="103">
        <v>468152</v>
      </c>
      <c r="DA15" s="100">
        <v>0</v>
      </c>
      <c r="DB15" s="104">
        <v>356715</v>
      </c>
      <c r="DC15" s="104">
        <v>650877</v>
      </c>
      <c r="DD15" s="104">
        <v>480176</v>
      </c>
      <c r="DE15" s="104">
        <v>770814</v>
      </c>
      <c r="DF15" s="104">
        <v>27147</v>
      </c>
      <c r="DG15" s="103">
        <v>2285729</v>
      </c>
      <c r="DH15" s="106">
        <v>2753881</v>
      </c>
      <c r="DI15" s="100">
        <v>35653</v>
      </c>
      <c r="DJ15" s="104">
        <v>19998</v>
      </c>
      <c r="DK15" s="102">
        <v>55651</v>
      </c>
      <c r="DL15" s="101">
        <v>0</v>
      </c>
      <c r="DM15" s="104">
        <v>109847</v>
      </c>
      <c r="DN15" s="104">
        <v>835333</v>
      </c>
      <c r="DO15" s="104">
        <v>458338</v>
      </c>
      <c r="DP15" s="104">
        <v>971409</v>
      </c>
      <c r="DQ15" s="104">
        <v>418516</v>
      </c>
      <c r="DR15" s="103">
        <v>2793443</v>
      </c>
      <c r="DS15" s="106">
        <v>2849094</v>
      </c>
      <c r="DT15" s="100">
        <v>35653</v>
      </c>
      <c r="DU15" s="104">
        <v>19998</v>
      </c>
      <c r="DV15" s="103">
        <v>55651</v>
      </c>
      <c r="DW15" s="100">
        <v>0</v>
      </c>
      <c r="DX15" s="104">
        <v>109847</v>
      </c>
      <c r="DY15" s="104">
        <v>513364</v>
      </c>
      <c r="DZ15" s="104">
        <v>348749</v>
      </c>
      <c r="EA15" s="104">
        <v>1026728</v>
      </c>
      <c r="EB15" s="104">
        <v>438422</v>
      </c>
      <c r="EC15" s="103">
        <v>2437110</v>
      </c>
      <c r="ED15" s="106">
        <v>2492761</v>
      </c>
      <c r="EE15" s="100">
        <v>0</v>
      </c>
      <c r="EF15" s="102">
        <v>0</v>
      </c>
      <c r="EG15" s="103">
        <v>0</v>
      </c>
      <c r="EH15" s="100">
        <v>0</v>
      </c>
      <c r="EI15" s="104">
        <v>0</v>
      </c>
      <c r="EJ15" s="104">
        <v>321969</v>
      </c>
      <c r="EK15" s="104">
        <v>109589</v>
      </c>
      <c r="EL15" s="104">
        <v>-55319</v>
      </c>
      <c r="EM15" s="104">
        <v>-19906</v>
      </c>
      <c r="EN15" s="102">
        <v>356333</v>
      </c>
      <c r="EO15" s="106">
        <v>356333</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420552</v>
      </c>
      <c r="FM15" s="104">
        <v>203478</v>
      </c>
      <c r="FN15" s="103">
        <v>624030</v>
      </c>
      <c r="FO15" s="100">
        <v>0</v>
      </c>
      <c r="FP15" s="104">
        <v>896096</v>
      </c>
      <c r="FQ15" s="104">
        <v>1266139</v>
      </c>
      <c r="FR15" s="104">
        <v>821520</v>
      </c>
      <c r="FS15" s="104">
        <v>1000222</v>
      </c>
      <c r="FT15" s="104">
        <v>798042</v>
      </c>
      <c r="FU15" s="103">
        <v>4782019</v>
      </c>
      <c r="FV15" s="106">
        <v>5406049</v>
      </c>
      <c r="FW15" s="105">
        <v>142975</v>
      </c>
      <c r="FX15" s="104">
        <v>166873</v>
      </c>
      <c r="FY15" s="102">
        <v>309848</v>
      </c>
      <c r="FZ15" s="101">
        <v>0</v>
      </c>
      <c r="GA15" s="104">
        <v>617554</v>
      </c>
      <c r="GB15" s="104">
        <v>1000552</v>
      </c>
      <c r="GC15" s="104">
        <v>709632</v>
      </c>
      <c r="GD15" s="104">
        <v>979894</v>
      </c>
      <c r="GE15" s="104">
        <v>798042</v>
      </c>
      <c r="GF15" s="103">
        <v>4105674</v>
      </c>
      <c r="GG15" s="296">
        <v>4415522</v>
      </c>
      <c r="GH15" s="105">
        <v>12127</v>
      </c>
      <c r="GI15" s="104">
        <v>14352</v>
      </c>
      <c r="GJ15" s="102">
        <v>26479</v>
      </c>
      <c r="GK15" s="101">
        <v>0</v>
      </c>
      <c r="GL15" s="104">
        <v>33936</v>
      </c>
      <c r="GM15" s="104">
        <v>11088</v>
      </c>
      <c r="GN15" s="104">
        <v>111888</v>
      </c>
      <c r="GO15" s="104">
        <v>20328</v>
      </c>
      <c r="GP15" s="104">
        <v>0</v>
      </c>
      <c r="GQ15" s="103">
        <v>177240</v>
      </c>
      <c r="GR15" s="106">
        <v>203719</v>
      </c>
      <c r="GS15" s="100">
        <v>265450</v>
      </c>
      <c r="GT15" s="104">
        <v>22253</v>
      </c>
      <c r="GU15" s="103">
        <v>287703</v>
      </c>
      <c r="GV15" s="100">
        <v>0</v>
      </c>
      <c r="GW15" s="104">
        <v>244606</v>
      </c>
      <c r="GX15" s="104">
        <v>254499</v>
      </c>
      <c r="GY15" s="104">
        <v>0</v>
      </c>
      <c r="GZ15" s="104">
        <v>0</v>
      </c>
      <c r="HA15" s="104">
        <v>0</v>
      </c>
      <c r="HB15" s="102">
        <v>499105</v>
      </c>
      <c r="HC15" s="106">
        <v>786808</v>
      </c>
      <c r="HD15" s="100">
        <v>389924</v>
      </c>
      <c r="HE15" s="104">
        <v>537147</v>
      </c>
      <c r="HF15" s="102">
        <v>927071</v>
      </c>
      <c r="HG15" s="101">
        <v>0</v>
      </c>
      <c r="HH15" s="104">
        <v>4537084</v>
      </c>
      <c r="HI15" s="104">
        <v>2617502</v>
      </c>
      <c r="HJ15" s="104">
        <v>3766058</v>
      </c>
      <c r="HK15" s="104">
        <v>5010232</v>
      </c>
      <c r="HL15" s="104">
        <v>3048943</v>
      </c>
      <c r="HM15" s="103">
        <v>18979819</v>
      </c>
      <c r="HN15" s="99">
        <v>19906890</v>
      </c>
      <c r="HO15" s="306"/>
      <c r="HP15" s="307"/>
      <c r="HQ15" s="308"/>
      <c r="HR15" s="309"/>
      <c r="HS15" s="307"/>
      <c r="HT15" s="307"/>
      <c r="HU15" s="307"/>
      <c r="HV15" s="307"/>
      <c r="HW15" s="307"/>
      <c r="HX15" s="310"/>
      <c r="HY15" s="311"/>
      <c r="HZ15" s="115">
        <v>38048</v>
      </c>
      <c r="IA15" s="136">
        <v>20006</v>
      </c>
      <c r="IB15" s="116">
        <v>58054</v>
      </c>
      <c r="IC15" s="133">
        <v>0</v>
      </c>
      <c r="ID15" s="119">
        <v>2077770</v>
      </c>
      <c r="IE15" s="134">
        <v>3030807</v>
      </c>
      <c r="IF15" s="120">
        <v>3783868</v>
      </c>
      <c r="IG15" s="119">
        <v>2014860</v>
      </c>
      <c r="IH15" s="120">
        <v>1402440</v>
      </c>
      <c r="II15" s="135">
        <v>12309745</v>
      </c>
      <c r="IJ15" s="117">
        <v>12367799</v>
      </c>
      <c r="IK15" s="219">
        <v>0</v>
      </c>
      <c r="IL15" s="223">
        <v>0</v>
      </c>
      <c r="IM15" s="224">
        <v>0</v>
      </c>
      <c r="IN15" s="127"/>
      <c r="IO15" s="109">
        <v>0</v>
      </c>
      <c r="IP15" s="109">
        <v>103919</v>
      </c>
      <c r="IQ15" s="109">
        <v>0</v>
      </c>
      <c r="IR15" s="109">
        <v>413396</v>
      </c>
      <c r="IS15" s="109">
        <v>0</v>
      </c>
      <c r="IT15" s="128">
        <v>517315</v>
      </c>
      <c r="IU15" s="298">
        <v>517315</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759415</v>
      </c>
      <c r="JL15" s="109">
        <v>1216498</v>
      </c>
      <c r="JM15" s="109">
        <v>984003</v>
      </c>
      <c r="JN15" s="109">
        <v>715618</v>
      </c>
      <c r="JO15" s="109">
        <v>243911</v>
      </c>
      <c r="JP15" s="110">
        <v>4919445</v>
      </c>
      <c r="JQ15" s="298">
        <v>4919445</v>
      </c>
      <c r="JR15" s="129">
        <v>0</v>
      </c>
      <c r="JS15" s="109">
        <v>0</v>
      </c>
      <c r="JT15" s="128">
        <v>0</v>
      </c>
      <c r="JU15" s="108">
        <v>0</v>
      </c>
      <c r="JV15" s="109">
        <v>0</v>
      </c>
      <c r="JW15" s="109">
        <v>0</v>
      </c>
      <c r="JX15" s="109">
        <v>268047</v>
      </c>
      <c r="JY15" s="109">
        <v>0</v>
      </c>
      <c r="JZ15" s="109">
        <v>114965</v>
      </c>
      <c r="KA15" s="110">
        <v>383012</v>
      </c>
      <c r="KB15" s="298">
        <v>383012</v>
      </c>
      <c r="KC15" s="221">
        <v>38048</v>
      </c>
      <c r="KD15" s="217">
        <v>20006</v>
      </c>
      <c r="KE15" s="110">
        <v>58054</v>
      </c>
      <c r="KF15" s="108">
        <v>0</v>
      </c>
      <c r="KG15" s="109">
        <v>318355</v>
      </c>
      <c r="KH15" s="109">
        <v>0</v>
      </c>
      <c r="KI15" s="109">
        <v>436375</v>
      </c>
      <c r="KJ15" s="109">
        <v>470945</v>
      </c>
      <c r="KK15" s="109">
        <v>241075</v>
      </c>
      <c r="KL15" s="110">
        <v>1466750</v>
      </c>
      <c r="KM15" s="130">
        <v>1524804</v>
      </c>
      <c r="KN15" s="219">
        <v>0</v>
      </c>
      <c r="KO15" s="223">
        <v>0</v>
      </c>
      <c r="KP15" s="224">
        <v>0</v>
      </c>
      <c r="KQ15" s="127"/>
      <c r="KR15" s="109">
        <v>0</v>
      </c>
      <c r="KS15" s="109">
        <v>1077579</v>
      </c>
      <c r="KT15" s="109">
        <v>1870258</v>
      </c>
      <c r="KU15" s="109">
        <v>226365</v>
      </c>
      <c r="KV15" s="109">
        <v>229124</v>
      </c>
      <c r="KW15" s="110">
        <v>3403326</v>
      </c>
      <c r="KX15" s="298">
        <v>3403326</v>
      </c>
      <c r="KY15" s="129">
        <v>0</v>
      </c>
      <c r="KZ15" s="109">
        <v>0</v>
      </c>
      <c r="LA15" s="110">
        <v>0</v>
      </c>
      <c r="LB15" s="132"/>
      <c r="LC15" s="109">
        <v>0</v>
      </c>
      <c r="LD15" s="109">
        <v>434076</v>
      </c>
      <c r="LE15" s="109">
        <v>0</v>
      </c>
      <c r="LF15" s="109">
        <v>188536</v>
      </c>
      <c r="LG15" s="109">
        <v>0</v>
      </c>
      <c r="LH15" s="110">
        <v>622612</v>
      </c>
      <c r="LI15" s="111">
        <v>622612</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8735</v>
      </c>
      <c r="MA15" s="109">
        <v>225185</v>
      </c>
      <c r="MB15" s="109">
        <v>0</v>
      </c>
      <c r="MC15" s="109">
        <v>573365</v>
      </c>
      <c r="MD15" s="110">
        <v>997285</v>
      </c>
      <c r="ME15" s="111">
        <v>997285</v>
      </c>
      <c r="MF15" s="129">
        <v>0</v>
      </c>
      <c r="MG15" s="109">
        <v>0</v>
      </c>
      <c r="MH15" s="110">
        <v>0</v>
      </c>
      <c r="MI15" s="132">
        <v>0</v>
      </c>
      <c r="MJ15" s="109">
        <v>439500</v>
      </c>
      <c r="MK15" s="109">
        <v>1454933</v>
      </c>
      <c r="ML15" s="109">
        <v>3037481</v>
      </c>
      <c r="MM15" s="109">
        <v>5107902</v>
      </c>
      <c r="MN15" s="109">
        <v>5415331</v>
      </c>
      <c r="MO15" s="110">
        <v>15455147</v>
      </c>
      <c r="MP15" s="130">
        <v>15455147</v>
      </c>
      <c r="MQ15" s="129">
        <v>0</v>
      </c>
      <c r="MR15" s="109">
        <v>0</v>
      </c>
      <c r="MS15" s="110">
        <v>0</v>
      </c>
      <c r="MT15" s="132">
        <v>0</v>
      </c>
      <c r="MU15" s="109">
        <v>190443</v>
      </c>
      <c r="MV15" s="109">
        <v>0</v>
      </c>
      <c r="MW15" s="109">
        <v>1098538</v>
      </c>
      <c r="MX15" s="109">
        <v>3459534</v>
      </c>
      <c r="MY15" s="109">
        <v>3013475</v>
      </c>
      <c r="MZ15" s="110">
        <v>7761990</v>
      </c>
      <c r="NA15" s="130">
        <v>7761990</v>
      </c>
      <c r="NB15" s="129">
        <v>0</v>
      </c>
      <c r="NC15" s="109">
        <v>0</v>
      </c>
      <c r="ND15" s="110">
        <v>0</v>
      </c>
      <c r="NE15" s="132"/>
      <c r="NF15" s="109">
        <v>249057</v>
      </c>
      <c r="NG15" s="109">
        <v>1454933</v>
      </c>
      <c r="NH15" s="109">
        <v>1938943</v>
      </c>
      <c r="NI15" s="109">
        <v>1648368</v>
      </c>
      <c r="NJ15" s="109">
        <v>2084885</v>
      </c>
      <c r="NK15" s="110">
        <v>7376186</v>
      </c>
      <c r="NL15" s="298">
        <v>7376186</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316971</v>
      </c>
      <c r="OG15" s="110">
        <v>316971</v>
      </c>
      <c r="OH15" s="111">
        <v>316971</v>
      </c>
      <c r="OI15" s="129">
        <v>1410723</v>
      </c>
      <c r="OJ15" s="109">
        <v>1522691</v>
      </c>
      <c r="OK15" s="128">
        <v>2933414</v>
      </c>
      <c r="OL15" s="108">
        <v>0</v>
      </c>
      <c r="OM15" s="109">
        <v>15199329</v>
      </c>
      <c r="ON15" s="109">
        <v>15969886</v>
      </c>
      <c r="OO15" s="109">
        <v>18628107</v>
      </c>
      <c r="OP15" s="109">
        <v>22035062</v>
      </c>
      <c r="OQ15" s="109">
        <v>18607516</v>
      </c>
      <c r="OR15" s="110">
        <v>90439900</v>
      </c>
      <c r="OS15" s="130">
        <v>93373314</v>
      </c>
    </row>
    <row r="16" spans="2:409" ht="21" customHeight="1" x14ac:dyDescent="0.2">
      <c r="B16" s="472" t="s">
        <v>10</v>
      </c>
      <c r="C16" s="100">
        <v>1778856</v>
      </c>
      <c r="D16" s="104">
        <v>2701057</v>
      </c>
      <c r="E16" s="103">
        <v>4479913</v>
      </c>
      <c r="F16" s="159">
        <v>0</v>
      </c>
      <c r="G16" s="104">
        <v>18599381</v>
      </c>
      <c r="H16" s="104">
        <v>16663669</v>
      </c>
      <c r="I16" s="104">
        <v>13738604</v>
      </c>
      <c r="J16" s="104">
        <v>14408054</v>
      </c>
      <c r="K16" s="104">
        <v>12281519</v>
      </c>
      <c r="L16" s="99">
        <v>75691227</v>
      </c>
      <c r="M16" s="106">
        <v>80171140</v>
      </c>
      <c r="N16" s="100">
        <v>629938</v>
      </c>
      <c r="O16" s="104">
        <v>1013474</v>
      </c>
      <c r="P16" s="103">
        <v>1643412</v>
      </c>
      <c r="Q16" s="100">
        <v>0</v>
      </c>
      <c r="R16" s="104">
        <v>7316861</v>
      </c>
      <c r="S16" s="104">
        <v>5298151</v>
      </c>
      <c r="T16" s="104">
        <v>4855218</v>
      </c>
      <c r="U16" s="104">
        <v>5353848</v>
      </c>
      <c r="V16" s="104">
        <v>5795286</v>
      </c>
      <c r="W16" s="103">
        <v>28619364</v>
      </c>
      <c r="X16" s="106">
        <v>30262776</v>
      </c>
      <c r="Y16" s="100">
        <v>0</v>
      </c>
      <c r="Z16" s="104">
        <v>0</v>
      </c>
      <c r="AA16" s="103">
        <v>0</v>
      </c>
      <c r="AB16" s="100">
        <v>0</v>
      </c>
      <c r="AC16" s="104">
        <v>3360183</v>
      </c>
      <c r="AD16" s="104">
        <v>2560885</v>
      </c>
      <c r="AE16" s="104">
        <v>3154459</v>
      </c>
      <c r="AF16" s="104">
        <v>3644121</v>
      </c>
      <c r="AG16" s="104">
        <v>3524545</v>
      </c>
      <c r="AH16" s="103">
        <v>16244193</v>
      </c>
      <c r="AI16" s="106">
        <v>16244193</v>
      </c>
      <c r="AJ16" s="100">
        <v>0</v>
      </c>
      <c r="AK16" s="104">
        <v>0</v>
      </c>
      <c r="AL16" s="103">
        <v>0</v>
      </c>
      <c r="AM16" s="100">
        <v>0</v>
      </c>
      <c r="AN16" s="104">
        <v>54890</v>
      </c>
      <c r="AO16" s="104">
        <v>41452</v>
      </c>
      <c r="AP16" s="104">
        <v>105523</v>
      </c>
      <c r="AQ16" s="104">
        <v>85758</v>
      </c>
      <c r="AR16" s="104">
        <v>434782</v>
      </c>
      <c r="AS16" s="103">
        <v>722405</v>
      </c>
      <c r="AT16" s="106">
        <v>722405</v>
      </c>
      <c r="AU16" s="100">
        <v>278323</v>
      </c>
      <c r="AV16" s="104">
        <v>692661</v>
      </c>
      <c r="AW16" s="103">
        <v>970984</v>
      </c>
      <c r="AX16" s="100">
        <v>0</v>
      </c>
      <c r="AY16" s="104">
        <v>2577383</v>
      </c>
      <c r="AZ16" s="104">
        <v>1398942</v>
      </c>
      <c r="BA16" s="104">
        <v>711894</v>
      </c>
      <c r="BB16" s="104">
        <v>752832</v>
      </c>
      <c r="BC16" s="104">
        <v>857480</v>
      </c>
      <c r="BD16" s="103">
        <v>6298531</v>
      </c>
      <c r="BE16" s="106">
        <v>7269515</v>
      </c>
      <c r="BF16" s="100">
        <v>116163</v>
      </c>
      <c r="BG16" s="104">
        <v>110316</v>
      </c>
      <c r="BH16" s="102">
        <v>226479</v>
      </c>
      <c r="BI16" s="101">
        <v>0</v>
      </c>
      <c r="BJ16" s="104">
        <v>236724</v>
      </c>
      <c r="BK16" s="104">
        <v>360818</v>
      </c>
      <c r="BL16" s="104">
        <v>112649</v>
      </c>
      <c r="BM16" s="104">
        <v>18684</v>
      </c>
      <c r="BN16" s="104">
        <v>95534</v>
      </c>
      <c r="BO16" s="103">
        <v>824409</v>
      </c>
      <c r="BP16" s="106">
        <v>1050888</v>
      </c>
      <c r="BQ16" s="100">
        <v>235452</v>
      </c>
      <c r="BR16" s="104">
        <v>210497</v>
      </c>
      <c r="BS16" s="103">
        <v>445949</v>
      </c>
      <c r="BT16" s="100">
        <v>0</v>
      </c>
      <c r="BU16" s="104">
        <v>1087681</v>
      </c>
      <c r="BV16" s="104">
        <v>936054</v>
      </c>
      <c r="BW16" s="104">
        <v>770693</v>
      </c>
      <c r="BX16" s="104">
        <v>852453</v>
      </c>
      <c r="BY16" s="104">
        <v>882945</v>
      </c>
      <c r="BZ16" s="103">
        <v>4529826</v>
      </c>
      <c r="CA16" s="106">
        <v>4975775</v>
      </c>
      <c r="CB16" s="100">
        <v>54869</v>
      </c>
      <c r="CC16" s="104">
        <v>201234</v>
      </c>
      <c r="CD16" s="103">
        <v>256103</v>
      </c>
      <c r="CE16" s="100">
        <v>0</v>
      </c>
      <c r="CF16" s="104">
        <v>5375757</v>
      </c>
      <c r="CG16" s="104">
        <v>4372451</v>
      </c>
      <c r="CH16" s="104">
        <v>2698457</v>
      </c>
      <c r="CI16" s="104">
        <v>1922768</v>
      </c>
      <c r="CJ16" s="104">
        <v>641729</v>
      </c>
      <c r="CK16" s="103">
        <v>15011162</v>
      </c>
      <c r="CL16" s="106">
        <v>15267265</v>
      </c>
      <c r="CM16" s="100">
        <v>0</v>
      </c>
      <c r="CN16" s="104">
        <v>0</v>
      </c>
      <c r="CO16" s="103">
        <v>0</v>
      </c>
      <c r="CP16" s="101">
        <v>0</v>
      </c>
      <c r="CQ16" s="104">
        <v>4178067</v>
      </c>
      <c r="CR16" s="104">
        <v>3523854</v>
      </c>
      <c r="CS16" s="104">
        <v>2277150</v>
      </c>
      <c r="CT16" s="104">
        <v>1772567</v>
      </c>
      <c r="CU16" s="104">
        <v>585832</v>
      </c>
      <c r="CV16" s="103">
        <v>12337470</v>
      </c>
      <c r="CW16" s="106">
        <v>12337470</v>
      </c>
      <c r="CX16" s="100">
        <v>54869</v>
      </c>
      <c r="CY16" s="104">
        <v>201234</v>
      </c>
      <c r="CZ16" s="103">
        <v>256103</v>
      </c>
      <c r="DA16" s="100">
        <v>0</v>
      </c>
      <c r="DB16" s="104">
        <v>1197690</v>
      </c>
      <c r="DC16" s="104">
        <v>848597</v>
      </c>
      <c r="DD16" s="104">
        <v>421307</v>
      </c>
      <c r="DE16" s="104">
        <v>150201</v>
      </c>
      <c r="DF16" s="104">
        <v>55897</v>
      </c>
      <c r="DG16" s="103">
        <v>2673692</v>
      </c>
      <c r="DH16" s="106">
        <v>2929795</v>
      </c>
      <c r="DI16" s="100">
        <v>0</v>
      </c>
      <c r="DJ16" s="104">
        <v>83923</v>
      </c>
      <c r="DK16" s="102">
        <v>83923</v>
      </c>
      <c r="DL16" s="101">
        <v>0</v>
      </c>
      <c r="DM16" s="104">
        <v>620092</v>
      </c>
      <c r="DN16" s="104">
        <v>846020</v>
      </c>
      <c r="DO16" s="104">
        <v>1544866</v>
      </c>
      <c r="DP16" s="104">
        <v>1455446</v>
      </c>
      <c r="DQ16" s="104">
        <v>250659</v>
      </c>
      <c r="DR16" s="103">
        <v>4717083</v>
      </c>
      <c r="DS16" s="106">
        <v>4801006</v>
      </c>
      <c r="DT16" s="100">
        <v>0</v>
      </c>
      <c r="DU16" s="104">
        <v>83923</v>
      </c>
      <c r="DV16" s="103">
        <v>83923</v>
      </c>
      <c r="DW16" s="100">
        <v>0</v>
      </c>
      <c r="DX16" s="104">
        <v>485430</v>
      </c>
      <c r="DY16" s="104">
        <v>606369</v>
      </c>
      <c r="DZ16" s="104">
        <v>1544866</v>
      </c>
      <c r="EA16" s="104">
        <v>1455446</v>
      </c>
      <c r="EB16" s="104">
        <v>225088</v>
      </c>
      <c r="EC16" s="103">
        <v>4317199</v>
      </c>
      <c r="ED16" s="106">
        <v>4401122</v>
      </c>
      <c r="EE16" s="100">
        <v>0</v>
      </c>
      <c r="EF16" s="102">
        <v>0</v>
      </c>
      <c r="EG16" s="103">
        <v>0</v>
      </c>
      <c r="EH16" s="100">
        <v>0</v>
      </c>
      <c r="EI16" s="104">
        <v>134662</v>
      </c>
      <c r="EJ16" s="104">
        <v>239651</v>
      </c>
      <c r="EK16" s="104">
        <v>0</v>
      </c>
      <c r="EL16" s="104">
        <v>0</v>
      </c>
      <c r="EM16" s="104">
        <v>25571</v>
      </c>
      <c r="EN16" s="102">
        <v>399884</v>
      </c>
      <c r="EO16" s="106">
        <v>39988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485191</v>
      </c>
      <c r="FM16" s="104">
        <v>850820</v>
      </c>
      <c r="FN16" s="103">
        <v>1336011</v>
      </c>
      <c r="FO16" s="100">
        <v>0</v>
      </c>
      <c r="FP16" s="104">
        <v>993517</v>
      </c>
      <c r="FQ16" s="104">
        <v>1371881</v>
      </c>
      <c r="FR16" s="104">
        <v>909034</v>
      </c>
      <c r="FS16" s="104">
        <v>711592</v>
      </c>
      <c r="FT16" s="104">
        <v>750099</v>
      </c>
      <c r="FU16" s="103">
        <v>4736123</v>
      </c>
      <c r="FV16" s="106">
        <v>6072134</v>
      </c>
      <c r="FW16" s="105">
        <v>201691</v>
      </c>
      <c r="FX16" s="104">
        <v>515193</v>
      </c>
      <c r="FY16" s="102">
        <v>716884</v>
      </c>
      <c r="FZ16" s="101">
        <v>0</v>
      </c>
      <c r="GA16" s="104">
        <v>777707</v>
      </c>
      <c r="GB16" s="104">
        <v>1269261</v>
      </c>
      <c r="GC16" s="104">
        <v>800534</v>
      </c>
      <c r="GD16" s="104">
        <v>683872</v>
      </c>
      <c r="GE16" s="104">
        <v>750099</v>
      </c>
      <c r="GF16" s="103">
        <v>4281473</v>
      </c>
      <c r="GG16" s="296">
        <v>4998357</v>
      </c>
      <c r="GH16" s="105">
        <v>0</v>
      </c>
      <c r="GI16" s="104">
        <v>0</v>
      </c>
      <c r="GJ16" s="102">
        <v>0</v>
      </c>
      <c r="GK16" s="101">
        <v>0</v>
      </c>
      <c r="GL16" s="104">
        <v>32480</v>
      </c>
      <c r="GM16" s="104">
        <v>31500</v>
      </c>
      <c r="GN16" s="104">
        <v>0</v>
      </c>
      <c r="GO16" s="104">
        <v>27720</v>
      </c>
      <c r="GP16" s="104">
        <v>0</v>
      </c>
      <c r="GQ16" s="103">
        <v>91700</v>
      </c>
      <c r="GR16" s="106">
        <v>91700</v>
      </c>
      <c r="GS16" s="100">
        <v>283500</v>
      </c>
      <c r="GT16" s="104">
        <v>335627</v>
      </c>
      <c r="GU16" s="103">
        <v>619127</v>
      </c>
      <c r="GV16" s="100">
        <v>0</v>
      </c>
      <c r="GW16" s="104">
        <v>183330</v>
      </c>
      <c r="GX16" s="104">
        <v>71120</v>
      </c>
      <c r="GY16" s="104">
        <v>108500</v>
      </c>
      <c r="GZ16" s="104">
        <v>0</v>
      </c>
      <c r="HA16" s="104">
        <v>0</v>
      </c>
      <c r="HB16" s="102">
        <v>362950</v>
      </c>
      <c r="HC16" s="106">
        <v>982077</v>
      </c>
      <c r="HD16" s="100">
        <v>608858</v>
      </c>
      <c r="HE16" s="104">
        <v>551606</v>
      </c>
      <c r="HF16" s="102">
        <v>1160464</v>
      </c>
      <c r="HG16" s="101">
        <v>0</v>
      </c>
      <c r="HH16" s="104">
        <v>4293154</v>
      </c>
      <c r="HI16" s="104">
        <v>4775166</v>
      </c>
      <c r="HJ16" s="104">
        <v>3731029</v>
      </c>
      <c r="HK16" s="104">
        <v>4964400</v>
      </c>
      <c r="HL16" s="104">
        <v>4843746</v>
      </c>
      <c r="HM16" s="103">
        <v>22607495</v>
      </c>
      <c r="HN16" s="99">
        <v>23767959</v>
      </c>
      <c r="HO16" s="306"/>
      <c r="HP16" s="307"/>
      <c r="HQ16" s="308"/>
      <c r="HR16" s="309"/>
      <c r="HS16" s="307"/>
      <c r="HT16" s="307"/>
      <c r="HU16" s="307"/>
      <c r="HV16" s="307"/>
      <c r="HW16" s="307"/>
      <c r="HX16" s="310"/>
      <c r="HY16" s="311"/>
      <c r="HZ16" s="137">
        <v>40399</v>
      </c>
      <c r="IA16" s="122">
        <v>70030</v>
      </c>
      <c r="IB16" s="137">
        <v>110429</v>
      </c>
      <c r="IC16" s="121">
        <v>0</v>
      </c>
      <c r="ID16" s="122">
        <v>2706053</v>
      </c>
      <c r="IE16" s="123">
        <v>2228779</v>
      </c>
      <c r="IF16" s="124">
        <v>4607963</v>
      </c>
      <c r="IG16" s="122">
        <v>3653796</v>
      </c>
      <c r="IH16" s="124">
        <v>3182964</v>
      </c>
      <c r="II16" s="125">
        <v>16379555</v>
      </c>
      <c r="IJ16" s="137">
        <v>16489984</v>
      </c>
      <c r="IK16" s="219">
        <v>0</v>
      </c>
      <c r="IL16" s="223">
        <v>0</v>
      </c>
      <c r="IM16" s="224">
        <v>0</v>
      </c>
      <c r="IN16" s="127"/>
      <c r="IO16" s="109">
        <v>18119</v>
      </c>
      <c r="IP16" s="109">
        <v>108325</v>
      </c>
      <c r="IQ16" s="109">
        <v>332898</v>
      </c>
      <c r="IR16" s="109">
        <v>0</v>
      </c>
      <c r="IS16" s="109">
        <v>0</v>
      </c>
      <c r="IT16" s="128">
        <v>459342</v>
      </c>
      <c r="IU16" s="298">
        <v>459342</v>
      </c>
      <c r="IV16" s="129">
        <v>0</v>
      </c>
      <c r="IW16" s="109">
        <v>0</v>
      </c>
      <c r="IX16" s="110">
        <v>0</v>
      </c>
      <c r="IY16" s="131"/>
      <c r="IZ16" s="109">
        <v>0</v>
      </c>
      <c r="JA16" s="109">
        <v>9355</v>
      </c>
      <c r="JB16" s="109">
        <v>9355</v>
      </c>
      <c r="JC16" s="109">
        <v>0</v>
      </c>
      <c r="JD16" s="109">
        <v>0</v>
      </c>
      <c r="JE16" s="110">
        <v>18710</v>
      </c>
      <c r="JF16" s="111">
        <v>18710</v>
      </c>
      <c r="JG16" s="129">
        <v>0</v>
      </c>
      <c r="JH16" s="109">
        <v>0</v>
      </c>
      <c r="JI16" s="128">
        <v>0</v>
      </c>
      <c r="JJ16" s="108">
        <v>0</v>
      </c>
      <c r="JK16" s="109">
        <v>1113625</v>
      </c>
      <c r="JL16" s="109">
        <v>665101</v>
      </c>
      <c r="JM16" s="109">
        <v>478776</v>
      </c>
      <c r="JN16" s="109">
        <v>438863</v>
      </c>
      <c r="JO16" s="109">
        <v>41625</v>
      </c>
      <c r="JP16" s="110">
        <v>2737990</v>
      </c>
      <c r="JQ16" s="298">
        <v>2737990</v>
      </c>
      <c r="JR16" s="129">
        <v>0</v>
      </c>
      <c r="JS16" s="109">
        <v>0</v>
      </c>
      <c r="JT16" s="128">
        <v>0</v>
      </c>
      <c r="JU16" s="108">
        <v>0</v>
      </c>
      <c r="JV16" s="109">
        <v>0</v>
      </c>
      <c r="JW16" s="109">
        <v>118173</v>
      </c>
      <c r="JX16" s="109">
        <v>243184</v>
      </c>
      <c r="JY16" s="109">
        <v>293472</v>
      </c>
      <c r="JZ16" s="109">
        <v>0</v>
      </c>
      <c r="KA16" s="110">
        <v>654829</v>
      </c>
      <c r="KB16" s="298">
        <v>654829</v>
      </c>
      <c r="KC16" s="221">
        <v>40399</v>
      </c>
      <c r="KD16" s="217">
        <v>70030</v>
      </c>
      <c r="KE16" s="110">
        <v>110429</v>
      </c>
      <c r="KF16" s="108">
        <v>0</v>
      </c>
      <c r="KG16" s="109">
        <v>696442</v>
      </c>
      <c r="KH16" s="109">
        <v>147844</v>
      </c>
      <c r="KI16" s="109">
        <v>1034476</v>
      </c>
      <c r="KJ16" s="109">
        <v>254110</v>
      </c>
      <c r="KK16" s="109">
        <v>235612</v>
      </c>
      <c r="KL16" s="110">
        <v>2368484</v>
      </c>
      <c r="KM16" s="130">
        <v>2478913</v>
      </c>
      <c r="KN16" s="219">
        <v>0</v>
      </c>
      <c r="KO16" s="223">
        <v>0</v>
      </c>
      <c r="KP16" s="224">
        <v>0</v>
      </c>
      <c r="KQ16" s="127"/>
      <c r="KR16" s="109">
        <v>204709</v>
      </c>
      <c r="KS16" s="109">
        <v>1179981</v>
      </c>
      <c r="KT16" s="109">
        <v>1612618</v>
      </c>
      <c r="KU16" s="109">
        <v>1581026</v>
      </c>
      <c r="KV16" s="109">
        <v>1591407</v>
      </c>
      <c r="KW16" s="110">
        <v>6169741</v>
      </c>
      <c r="KX16" s="298">
        <v>6169741</v>
      </c>
      <c r="KY16" s="129">
        <v>0</v>
      </c>
      <c r="KZ16" s="109">
        <v>0</v>
      </c>
      <c r="LA16" s="110">
        <v>0</v>
      </c>
      <c r="LB16" s="132"/>
      <c r="LC16" s="109">
        <v>673158</v>
      </c>
      <c r="LD16" s="109">
        <v>0</v>
      </c>
      <c r="LE16" s="109">
        <v>672900</v>
      </c>
      <c r="LF16" s="109">
        <v>368367</v>
      </c>
      <c r="LG16" s="109">
        <v>1010095</v>
      </c>
      <c r="LH16" s="110">
        <v>2724520</v>
      </c>
      <c r="LI16" s="111">
        <v>2724520</v>
      </c>
      <c r="LJ16" s="129">
        <v>0</v>
      </c>
      <c r="LK16" s="109">
        <v>0</v>
      </c>
      <c r="LL16" s="110">
        <v>0</v>
      </c>
      <c r="LM16" s="132"/>
      <c r="LN16" s="109">
        <v>0</v>
      </c>
      <c r="LO16" s="109">
        <v>0</v>
      </c>
      <c r="LP16" s="109">
        <v>0</v>
      </c>
      <c r="LQ16" s="109">
        <v>456572</v>
      </c>
      <c r="LR16" s="109">
        <v>0</v>
      </c>
      <c r="LS16" s="110">
        <v>456572</v>
      </c>
      <c r="LT16" s="298">
        <v>456572</v>
      </c>
      <c r="LU16" s="129">
        <v>0</v>
      </c>
      <c r="LV16" s="109">
        <v>0</v>
      </c>
      <c r="LW16" s="110">
        <v>0</v>
      </c>
      <c r="LX16" s="132"/>
      <c r="LY16" s="109">
        <v>0</v>
      </c>
      <c r="LZ16" s="109">
        <v>0</v>
      </c>
      <c r="MA16" s="109">
        <v>223756</v>
      </c>
      <c r="MB16" s="109">
        <v>261386</v>
      </c>
      <c r="MC16" s="109">
        <v>304225</v>
      </c>
      <c r="MD16" s="110">
        <v>789367</v>
      </c>
      <c r="ME16" s="111">
        <v>789367</v>
      </c>
      <c r="MF16" s="129">
        <v>0</v>
      </c>
      <c r="MG16" s="109">
        <v>0</v>
      </c>
      <c r="MH16" s="110">
        <v>0</v>
      </c>
      <c r="MI16" s="132">
        <v>0</v>
      </c>
      <c r="MJ16" s="109">
        <v>207816</v>
      </c>
      <c r="MK16" s="109">
        <v>196749</v>
      </c>
      <c r="ML16" s="109">
        <v>3493120</v>
      </c>
      <c r="MM16" s="109">
        <v>5029196</v>
      </c>
      <c r="MN16" s="109">
        <v>6314068</v>
      </c>
      <c r="MO16" s="110">
        <v>15240949</v>
      </c>
      <c r="MP16" s="130">
        <v>15240949</v>
      </c>
      <c r="MQ16" s="129">
        <v>0</v>
      </c>
      <c r="MR16" s="109">
        <v>0</v>
      </c>
      <c r="MS16" s="110">
        <v>0</v>
      </c>
      <c r="MT16" s="132">
        <v>0</v>
      </c>
      <c r="MU16" s="109">
        <v>0</v>
      </c>
      <c r="MV16" s="109">
        <v>0</v>
      </c>
      <c r="MW16" s="109">
        <v>2057189</v>
      </c>
      <c r="MX16" s="109">
        <v>3655729</v>
      </c>
      <c r="MY16" s="109">
        <v>4873649</v>
      </c>
      <c r="MZ16" s="110">
        <v>10586567</v>
      </c>
      <c r="NA16" s="130">
        <v>10586567</v>
      </c>
      <c r="NB16" s="129">
        <v>0</v>
      </c>
      <c r="NC16" s="109">
        <v>0</v>
      </c>
      <c r="ND16" s="110">
        <v>0</v>
      </c>
      <c r="NE16" s="132"/>
      <c r="NF16" s="109">
        <v>207816</v>
      </c>
      <c r="NG16" s="109">
        <v>196749</v>
      </c>
      <c r="NH16" s="109">
        <v>1435931</v>
      </c>
      <c r="NI16" s="109">
        <v>1373467</v>
      </c>
      <c r="NJ16" s="109">
        <v>830757</v>
      </c>
      <c r="NK16" s="110">
        <v>4044720</v>
      </c>
      <c r="NL16" s="298">
        <v>4044720</v>
      </c>
      <c r="NM16" s="129">
        <v>0</v>
      </c>
      <c r="NN16" s="109">
        <v>0</v>
      </c>
      <c r="NO16" s="110">
        <v>0</v>
      </c>
      <c r="NP16" s="132"/>
      <c r="NQ16" s="109">
        <v>0</v>
      </c>
      <c r="NR16" s="109">
        <v>0</v>
      </c>
      <c r="NS16" s="109">
        <v>0</v>
      </c>
      <c r="NT16" s="109">
        <v>0</v>
      </c>
      <c r="NU16" s="109">
        <v>298102</v>
      </c>
      <c r="NV16" s="110">
        <v>298102</v>
      </c>
      <c r="NW16" s="111">
        <v>298102</v>
      </c>
      <c r="NX16" s="129">
        <v>0</v>
      </c>
      <c r="NY16" s="109">
        <v>0</v>
      </c>
      <c r="NZ16" s="110">
        <v>0</v>
      </c>
      <c r="OA16" s="132"/>
      <c r="OB16" s="109">
        <v>0</v>
      </c>
      <c r="OC16" s="109">
        <v>0</v>
      </c>
      <c r="OD16" s="109">
        <v>0</v>
      </c>
      <c r="OE16" s="109">
        <v>0</v>
      </c>
      <c r="OF16" s="109">
        <v>311560</v>
      </c>
      <c r="OG16" s="110">
        <v>311560</v>
      </c>
      <c r="OH16" s="111">
        <v>311560</v>
      </c>
      <c r="OI16" s="129">
        <v>1819255</v>
      </c>
      <c r="OJ16" s="109">
        <v>2771087</v>
      </c>
      <c r="OK16" s="128">
        <v>4590342</v>
      </c>
      <c r="OL16" s="108">
        <v>0</v>
      </c>
      <c r="OM16" s="109">
        <v>21513250</v>
      </c>
      <c r="ON16" s="109">
        <v>19089197</v>
      </c>
      <c r="OO16" s="109">
        <v>21839687</v>
      </c>
      <c r="OP16" s="109">
        <v>23091046</v>
      </c>
      <c r="OQ16" s="109">
        <v>21778551</v>
      </c>
      <c r="OR16" s="110">
        <v>107311731</v>
      </c>
      <c r="OS16" s="130">
        <v>111902073</v>
      </c>
    </row>
    <row r="17" spans="2:409" ht="21" customHeight="1" x14ac:dyDescent="0.2">
      <c r="B17" s="472" t="s">
        <v>11</v>
      </c>
      <c r="C17" s="100">
        <v>278336</v>
      </c>
      <c r="D17" s="104">
        <v>401068</v>
      </c>
      <c r="E17" s="158">
        <v>679404</v>
      </c>
      <c r="F17" s="101">
        <v>0</v>
      </c>
      <c r="G17" s="104">
        <v>5569644</v>
      </c>
      <c r="H17" s="104">
        <v>4927692</v>
      </c>
      <c r="I17" s="104">
        <v>6135361</v>
      </c>
      <c r="J17" s="104">
        <v>6541773</v>
      </c>
      <c r="K17" s="104">
        <v>3319706</v>
      </c>
      <c r="L17" s="99">
        <v>26494176</v>
      </c>
      <c r="M17" s="106">
        <v>27173580</v>
      </c>
      <c r="N17" s="100">
        <v>72491</v>
      </c>
      <c r="O17" s="104">
        <v>51879</v>
      </c>
      <c r="P17" s="103">
        <v>124370</v>
      </c>
      <c r="Q17" s="100">
        <v>0</v>
      </c>
      <c r="R17" s="104">
        <v>1312375</v>
      </c>
      <c r="S17" s="104">
        <v>1547719</v>
      </c>
      <c r="T17" s="104">
        <v>1423561</v>
      </c>
      <c r="U17" s="104">
        <v>2184202</v>
      </c>
      <c r="V17" s="104">
        <v>1278096</v>
      </c>
      <c r="W17" s="103">
        <v>7745953</v>
      </c>
      <c r="X17" s="106">
        <v>7870323</v>
      </c>
      <c r="Y17" s="100">
        <v>0</v>
      </c>
      <c r="Z17" s="104">
        <v>0</v>
      </c>
      <c r="AA17" s="103">
        <v>0</v>
      </c>
      <c r="AB17" s="100">
        <v>0</v>
      </c>
      <c r="AC17" s="104">
        <v>370356</v>
      </c>
      <c r="AD17" s="104">
        <v>696156</v>
      </c>
      <c r="AE17" s="104">
        <v>763941</v>
      </c>
      <c r="AF17" s="104">
        <v>978254</v>
      </c>
      <c r="AG17" s="104">
        <v>591279</v>
      </c>
      <c r="AH17" s="103">
        <v>3399986</v>
      </c>
      <c r="AI17" s="106">
        <v>3399986</v>
      </c>
      <c r="AJ17" s="100">
        <v>0</v>
      </c>
      <c r="AK17" s="104">
        <v>0</v>
      </c>
      <c r="AL17" s="103">
        <v>0</v>
      </c>
      <c r="AM17" s="100">
        <v>0</v>
      </c>
      <c r="AN17" s="104">
        <v>0</v>
      </c>
      <c r="AO17" s="104">
        <v>0</v>
      </c>
      <c r="AP17" s="104">
        <v>0</v>
      </c>
      <c r="AQ17" s="104">
        <v>263429</v>
      </c>
      <c r="AR17" s="104">
        <v>217093</v>
      </c>
      <c r="AS17" s="103">
        <v>480522</v>
      </c>
      <c r="AT17" s="106">
        <v>480522</v>
      </c>
      <c r="AU17" s="100">
        <v>52303</v>
      </c>
      <c r="AV17" s="104">
        <v>16956</v>
      </c>
      <c r="AW17" s="103">
        <v>69259</v>
      </c>
      <c r="AX17" s="100">
        <v>0</v>
      </c>
      <c r="AY17" s="104">
        <v>682060</v>
      </c>
      <c r="AZ17" s="104">
        <v>559942</v>
      </c>
      <c r="BA17" s="104">
        <v>405926</v>
      </c>
      <c r="BB17" s="104">
        <v>621135</v>
      </c>
      <c r="BC17" s="104">
        <v>273829</v>
      </c>
      <c r="BD17" s="103">
        <v>2542892</v>
      </c>
      <c r="BE17" s="106">
        <v>2612151</v>
      </c>
      <c r="BF17" s="100">
        <v>0</v>
      </c>
      <c r="BG17" s="104">
        <v>19719</v>
      </c>
      <c r="BH17" s="102">
        <v>19719</v>
      </c>
      <c r="BI17" s="101">
        <v>0</v>
      </c>
      <c r="BJ17" s="104">
        <v>53536</v>
      </c>
      <c r="BK17" s="104">
        <v>47041</v>
      </c>
      <c r="BL17" s="104">
        <v>0</v>
      </c>
      <c r="BM17" s="104">
        <v>33460</v>
      </c>
      <c r="BN17" s="104">
        <v>66325</v>
      </c>
      <c r="BO17" s="103">
        <v>200362</v>
      </c>
      <c r="BP17" s="106">
        <v>220081</v>
      </c>
      <c r="BQ17" s="100">
        <v>20188</v>
      </c>
      <c r="BR17" s="104">
        <v>15204</v>
      </c>
      <c r="BS17" s="103">
        <v>35392</v>
      </c>
      <c r="BT17" s="100">
        <v>0</v>
      </c>
      <c r="BU17" s="104">
        <v>206423</v>
      </c>
      <c r="BV17" s="104">
        <v>244580</v>
      </c>
      <c r="BW17" s="104">
        <v>253694</v>
      </c>
      <c r="BX17" s="104">
        <v>287924</v>
      </c>
      <c r="BY17" s="104">
        <v>129570</v>
      </c>
      <c r="BZ17" s="103">
        <v>1122191</v>
      </c>
      <c r="CA17" s="106">
        <v>1157583</v>
      </c>
      <c r="CB17" s="100">
        <v>36702</v>
      </c>
      <c r="CC17" s="104">
        <v>136124</v>
      </c>
      <c r="CD17" s="103">
        <v>172826</v>
      </c>
      <c r="CE17" s="100">
        <v>0</v>
      </c>
      <c r="CF17" s="104">
        <v>1043715</v>
      </c>
      <c r="CG17" s="104">
        <v>1568764</v>
      </c>
      <c r="CH17" s="104">
        <v>1222610</v>
      </c>
      <c r="CI17" s="104">
        <v>898630</v>
      </c>
      <c r="CJ17" s="104">
        <v>264938</v>
      </c>
      <c r="CK17" s="103">
        <v>4998657</v>
      </c>
      <c r="CL17" s="106">
        <v>5171483</v>
      </c>
      <c r="CM17" s="100">
        <v>0</v>
      </c>
      <c r="CN17" s="104">
        <v>0</v>
      </c>
      <c r="CO17" s="103">
        <v>0</v>
      </c>
      <c r="CP17" s="101">
        <v>0</v>
      </c>
      <c r="CQ17" s="104">
        <v>568261</v>
      </c>
      <c r="CR17" s="104">
        <v>909794</v>
      </c>
      <c r="CS17" s="104">
        <v>745034</v>
      </c>
      <c r="CT17" s="104">
        <v>790191</v>
      </c>
      <c r="CU17" s="104">
        <v>230193</v>
      </c>
      <c r="CV17" s="103">
        <v>3243473</v>
      </c>
      <c r="CW17" s="106">
        <v>3243473</v>
      </c>
      <c r="CX17" s="100">
        <v>36702</v>
      </c>
      <c r="CY17" s="104">
        <v>136124</v>
      </c>
      <c r="CZ17" s="103">
        <v>172826</v>
      </c>
      <c r="DA17" s="100">
        <v>0</v>
      </c>
      <c r="DB17" s="104">
        <v>475454</v>
      </c>
      <c r="DC17" s="104">
        <v>658970</v>
      </c>
      <c r="DD17" s="104">
        <v>477576</v>
      </c>
      <c r="DE17" s="104">
        <v>108439</v>
      </c>
      <c r="DF17" s="104">
        <v>34745</v>
      </c>
      <c r="DG17" s="103">
        <v>1755184</v>
      </c>
      <c r="DH17" s="106">
        <v>1928010</v>
      </c>
      <c r="DI17" s="100">
        <v>0</v>
      </c>
      <c r="DJ17" s="104">
        <v>0</v>
      </c>
      <c r="DK17" s="102">
        <v>0</v>
      </c>
      <c r="DL17" s="101">
        <v>0</v>
      </c>
      <c r="DM17" s="104">
        <v>167536</v>
      </c>
      <c r="DN17" s="104">
        <v>262400</v>
      </c>
      <c r="DO17" s="104">
        <v>263113</v>
      </c>
      <c r="DP17" s="104">
        <v>128845</v>
      </c>
      <c r="DQ17" s="104">
        <v>524157</v>
      </c>
      <c r="DR17" s="103">
        <v>1346051</v>
      </c>
      <c r="DS17" s="106">
        <v>1346051</v>
      </c>
      <c r="DT17" s="100">
        <v>0</v>
      </c>
      <c r="DU17" s="104">
        <v>0</v>
      </c>
      <c r="DV17" s="103">
        <v>0</v>
      </c>
      <c r="DW17" s="100">
        <v>0</v>
      </c>
      <c r="DX17" s="104">
        <v>167536</v>
      </c>
      <c r="DY17" s="104">
        <v>262400</v>
      </c>
      <c r="DZ17" s="104">
        <v>174785</v>
      </c>
      <c r="EA17" s="104">
        <v>87902</v>
      </c>
      <c r="EB17" s="104">
        <v>359609</v>
      </c>
      <c r="EC17" s="103">
        <v>1052232</v>
      </c>
      <c r="ED17" s="106">
        <v>1052232</v>
      </c>
      <c r="EE17" s="100">
        <v>0</v>
      </c>
      <c r="EF17" s="102">
        <v>0</v>
      </c>
      <c r="EG17" s="103">
        <v>0</v>
      </c>
      <c r="EH17" s="100">
        <v>0</v>
      </c>
      <c r="EI17" s="104">
        <v>0</v>
      </c>
      <c r="EJ17" s="104">
        <v>0</v>
      </c>
      <c r="EK17" s="104">
        <v>88328</v>
      </c>
      <c r="EL17" s="104">
        <v>40943</v>
      </c>
      <c r="EM17" s="104">
        <v>164548</v>
      </c>
      <c r="EN17" s="102">
        <v>293819</v>
      </c>
      <c r="EO17" s="106">
        <v>293819</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70868</v>
      </c>
      <c r="FM17" s="104">
        <v>131343</v>
      </c>
      <c r="FN17" s="103">
        <v>202211</v>
      </c>
      <c r="FO17" s="100">
        <v>0</v>
      </c>
      <c r="FP17" s="104">
        <v>291104</v>
      </c>
      <c r="FQ17" s="104">
        <v>475801</v>
      </c>
      <c r="FR17" s="104">
        <v>481516</v>
      </c>
      <c r="FS17" s="104">
        <v>536081</v>
      </c>
      <c r="FT17" s="104">
        <v>167685</v>
      </c>
      <c r="FU17" s="103">
        <v>1952187</v>
      </c>
      <c r="FV17" s="106">
        <v>2154398</v>
      </c>
      <c r="FW17" s="105">
        <v>38528</v>
      </c>
      <c r="FX17" s="104">
        <v>110726</v>
      </c>
      <c r="FY17" s="102">
        <v>149254</v>
      </c>
      <c r="FZ17" s="101">
        <v>0</v>
      </c>
      <c r="GA17" s="104">
        <v>224296</v>
      </c>
      <c r="GB17" s="104">
        <v>405801</v>
      </c>
      <c r="GC17" s="104">
        <v>434700</v>
      </c>
      <c r="GD17" s="104">
        <v>536081</v>
      </c>
      <c r="GE17" s="104">
        <v>167685</v>
      </c>
      <c r="GF17" s="103">
        <v>1768563</v>
      </c>
      <c r="GG17" s="296">
        <v>1917817</v>
      </c>
      <c r="GH17" s="105">
        <v>32340</v>
      </c>
      <c r="GI17" s="104">
        <v>20617</v>
      </c>
      <c r="GJ17" s="102">
        <v>52957</v>
      </c>
      <c r="GK17" s="101">
        <v>0</v>
      </c>
      <c r="GL17" s="104">
        <v>0</v>
      </c>
      <c r="GM17" s="104">
        <v>0</v>
      </c>
      <c r="GN17" s="104">
        <v>46816</v>
      </c>
      <c r="GO17" s="104">
        <v>0</v>
      </c>
      <c r="GP17" s="104">
        <v>0</v>
      </c>
      <c r="GQ17" s="103">
        <v>46816</v>
      </c>
      <c r="GR17" s="106">
        <v>99773</v>
      </c>
      <c r="GS17" s="100">
        <v>0</v>
      </c>
      <c r="GT17" s="104">
        <v>0</v>
      </c>
      <c r="GU17" s="103">
        <v>0</v>
      </c>
      <c r="GV17" s="100">
        <v>0</v>
      </c>
      <c r="GW17" s="104">
        <v>66808</v>
      </c>
      <c r="GX17" s="104">
        <v>70000</v>
      </c>
      <c r="GY17" s="104">
        <v>0</v>
      </c>
      <c r="GZ17" s="104">
        <v>0</v>
      </c>
      <c r="HA17" s="104">
        <v>0</v>
      </c>
      <c r="HB17" s="102">
        <v>136808</v>
      </c>
      <c r="HC17" s="106">
        <v>136808</v>
      </c>
      <c r="HD17" s="100">
        <v>98275</v>
      </c>
      <c r="HE17" s="104">
        <v>81722</v>
      </c>
      <c r="HF17" s="102">
        <v>179997</v>
      </c>
      <c r="HG17" s="101">
        <v>0</v>
      </c>
      <c r="HH17" s="104">
        <v>2754914</v>
      </c>
      <c r="HI17" s="104">
        <v>1073008</v>
      </c>
      <c r="HJ17" s="104">
        <v>2744561</v>
      </c>
      <c r="HK17" s="104">
        <v>2794015</v>
      </c>
      <c r="HL17" s="104">
        <v>1084830</v>
      </c>
      <c r="HM17" s="103">
        <v>10451328</v>
      </c>
      <c r="HN17" s="99">
        <v>10631325</v>
      </c>
      <c r="HO17" s="306"/>
      <c r="HP17" s="307"/>
      <c r="HQ17" s="308"/>
      <c r="HR17" s="309"/>
      <c r="HS17" s="307"/>
      <c r="HT17" s="307"/>
      <c r="HU17" s="307"/>
      <c r="HV17" s="307"/>
      <c r="HW17" s="307"/>
      <c r="HX17" s="310"/>
      <c r="HY17" s="311"/>
      <c r="HZ17" s="118">
        <v>0</v>
      </c>
      <c r="IA17" s="119">
        <v>61362</v>
      </c>
      <c r="IB17" s="120">
        <v>61362</v>
      </c>
      <c r="IC17" s="133">
        <v>0</v>
      </c>
      <c r="ID17" s="119">
        <v>1442764</v>
      </c>
      <c r="IE17" s="134">
        <v>1411779</v>
      </c>
      <c r="IF17" s="120">
        <v>1235720</v>
      </c>
      <c r="IG17" s="119">
        <v>1199142</v>
      </c>
      <c r="IH17" s="120">
        <v>146219</v>
      </c>
      <c r="II17" s="135">
        <v>5435624</v>
      </c>
      <c r="IJ17" s="126">
        <v>5496986</v>
      </c>
      <c r="IK17" s="219">
        <v>0</v>
      </c>
      <c r="IL17" s="223">
        <v>0</v>
      </c>
      <c r="IM17" s="224">
        <v>0</v>
      </c>
      <c r="IN17" s="127"/>
      <c r="IO17" s="109">
        <v>68271</v>
      </c>
      <c r="IP17" s="109">
        <v>235426</v>
      </c>
      <c r="IQ17" s="109">
        <v>170823</v>
      </c>
      <c r="IR17" s="109">
        <v>201158</v>
      </c>
      <c r="IS17" s="109">
        <v>0</v>
      </c>
      <c r="IT17" s="128">
        <v>675678</v>
      </c>
      <c r="IU17" s="298">
        <v>675678</v>
      </c>
      <c r="IV17" s="129">
        <v>0</v>
      </c>
      <c r="IW17" s="109">
        <v>0</v>
      </c>
      <c r="IX17" s="110">
        <v>0</v>
      </c>
      <c r="IY17" s="131"/>
      <c r="IZ17" s="109">
        <v>139754</v>
      </c>
      <c r="JA17" s="109">
        <v>14732</v>
      </c>
      <c r="JB17" s="109">
        <v>0</v>
      </c>
      <c r="JC17" s="109">
        <v>0</v>
      </c>
      <c r="JD17" s="109">
        <v>0</v>
      </c>
      <c r="JE17" s="110">
        <v>154486</v>
      </c>
      <c r="JF17" s="111">
        <v>154486</v>
      </c>
      <c r="JG17" s="129">
        <v>0</v>
      </c>
      <c r="JH17" s="109">
        <v>0</v>
      </c>
      <c r="JI17" s="128">
        <v>0</v>
      </c>
      <c r="JJ17" s="108">
        <v>0</v>
      </c>
      <c r="JK17" s="109">
        <v>998245</v>
      </c>
      <c r="JL17" s="109">
        <v>521985</v>
      </c>
      <c r="JM17" s="109">
        <v>433140</v>
      </c>
      <c r="JN17" s="109">
        <v>235254</v>
      </c>
      <c r="JO17" s="109">
        <v>146219</v>
      </c>
      <c r="JP17" s="110">
        <v>2334843</v>
      </c>
      <c r="JQ17" s="298">
        <v>2334843</v>
      </c>
      <c r="JR17" s="129">
        <v>0</v>
      </c>
      <c r="JS17" s="109">
        <v>0</v>
      </c>
      <c r="JT17" s="128">
        <v>0</v>
      </c>
      <c r="JU17" s="108">
        <v>0</v>
      </c>
      <c r="JV17" s="109">
        <v>26408</v>
      </c>
      <c r="JW17" s="109">
        <v>0</v>
      </c>
      <c r="JX17" s="109">
        <v>0</v>
      </c>
      <c r="JY17" s="109">
        <v>0</v>
      </c>
      <c r="JZ17" s="109">
        <v>0</v>
      </c>
      <c r="KA17" s="110">
        <v>26408</v>
      </c>
      <c r="KB17" s="298">
        <v>26408</v>
      </c>
      <c r="KC17" s="221">
        <v>0</v>
      </c>
      <c r="KD17" s="217">
        <v>61362</v>
      </c>
      <c r="KE17" s="110">
        <v>61362</v>
      </c>
      <c r="KF17" s="108">
        <v>0</v>
      </c>
      <c r="KG17" s="109">
        <v>210086</v>
      </c>
      <c r="KH17" s="109">
        <v>0</v>
      </c>
      <c r="KI17" s="109">
        <v>414414</v>
      </c>
      <c r="KJ17" s="109">
        <v>229828</v>
      </c>
      <c r="KK17" s="109">
        <v>0</v>
      </c>
      <c r="KL17" s="110">
        <v>854328</v>
      </c>
      <c r="KM17" s="130">
        <v>915690</v>
      </c>
      <c r="KN17" s="219">
        <v>0</v>
      </c>
      <c r="KO17" s="223">
        <v>0</v>
      </c>
      <c r="KP17" s="224">
        <v>0</v>
      </c>
      <c r="KQ17" s="127"/>
      <c r="KR17" s="109">
        <v>0</v>
      </c>
      <c r="KS17" s="109">
        <v>639636</v>
      </c>
      <c r="KT17" s="109">
        <v>217343</v>
      </c>
      <c r="KU17" s="109">
        <v>532902</v>
      </c>
      <c r="KV17" s="109">
        <v>0</v>
      </c>
      <c r="KW17" s="110">
        <v>1389881</v>
      </c>
      <c r="KX17" s="298">
        <v>1389881</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0</v>
      </c>
      <c r="LZ17" s="109">
        <v>0</v>
      </c>
      <c r="MA17" s="109">
        <v>0</v>
      </c>
      <c r="MB17" s="109">
        <v>0</v>
      </c>
      <c r="MC17" s="109">
        <v>0</v>
      </c>
      <c r="MD17" s="110">
        <v>0</v>
      </c>
      <c r="ME17" s="111">
        <v>0</v>
      </c>
      <c r="MF17" s="129">
        <v>0</v>
      </c>
      <c r="MG17" s="109">
        <v>0</v>
      </c>
      <c r="MH17" s="110">
        <v>0</v>
      </c>
      <c r="MI17" s="132">
        <v>0</v>
      </c>
      <c r="MJ17" s="109">
        <v>93331</v>
      </c>
      <c r="MK17" s="109">
        <v>205639</v>
      </c>
      <c r="ML17" s="109">
        <v>1978406</v>
      </c>
      <c r="MM17" s="109">
        <v>1829012</v>
      </c>
      <c r="MN17" s="109">
        <v>2206618</v>
      </c>
      <c r="MO17" s="110">
        <v>6313006</v>
      </c>
      <c r="MP17" s="130">
        <v>6313006</v>
      </c>
      <c r="MQ17" s="129">
        <v>0</v>
      </c>
      <c r="MR17" s="109">
        <v>0</v>
      </c>
      <c r="MS17" s="110">
        <v>0</v>
      </c>
      <c r="MT17" s="132">
        <v>0</v>
      </c>
      <c r="MU17" s="109">
        <v>0</v>
      </c>
      <c r="MV17" s="109">
        <v>0</v>
      </c>
      <c r="MW17" s="109">
        <v>824260</v>
      </c>
      <c r="MX17" s="109">
        <v>845678</v>
      </c>
      <c r="MY17" s="109">
        <v>2094765</v>
      </c>
      <c r="MZ17" s="110">
        <v>3764703</v>
      </c>
      <c r="NA17" s="130">
        <v>3764703</v>
      </c>
      <c r="NB17" s="129">
        <v>0</v>
      </c>
      <c r="NC17" s="109">
        <v>0</v>
      </c>
      <c r="ND17" s="110">
        <v>0</v>
      </c>
      <c r="NE17" s="132"/>
      <c r="NF17" s="109">
        <v>93331</v>
      </c>
      <c r="NG17" s="109">
        <v>205639</v>
      </c>
      <c r="NH17" s="109">
        <v>1154146</v>
      </c>
      <c r="NI17" s="109">
        <v>983334</v>
      </c>
      <c r="NJ17" s="109">
        <v>111853</v>
      </c>
      <c r="NK17" s="110">
        <v>2548303</v>
      </c>
      <c r="NL17" s="298">
        <v>2548303</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0</v>
      </c>
      <c r="OF17" s="109">
        <v>0</v>
      </c>
      <c r="OG17" s="110">
        <v>0</v>
      </c>
      <c r="OH17" s="111">
        <v>0</v>
      </c>
      <c r="OI17" s="129">
        <v>278336</v>
      </c>
      <c r="OJ17" s="109">
        <v>462430</v>
      </c>
      <c r="OK17" s="128">
        <v>740766</v>
      </c>
      <c r="OL17" s="108">
        <v>0</v>
      </c>
      <c r="OM17" s="109">
        <v>7105739</v>
      </c>
      <c r="ON17" s="109">
        <v>6545110</v>
      </c>
      <c r="OO17" s="109">
        <v>9349487</v>
      </c>
      <c r="OP17" s="109">
        <v>9569927</v>
      </c>
      <c r="OQ17" s="109">
        <v>5672543</v>
      </c>
      <c r="OR17" s="110">
        <v>38242806</v>
      </c>
      <c r="OS17" s="130">
        <v>38983572</v>
      </c>
    </row>
    <row r="18" spans="2:409" ht="21" customHeight="1" x14ac:dyDescent="0.2">
      <c r="B18" s="472" t="s">
        <v>12</v>
      </c>
      <c r="C18" s="100">
        <v>868038</v>
      </c>
      <c r="D18" s="104">
        <v>2022014</v>
      </c>
      <c r="E18" s="103">
        <v>2890052</v>
      </c>
      <c r="F18" s="99">
        <v>0</v>
      </c>
      <c r="G18" s="104">
        <v>6219691</v>
      </c>
      <c r="H18" s="157">
        <v>6437766</v>
      </c>
      <c r="I18" s="157">
        <v>8292343</v>
      </c>
      <c r="J18" s="157">
        <v>7455170</v>
      </c>
      <c r="K18" s="157">
        <v>5159829</v>
      </c>
      <c r="L18" s="102">
        <v>33564799</v>
      </c>
      <c r="M18" s="106">
        <v>36454851</v>
      </c>
      <c r="N18" s="100">
        <v>209013</v>
      </c>
      <c r="O18" s="104">
        <v>711953</v>
      </c>
      <c r="P18" s="103">
        <v>920966</v>
      </c>
      <c r="Q18" s="100">
        <v>0</v>
      </c>
      <c r="R18" s="104">
        <v>2086606</v>
      </c>
      <c r="S18" s="104">
        <v>2395189</v>
      </c>
      <c r="T18" s="104">
        <v>3582417</v>
      </c>
      <c r="U18" s="104">
        <v>2742794</v>
      </c>
      <c r="V18" s="104">
        <v>2671223</v>
      </c>
      <c r="W18" s="103">
        <v>13478229</v>
      </c>
      <c r="X18" s="106">
        <v>14399195</v>
      </c>
      <c r="Y18" s="100">
        <v>0</v>
      </c>
      <c r="Z18" s="104">
        <v>0</v>
      </c>
      <c r="AA18" s="103">
        <v>0</v>
      </c>
      <c r="AB18" s="100">
        <v>0</v>
      </c>
      <c r="AC18" s="104">
        <v>1185712</v>
      </c>
      <c r="AD18" s="104">
        <v>1489920</v>
      </c>
      <c r="AE18" s="104">
        <v>2401279</v>
      </c>
      <c r="AF18" s="104">
        <v>1647076</v>
      </c>
      <c r="AG18" s="104">
        <v>1510346</v>
      </c>
      <c r="AH18" s="103">
        <v>8234333</v>
      </c>
      <c r="AI18" s="106">
        <v>8234333</v>
      </c>
      <c r="AJ18" s="100">
        <v>0</v>
      </c>
      <c r="AK18" s="104">
        <v>0</v>
      </c>
      <c r="AL18" s="103">
        <v>0</v>
      </c>
      <c r="AM18" s="100">
        <v>0</v>
      </c>
      <c r="AN18" s="104">
        <v>0</v>
      </c>
      <c r="AO18" s="104">
        <v>93228</v>
      </c>
      <c r="AP18" s="104">
        <v>153453</v>
      </c>
      <c r="AQ18" s="104">
        <v>40917</v>
      </c>
      <c r="AR18" s="104">
        <v>480806</v>
      </c>
      <c r="AS18" s="103">
        <v>768404</v>
      </c>
      <c r="AT18" s="106">
        <v>768404</v>
      </c>
      <c r="AU18" s="100">
        <v>132559</v>
      </c>
      <c r="AV18" s="104">
        <v>586697</v>
      </c>
      <c r="AW18" s="103">
        <v>719256</v>
      </c>
      <c r="AX18" s="100">
        <v>0</v>
      </c>
      <c r="AY18" s="104">
        <v>651799</v>
      </c>
      <c r="AZ18" s="104">
        <v>607011</v>
      </c>
      <c r="BA18" s="104">
        <v>613474</v>
      </c>
      <c r="BB18" s="104">
        <v>577842</v>
      </c>
      <c r="BC18" s="104">
        <v>509964</v>
      </c>
      <c r="BD18" s="103">
        <v>2960090</v>
      </c>
      <c r="BE18" s="106">
        <v>3679346</v>
      </c>
      <c r="BF18" s="100">
        <v>0</v>
      </c>
      <c r="BG18" s="104">
        <v>46163</v>
      </c>
      <c r="BH18" s="102">
        <v>46163</v>
      </c>
      <c r="BI18" s="101">
        <v>0</v>
      </c>
      <c r="BJ18" s="104">
        <v>78589</v>
      </c>
      <c r="BK18" s="104">
        <v>0</v>
      </c>
      <c r="BL18" s="104">
        <v>89719</v>
      </c>
      <c r="BM18" s="104">
        <v>89740</v>
      </c>
      <c r="BN18" s="104">
        <v>0</v>
      </c>
      <c r="BO18" s="103">
        <v>258048</v>
      </c>
      <c r="BP18" s="106">
        <v>304211</v>
      </c>
      <c r="BQ18" s="100">
        <v>76454</v>
      </c>
      <c r="BR18" s="104">
        <v>79093</v>
      </c>
      <c r="BS18" s="103">
        <v>155547</v>
      </c>
      <c r="BT18" s="100">
        <v>0</v>
      </c>
      <c r="BU18" s="104">
        <v>170506</v>
      </c>
      <c r="BV18" s="104">
        <v>205030</v>
      </c>
      <c r="BW18" s="104">
        <v>324492</v>
      </c>
      <c r="BX18" s="104">
        <v>387219</v>
      </c>
      <c r="BY18" s="104">
        <v>170107</v>
      </c>
      <c r="BZ18" s="103">
        <v>1257354</v>
      </c>
      <c r="CA18" s="106">
        <v>1412901</v>
      </c>
      <c r="CB18" s="100">
        <v>261445</v>
      </c>
      <c r="CC18" s="104">
        <v>306212</v>
      </c>
      <c r="CD18" s="103">
        <v>567657</v>
      </c>
      <c r="CE18" s="100">
        <v>0</v>
      </c>
      <c r="CF18" s="104">
        <v>2644651</v>
      </c>
      <c r="CG18" s="104">
        <v>2223552</v>
      </c>
      <c r="CH18" s="104">
        <v>1511238</v>
      </c>
      <c r="CI18" s="104">
        <v>1038741</v>
      </c>
      <c r="CJ18" s="104">
        <v>775027</v>
      </c>
      <c r="CK18" s="103">
        <v>8193209</v>
      </c>
      <c r="CL18" s="106">
        <v>8760866</v>
      </c>
      <c r="CM18" s="100">
        <v>0</v>
      </c>
      <c r="CN18" s="104">
        <v>0</v>
      </c>
      <c r="CO18" s="103">
        <v>0</v>
      </c>
      <c r="CP18" s="101">
        <v>0</v>
      </c>
      <c r="CQ18" s="104">
        <v>1915142</v>
      </c>
      <c r="CR18" s="104">
        <v>1681471</v>
      </c>
      <c r="CS18" s="104">
        <v>790087</v>
      </c>
      <c r="CT18" s="104">
        <v>602838</v>
      </c>
      <c r="CU18" s="104">
        <v>663611</v>
      </c>
      <c r="CV18" s="103">
        <v>5653149</v>
      </c>
      <c r="CW18" s="106">
        <v>5653149</v>
      </c>
      <c r="CX18" s="100">
        <v>261445</v>
      </c>
      <c r="CY18" s="104">
        <v>306212</v>
      </c>
      <c r="CZ18" s="103">
        <v>567657</v>
      </c>
      <c r="DA18" s="100">
        <v>0</v>
      </c>
      <c r="DB18" s="104">
        <v>729509</v>
      </c>
      <c r="DC18" s="104">
        <v>542081</v>
      </c>
      <c r="DD18" s="104">
        <v>721151</v>
      </c>
      <c r="DE18" s="104">
        <v>435903</v>
      </c>
      <c r="DF18" s="104">
        <v>111416</v>
      </c>
      <c r="DG18" s="103">
        <v>2540060</v>
      </c>
      <c r="DH18" s="106">
        <v>3107717</v>
      </c>
      <c r="DI18" s="100">
        <v>18757</v>
      </c>
      <c r="DJ18" s="104">
        <v>0</v>
      </c>
      <c r="DK18" s="102">
        <v>18757</v>
      </c>
      <c r="DL18" s="101">
        <v>0</v>
      </c>
      <c r="DM18" s="104">
        <v>543205</v>
      </c>
      <c r="DN18" s="104">
        <v>190920</v>
      </c>
      <c r="DO18" s="104">
        <v>1026716</v>
      </c>
      <c r="DP18" s="104">
        <v>200584</v>
      </c>
      <c r="DQ18" s="104">
        <v>245482</v>
      </c>
      <c r="DR18" s="103">
        <v>2206907</v>
      </c>
      <c r="DS18" s="106">
        <v>2225664</v>
      </c>
      <c r="DT18" s="100">
        <v>18757</v>
      </c>
      <c r="DU18" s="104">
        <v>0</v>
      </c>
      <c r="DV18" s="103">
        <v>18757</v>
      </c>
      <c r="DW18" s="100">
        <v>0</v>
      </c>
      <c r="DX18" s="104">
        <v>479080</v>
      </c>
      <c r="DY18" s="104">
        <v>190920</v>
      </c>
      <c r="DZ18" s="104">
        <v>1026716</v>
      </c>
      <c r="EA18" s="104">
        <v>200584</v>
      </c>
      <c r="EB18" s="104">
        <v>245482</v>
      </c>
      <c r="EC18" s="103">
        <v>2142782</v>
      </c>
      <c r="ED18" s="106">
        <v>2161539</v>
      </c>
      <c r="EE18" s="100">
        <v>0</v>
      </c>
      <c r="EF18" s="102">
        <v>0</v>
      </c>
      <c r="EG18" s="103">
        <v>0</v>
      </c>
      <c r="EH18" s="100">
        <v>0</v>
      </c>
      <c r="EI18" s="104">
        <v>64125</v>
      </c>
      <c r="EJ18" s="104">
        <v>0</v>
      </c>
      <c r="EK18" s="104">
        <v>0</v>
      </c>
      <c r="EL18" s="104">
        <v>0</v>
      </c>
      <c r="EM18" s="104">
        <v>0</v>
      </c>
      <c r="EN18" s="102">
        <v>64125</v>
      </c>
      <c r="EO18" s="106">
        <v>64125</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105602</v>
      </c>
      <c r="FM18" s="104">
        <v>624015</v>
      </c>
      <c r="FN18" s="103">
        <v>729617</v>
      </c>
      <c r="FO18" s="100">
        <v>0</v>
      </c>
      <c r="FP18" s="104">
        <v>204617</v>
      </c>
      <c r="FQ18" s="104">
        <v>694967</v>
      </c>
      <c r="FR18" s="104">
        <v>582827</v>
      </c>
      <c r="FS18" s="104">
        <v>670432</v>
      </c>
      <c r="FT18" s="104">
        <v>421260</v>
      </c>
      <c r="FU18" s="103">
        <v>2574103</v>
      </c>
      <c r="FV18" s="106">
        <v>3303720</v>
      </c>
      <c r="FW18" s="105">
        <v>93002</v>
      </c>
      <c r="FX18" s="104">
        <v>280805</v>
      </c>
      <c r="FY18" s="102">
        <v>373807</v>
      </c>
      <c r="FZ18" s="101">
        <v>0</v>
      </c>
      <c r="GA18" s="104">
        <v>183057</v>
      </c>
      <c r="GB18" s="104">
        <v>615377</v>
      </c>
      <c r="GC18" s="104">
        <v>526757</v>
      </c>
      <c r="GD18" s="104">
        <v>670432</v>
      </c>
      <c r="GE18" s="104">
        <v>388150</v>
      </c>
      <c r="GF18" s="103">
        <v>2383773</v>
      </c>
      <c r="GG18" s="296">
        <v>2757580</v>
      </c>
      <c r="GH18" s="105">
        <v>12600</v>
      </c>
      <c r="GI18" s="104">
        <v>48510</v>
      </c>
      <c r="GJ18" s="102">
        <v>61110</v>
      </c>
      <c r="GK18" s="101">
        <v>0</v>
      </c>
      <c r="GL18" s="104">
        <v>21560</v>
      </c>
      <c r="GM18" s="104">
        <v>79590</v>
      </c>
      <c r="GN18" s="104">
        <v>0</v>
      </c>
      <c r="GO18" s="104">
        <v>0</v>
      </c>
      <c r="GP18" s="104">
        <v>33110</v>
      </c>
      <c r="GQ18" s="103">
        <v>134260</v>
      </c>
      <c r="GR18" s="106">
        <v>195370</v>
      </c>
      <c r="GS18" s="100">
        <v>0</v>
      </c>
      <c r="GT18" s="104">
        <v>294700</v>
      </c>
      <c r="GU18" s="103">
        <v>294700</v>
      </c>
      <c r="GV18" s="100">
        <v>0</v>
      </c>
      <c r="GW18" s="104">
        <v>0</v>
      </c>
      <c r="GX18" s="104">
        <v>0</v>
      </c>
      <c r="GY18" s="104">
        <v>56070</v>
      </c>
      <c r="GZ18" s="104">
        <v>0</v>
      </c>
      <c r="HA18" s="104">
        <v>0</v>
      </c>
      <c r="HB18" s="102">
        <v>56070</v>
      </c>
      <c r="HC18" s="106">
        <v>350770</v>
      </c>
      <c r="HD18" s="100">
        <v>273221</v>
      </c>
      <c r="HE18" s="104">
        <v>379834</v>
      </c>
      <c r="HF18" s="102">
        <v>653055</v>
      </c>
      <c r="HG18" s="101">
        <v>0</v>
      </c>
      <c r="HH18" s="104">
        <v>740612</v>
      </c>
      <c r="HI18" s="104">
        <v>933138</v>
      </c>
      <c r="HJ18" s="104">
        <v>1589145</v>
      </c>
      <c r="HK18" s="104">
        <v>2802619</v>
      </c>
      <c r="HL18" s="104">
        <v>1046837</v>
      </c>
      <c r="HM18" s="103">
        <v>7112351</v>
      </c>
      <c r="HN18" s="99">
        <v>7765406</v>
      </c>
      <c r="HO18" s="306"/>
      <c r="HP18" s="307"/>
      <c r="HQ18" s="308"/>
      <c r="HR18" s="309"/>
      <c r="HS18" s="307"/>
      <c r="HT18" s="307"/>
      <c r="HU18" s="307"/>
      <c r="HV18" s="307"/>
      <c r="HW18" s="307"/>
      <c r="HX18" s="310"/>
      <c r="HY18" s="311"/>
      <c r="HZ18" s="137">
        <v>0</v>
      </c>
      <c r="IA18" s="122">
        <v>0</v>
      </c>
      <c r="IB18" s="137">
        <v>0</v>
      </c>
      <c r="IC18" s="121">
        <v>0</v>
      </c>
      <c r="ID18" s="122">
        <v>937993</v>
      </c>
      <c r="IE18" s="123">
        <v>1967367</v>
      </c>
      <c r="IF18" s="124">
        <v>1042563</v>
      </c>
      <c r="IG18" s="122">
        <v>2948038</v>
      </c>
      <c r="IH18" s="124">
        <v>757765</v>
      </c>
      <c r="II18" s="125">
        <v>7653726</v>
      </c>
      <c r="IJ18" s="137">
        <v>7653726</v>
      </c>
      <c r="IK18" s="219">
        <v>0</v>
      </c>
      <c r="IL18" s="223">
        <v>0</v>
      </c>
      <c r="IM18" s="224">
        <v>0</v>
      </c>
      <c r="IN18" s="127"/>
      <c r="IO18" s="109">
        <v>0</v>
      </c>
      <c r="IP18" s="109">
        <v>0</v>
      </c>
      <c r="IQ18" s="109">
        <v>0</v>
      </c>
      <c r="IR18" s="109">
        <v>0</v>
      </c>
      <c r="IS18" s="109">
        <v>0</v>
      </c>
      <c r="IT18" s="128">
        <v>0</v>
      </c>
      <c r="IU18" s="298">
        <v>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831192</v>
      </c>
      <c r="JL18" s="109">
        <v>763055</v>
      </c>
      <c r="JM18" s="109">
        <v>383772</v>
      </c>
      <c r="JN18" s="109">
        <v>532867</v>
      </c>
      <c r="JO18" s="109">
        <v>141771</v>
      </c>
      <c r="JP18" s="110">
        <v>2652657</v>
      </c>
      <c r="JQ18" s="298">
        <v>2652657</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06801</v>
      </c>
      <c r="KH18" s="109">
        <v>472128</v>
      </c>
      <c r="KI18" s="109">
        <v>0</v>
      </c>
      <c r="KJ18" s="109">
        <v>691072</v>
      </c>
      <c r="KK18" s="109">
        <v>0</v>
      </c>
      <c r="KL18" s="110">
        <v>1270001</v>
      </c>
      <c r="KM18" s="130">
        <v>1270001</v>
      </c>
      <c r="KN18" s="219">
        <v>0</v>
      </c>
      <c r="KO18" s="223">
        <v>0</v>
      </c>
      <c r="KP18" s="224">
        <v>0</v>
      </c>
      <c r="KQ18" s="127"/>
      <c r="KR18" s="109">
        <v>0</v>
      </c>
      <c r="KS18" s="109">
        <v>213787</v>
      </c>
      <c r="KT18" s="109">
        <v>215828</v>
      </c>
      <c r="KU18" s="109">
        <v>441298</v>
      </c>
      <c r="KV18" s="109">
        <v>361484</v>
      </c>
      <c r="KW18" s="110">
        <v>1232397</v>
      </c>
      <c r="KX18" s="298">
        <v>1232397</v>
      </c>
      <c r="KY18" s="129">
        <v>0</v>
      </c>
      <c r="KZ18" s="109">
        <v>0</v>
      </c>
      <c r="LA18" s="110">
        <v>0</v>
      </c>
      <c r="LB18" s="132"/>
      <c r="LC18" s="109">
        <v>0</v>
      </c>
      <c r="LD18" s="109">
        <v>154067</v>
      </c>
      <c r="LE18" s="109">
        <v>0</v>
      </c>
      <c r="LF18" s="109">
        <v>374206</v>
      </c>
      <c r="LG18" s="109">
        <v>0</v>
      </c>
      <c r="LH18" s="110">
        <v>528273</v>
      </c>
      <c r="LI18" s="111">
        <v>528273</v>
      </c>
      <c r="LJ18" s="129">
        <v>0</v>
      </c>
      <c r="LK18" s="109">
        <v>0</v>
      </c>
      <c r="LL18" s="110">
        <v>0</v>
      </c>
      <c r="LM18" s="132"/>
      <c r="LN18" s="109">
        <v>0</v>
      </c>
      <c r="LO18" s="109">
        <v>0</v>
      </c>
      <c r="LP18" s="109">
        <v>220173</v>
      </c>
      <c r="LQ18" s="109">
        <v>0</v>
      </c>
      <c r="LR18" s="109">
        <v>254510</v>
      </c>
      <c r="LS18" s="110">
        <v>474683</v>
      </c>
      <c r="LT18" s="298">
        <v>474683</v>
      </c>
      <c r="LU18" s="129">
        <v>0</v>
      </c>
      <c r="LV18" s="109">
        <v>0</v>
      </c>
      <c r="LW18" s="110">
        <v>0</v>
      </c>
      <c r="LX18" s="132"/>
      <c r="LY18" s="109">
        <v>0</v>
      </c>
      <c r="LZ18" s="109">
        <v>364330</v>
      </c>
      <c r="MA18" s="109">
        <v>222790</v>
      </c>
      <c r="MB18" s="109">
        <v>908595</v>
      </c>
      <c r="MC18" s="109">
        <v>0</v>
      </c>
      <c r="MD18" s="110">
        <v>1495715</v>
      </c>
      <c r="ME18" s="111">
        <v>1495715</v>
      </c>
      <c r="MF18" s="129">
        <v>0</v>
      </c>
      <c r="MG18" s="109">
        <v>0</v>
      </c>
      <c r="MH18" s="110">
        <v>0</v>
      </c>
      <c r="MI18" s="132">
        <v>0</v>
      </c>
      <c r="MJ18" s="109">
        <v>0</v>
      </c>
      <c r="MK18" s="109">
        <v>759724</v>
      </c>
      <c r="ML18" s="109">
        <v>2018298</v>
      </c>
      <c r="MM18" s="109">
        <v>3643444</v>
      </c>
      <c r="MN18" s="109">
        <v>1565336</v>
      </c>
      <c r="MO18" s="110">
        <v>7986802</v>
      </c>
      <c r="MP18" s="130">
        <v>7986802</v>
      </c>
      <c r="MQ18" s="129">
        <v>0</v>
      </c>
      <c r="MR18" s="109">
        <v>0</v>
      </c>
      <c r="MS18" s="110">
        <v>0</v>
      </c>
      <c r="MT18" s="132">
        <v>0</v>
      </c>
      <c r="MU18" s="109">
        <v>0</v>
      </c>
      <c r="MV18" s="109">
        <v>155801</v>
      </c>
      <c r="MW18" s="109">
        <v>575386</v>
      </c>
      <c r="MX18" s="109">
        <v>2084428</v>
      </c>
      <c r="MY18" s="109">
        <v>1023721</v>
      </c>
      <c r="MZ18" s="110">
        <v>3839336</v>
      </c>
      <c r="NA18" s="130">
        <v>3839336</v>
      </c>
      <c r="NB18" s="129">
        <v>0</v>
      </c>
      <c r="NC18" s="109">
        <v>0</v>
      </c>
      <c r="ND18" s="110">
        <v>0</v>
      </c>
      <c r="NE18" s="132"/>
      <c r="NF18" s="109">
        <v>0</v>
      </c>
      <c r="NG18" s="109">
        <v>603923</v>
      </c>
      <c r="NH18" s="109">
        <v>1442912</v>
      </c>
      <c r="NI18" s="109">
        <v>1265623</v>
      </c>
      <c r="NJ18" s="109">
        <v>541615</v>
      </c>
      <c r="NK18" s="110">
        <v>3854073</v>
      </c>
      <c r="NL18" s="298">
        <v>3854073</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293393</v>
      </c>
      <c r="OF18" s="109">
        <v>0</v>
      </c>
      <c r="OG18" s="110">
        <v>293393</v>
      </c>
      <c r="OH18" s="111">
        <v>293393</v>
      </c>
      <c r="OI18" s="129">
        <v>868038</v>
      </c>
      <c r="OJ18" s="109">
        <v>2022014</v>
      </c>
      <c r="OK18" s="128">
        <v>2890052</v>
      </c>
      <c r="OL18" s="108">
        <v>0</v>
      </c>
      <c r="OM18" s="109">
        <v>7157684</v>
      </c>
      <c r="ON18" s="109">
        <v>9164857</v>
      </c>
      <c r="OO18" s="109">
        <v>11353204</v>
      </c>
      <c r="OP18" s="109">
        <v>14046652</v>
      </c>
      <c r="OQ18" s="109">
        <v>7482930</v>
      </c>
      <c r="OR18" s="110">
        <v>49205327</v>
      </c>
      <c r="OS18" s="130">
        <v>52095379</v>
      </c>
    </row>
    <row r="19" spans="2:409" ht="21" customHeight="1" x14ac:dyDescent="0.2">
      <c r="B19" s="472" t="s">
        <v>13</v>
      </c>
      <c r="C19" s="100">
        <v>345974</v>
      </c>
      <c r="D19" s="104">
        <v>592929</v>
      </c>
      <c r="E19" s="103">
        <v>938903</v>
      </c>
      <c r="F19" s="100">
        <v>0</v>
      </c>
      <c r="G19" s="157">
        <v>3255023</v>
      </c>
      <c r="H19" s="104">
        <v>4512523</v>
      </c>
      <c r="I19" s="104">
        <v>4129041</v>
      </c>
      <c r="J19" s="104">
        <v>3953163</v>
      </c>
      <c r="K19" s="104">
        <v>3895497</v>
      </c>
      <c r="L19" s="102">
        <v>19745247</v>
      </c>
      <c r="M19" s="106">
        <v>20684150</v>
      </c>
      <c r="N19" s="100">
        <v>131883</v>
      </c>
      <c r="O19" s="104">
        <v>180991</v>
      </c>
      <c r="P19" s="103">
        <v>312874</v>
      </c>
      <c r="Q19" s="100">
        <v>0</v>
      </c>
      <c r="R19" s="104">
        <v>1034763</v>
      </c>
      <c r="S19" s="104">
        <v>2166057</v>
      </c>
      <c r="T19" s="104">
        <v>1641641</v>
      </c>
      <c r="U19" s="104">
        <v>1421128</v>
      </c>
      <c r="V19" s="104">
        <v>2526311</v>
      </c>
      <c r="W19" s="103">
        <v>8789900</v>
      </c>
      <c r="X19" s="106">
        <v>9102774</v>
      </c>
      <c r="Y19" s="100">
        <v>0</v>
      </c>
      <c r="Z19" s="104">
        <v>0</v>
      </c>
      <c r="AA19" s="103">
        <v>0</v>
      </c>
      <c r="AB19" s="100">
        <v>0</v>
      </c>
      <c r="AC19" s="104">
        <v>374465</v>
      </c>
      <c r="AD19" s="104">
        <v>1211005</v>
      </c>
      <c r="AE19" s="104">
        <v>981259</v>
      </c>
      <c r="AF19" s="104">
        <v>605475</v>
      </c>
      <c r="AG19" s="104">
        <v>1705610</v>
      </c>
      <c r="AH19" s="103">
        <v>4877814</v>
      </c>
      <c r="AI19" s="106">
        <v>4877814</v>
      </c>
      <c r="AJ19" s="100">
        <v>0</v>
      </c>
      <c r="AK19" s="104">
        <v>0</v>
      </c>
      <c r="AL19" s="103">
        <v>0</v>
      </c>
      <c r="AM19" s="100">
        <v>0</v>
      </c>
      <c r="AN19" s="104">
        <v>0</v>
      </c>
      <c r="AO19" s="104">
        <v>0</v>
      </c>
      <c r="AP19" s="104">
        <v>0</v>
      </c>
      <c r="AQ19" s="104">
        <v>134245</v>
      </c>
      <c r="AR19" s="104">
        <v>0</v>
      </c>
      <c r="AS19" s="103">
        <v>134245</v>
      </c>
      <c r="AT19" s="106">
        <v>134245</v>
      </c>
      <c r="AU19" s="100">
        <v>50844</v>
      </c>
      <c r="AV19" s="104">
        <v>138676</v>
      </c>
      <c r="AW19" s="103">
        <v>189520</v>
      </c>
      <c r="AX19" s="100">
        <v>0</v>
      </c>
      <c r="AY19" s="104">
        <v>494133</v>
      </c>
      <c r="AZ19" s="104">
        <v>520562</v>
      </c>
      <c r="BA19" s="104">
        <v>414829</v>
      </c>
      <c r="BB19" s="104">
        <v>384791</v>
      </c>
      <c r="BC19" s="104">
        <v>427087</v>
      </c>
      <c r="BD19" s="103">
        <v>2241402</v>
      </c>
      <c r="BE19" s="106">
        <v>2430922</v>
      </c>
      <c r="BF19" s="100">
        <v>0</v>
      </c>
      <c r="BG19" s="104">
        <v>0</v>
      </c>
      <c r="BH19" s="102">
        <v>0</v>
      </c>
      <c r="BI19" s="101">
        <v>0</v>
      </c>
      <c r="BJ19" s="104">
        <v>14013</v>
      </c>
      <c r="BK19" s="104">
        <v>155631</v>
      </c>
      <c r="BL19" s="104">
        <v>0</v>
      </c>
      <c r="BM19" s="104">
        <v>50336</v>
      </c>
      <c r="BN19" s="104">
        <v>119711</v>
      </c>
      <c r="BO19" s="103">
        <v>339691</v>
      </c>
      <c r="BP19" s="106">
        <v>339691</v>
      </c>
      <c r="BQ19" s="100">
        <v>81039</v>
      </c>
      <c r="BR19" s="104">
        <v>42315</v>
      </c>
      <c r="BS19" s="103">
        <v>123354</v>
      </c>
      <c r="BT19" s="100">
        <v>0</v>
      </c>
      <c r="BU19" s="104">
        <v>152152</v>
      </c>
      <c r="BV19" s="104">
        <v>278859</v>
      </c>
      <c r="BW19" s="104">
        <v>245553</v>
      </c>
      <c r="BX19" s="104">
        <v>246281</v>
      </c>
      <c r="BY19" s="104">
        <v>273903</v>
      </c>
      <c r="BZ19" s="103">
        <v>1196748</v>
      </c>
      <c r="CA19" s="106">
        <v>1320102</v>
      </c>
      <c r="CB19" s="100">
        <v>0</v>
      </c>
      <c r="CC19" s="104">
        <v>0</v>
      </c>
      <c r="CD19" s="103">
        <v>0</v>
      </c>
      <c r="CE19" s="100">
        <v>0</v>
      </c>
      <c r="CF19" s="104">
        <v>687710</v>
      </c>
      <c r="CG19" s="104">
        <v>881759</v>
      </c>
      <c r="CH19" s="104">
        <v>667375</v>
      </c>
      <c r="CI19" s="104">
        <v>332455</v>
      </c>
      <c r="CJ19" s="104">
        <v>114494</v>
      </c>
      <c r="CK19" s="103">
        <v>2683793</v>
      </c>
      <c r="CL19" s="106">
        <v>2683793</v>
      </c>
      <c r="CM19" s="100">
        <v>0</v>
      </c>
      <c r="CN19" s="104">
        <v>0</v>
      </c>
      <c r="CO19" s="103">
        <v>0</v>
      </c>
      <c r="CP19" s="101">
        <v>0</v>
      </c>
      <c r="CQ19" s="104">
        <v>663848</v>
      </c>
      <c r="CR19" s="104">
        <v>767279</v>
      </c>
      <c r="CS19" s="104">
        <v>524363</v>
      </c>
      <c r="CT19" s="104">
        <v>133693</v>
      </c>
      <c r="CU19" s="104">
        <v>17101</v>
      </c>
      <c r="CV19" s="103">
        <v>2106284</v>
      </c>
      <c r="CW19" s="106">
        <v>2106284</v>
      </c>
      <c r="CX19" s="100">
        <v>0</v>
      </c>
      <c r="CY19" s="104">
        <v>0</v>
      </c>
      <c r="CZ19" s="103">
        <v>0</v>
      </c>
      <c r="DA19" s="100">
        <v>0</v>
      </c>
      <c r="DB19" s="104">
        <v>23862</v>
      </c>
      <c r="DC19" s="104">
        <v>114480</v>
      </c>
      <c r="DD19" s="104">
        <v>143012</v>
      </c>
      <c r="DE19" s="104">
        <v>198762</v>
      </c>
      <c r="DF19" s="104">
        <v>97393</v>
      </c>
      <c r="DG19" s="103">
        <v>577509</v>
      </c>
      <c r="DH19" s="106">
        <v>577509</v>
      </c>
      <c r="DI19" s="100">
        <v>0</v>
      </c>
      <c r="DJ19" s="104">
        <v>0</v>
      </c>
      <c r="DK19" s="102">
        <v>0</v>
      </c>
      <c r="DL19" s="101">
        <v>0</v>
      </c>
      <c r="DM19" s="104">
        <v>154988</v>
      </c>
      <c r="DN19" s="104">
        <v>47194</v>
      </c>
      <c r="DO19" s="104">
        <v>57117</v>
      </c>
      <c r="DP19" s="104">
        <v>125146</v>
      </c>
      <c r="DQ19" s="104">
        <v>0</v>
      </c>
      <c r="DR19" s="103">
        <v>384445</v>
      </c>
      <c r="DS19" s="106">
        <v>384445</v>
      </c>
      <c r="DT19" s="100">
        <v>0</v>
      </c>
      <c r="DU19" s="104">
        <v>0</v>
      </c>
      <c r="DV19" s="103">
        <v>0</v>
      </c>
      <c r="DW19" s="100">
        <v>0</v>
      </c>
      <c r="DX19" s="104">
        <v>22672</v>
      </c>
      <c r="DY19" s="104">
        <v>47194</v>
      </c>
      <c r="DZ19" s="104">
        <v>57117</v>
      </c>
      <c r="EA19" s="104">
        <v>89150</v>
      </c>
      <c r="EB19" s="104">
        <v>0</v>
      </c>
      <c r="EC19" s="103">
        <v>216133</v>
      </c>
      <c r="ED19" s="106">
        <v>216133</v>
      </c>
      <c r="EE19" s="100">
        <v>0</v>
      </c>
      <c r="EF19" s="102">
        <v>0</v>
      </c>
      <c r="EG19" s="103">
        <v>0</v>
      </c>
      <c r="EH19" s="100">
        <v>0</v>
      </c>
      <c r="EI19" s="104">
        <v>132316</v>
      </c>
      <c r="EJ19" s="104">
        <v>0</v>
      </c>
      <c r="EK19" s="104">
        <v>0</v>
      </c>
      <c r="EL19" s="104">
        <v>35996</v>
      </c>
      <c r="EM19" s="104">
        <v>0</v>
      </c>
      <c r="EN19" s="102">
        <v>168312</v>
      </c>
      <c r="EO19" s="106">
        <v>168312</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28896</v>
      </c>
      <c r="FM19" s="104">
        <v>85778</v>
      </c>
      <c r="FN19" s="103">
        <v>114674</v>
      </c>
      <c r="FO19" s="100">
        <v>0</v>
      </c>
      <c r="FP19" s="104">
        <v>74795</v>
      </c>
      <c r="FQ19" s="104">
        <v>417326</v>
      </c>
      <c r="FR19" s="104">
        <v>333634</v>
      </c>
      <c r="FS19" s="104">
        <v>135646</v>
      </c>
      <c r="FT19" s="104">
        <v>213493</v>
      </c>
      <c r="FU19" s="103">
        <v>1174894</v>
      </c>
      <c r="FV19" s="106">
        <v>1289568</v>
      </c>
      <c r="FW19" s="105">
        <v>16296</v>
      </c>
      <c r="FX19" s="104">
        <v>85778</v>
      </c>
      <c r="FY19" s="102">
        <v>102074</v>
      </c>
      <c r="FZ19" s="101">
        <v>0</v>
      </c>
      <c r="GA19" s="104">
        <v>74795</v>
      </c>
      <c r="GB19" s="104">
        <v>378196</v>
      </c>
      <c r="GC19" s="104">
        <v>297164</v>
      </c>
      <c r="GD19" s="104">
        <v>135646</v>
      </c>
      <c r="GE19" s="104">
        <v>181293</v>
      </c>
      <c r="GF19" s="103">
        <v>1067094</v>
      </c>
      <c r="GG19" s="296">
        <v>1169168</v>
      </c>
      <c r="GH19" s="105">
        <v>12600</v>
      </c>
      <c r="GI19" s="104">
        <v>0</v>
      </c>
      <c r="GJ19" s="102">
        <v>12600</v>
      </c>
      <c r="GK19" s="101">
        <v>0</v>
      </c>
      <c r="GL19" s="104">
        <v>0</v>
      </c>
      <c r="GM19" s="104">
        <v>13090</v>
      </c>
      <c r="GN19" s="104">
        <v>0</v>
      </c>
      <c r="GO19" s="104">
        <v>0</v>
      </c>
      <c r="GP19" s="104">
        <v>0</v>
      </c>
      <c r="GQ19" s="103">
        <v>13090</v>
      </c>
      <c r="GR19" s="106">
        <v>25690</v>
      </c>
      <c r="GS19" s="100">
        <v>0</v>
      </c>
      <c r="GT19" s="104">
        <v>0</v>
      </c>
      <c r="GU19" s="103">
        <v>0</v>
      </c>
      <c r="GV19" s="100">
        <v>0</v>
      </c>
      <c r="GW19" s="104">
        <v>0</v>
      </c>
      <c r="GX19" s="104">
        <v>26040</v>
      </c>
      <c r="GY19" s="104">
        <v>36470</v>
      </c>
      <c r="GZ19" s="104">
        <v>0</v>
      </c>
      <c r="HA19" s="104">
        <v>32200</v>
      </c>
      <c r="HB19" s="102">
        <v>94710</v>
      </c>
      <c r="HC19" s="106">
        <v>94710</v>
      </c>
      <c r="HD19" s="100">
        <v>185195</v>
      </c>
      <c r="HE19" s="104">
        <v>326160</v>
      </c>
      <c r="HF19" s="102">
        <v>511355</v>
      </c>
      <c r="HG19" s="101">
        <v>0</v>
      </c>
      <c r="HH19" s="104">
        <v>1302767</v>
      </c>
      <c r="HI19" s="104">
        <v>1000187</v>
      </c>
      <c r="HJ19" s="104">
        <v>1429274</v>
      </c>
      <c r="HK19" s="104">
        <v>1938788</v>
      </c>
      <c r="HL19" s="104">
        <v>1041199</v>
      </c>
      <c r="HM19" s="103">
        <v>6712215</v>
      </c>
      <c r="HN19" s="99">
        <v>7223570</v>
      </c>
      <c r="HO19" s="306"/>
      <c r="HP19" s="307"/>
      <c r="HQ19" s="308"/>
      <c r="HR19" s="309"/>
      <c r="HS19" s="307"/>
      <c r="HT19" s="307"/>
      <c r="HU19" s="307"/>
      <c r="HV19" s="307"/>
      <c r="HW19" s="307"/>
      <c r="HX19" s="310"/>
      <c r="HY19" s="311"/>
      <c r="HZ19" s="118">
        <v>0</v>
      </c>
      <c r="IA19" s="119">
        <v>0</v>
      </c>
      <c r="IB19" s="120">
        <v>0</v>
      </c>
      <c r="IC19" s="133">
        <v>0</v>
      </c>
      <c r="ID19" s="119">
        <v>348597</v>
      </c>
      <c r="IE19" s="134">
        <v>1188653</v>
      </c>
      <c r="IF19" s="120">
        <v>525656</v>
      </c>
      <c r="IG19" s="119">
        <v>195440</v>
      </c>
      <c r="IH19" s="120">
        <v>231896</v>
      </c>
      <c r="II19" s="135">
        <v>2490242</v>
      </c>
      <c r="IJ19" s="126">
        <v>2490242</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321377</v>
      </c>
      <c r="JL19" s="109">
        <v>755487</v>
      </c>
      <c r="JM19" s="109">
        <v>316520</v>
      </c>
      <c r="JN19" s="109">
        <v>182839</v>
      </c>
      <c r="JO19" s="109">
        <v>30205</v>
      </c>
      <c r="JP19" s="110">
        <v>1606428</v>
      </c>
      <c r="JQ19" s="298">
        <v>1606428</v>
      </c>
      <c r="JR19" s="129">
        <v>0</v>
      </c>
      <c r="JS19" s="109">
        <v>0</v>
      </c>
      <c r="JT19" s="128">
        <v>0</v>
      </c>
      <c r="JU19" s="108">
        <v>0</v>
      </c>
      <c r="JV19" s="109">
        <v>27220</v>
      </c>
      <c r="JW19" s="109">
        <v>66135</v>
      </c>
      <c r="JX19" s="109">
        <v>0</v>
      </c>
      <c r="JY19" s="109">
        <v>0</v>
      </c>
      <c r="JZ19" s="109">
        <v>0</v>
      </c>
      <c r="KA19" s="110">
        <v>93355</v>
      </c>
      <c r="KB19" s="298">
        <v>93355</v>
      </c>
      <c r="KC19" s="221">
        <v>0</v>
      </c>
      <c r="KD19" s="217">
        <v>0</v>
      </c>
      <c r="KE19" s="110">
        <v>0</v>
      </c>
      <c r="KF19" s="108">
        <v>0</v>
      </c>
      <c r="KG19" s="109">
        <v>0</v>
      </c>
      <c r="KH19" s="109">
        <v>149396</v>
      </c>
      <c r="KI19" s="109">
        <v>209136</v>
      </c>
      <c r="KJ19" s="109">
        <v>0</v>
      </c>
      <c r="KK19" s="109">
        <v>0</v>
      </c>
      <c r="KL19" s="110">
        <v>358532</v>
      </c>
      <c r="KM19" s="130">
        <v>358532</v>
      </c>
      <c r="KN19" s="219">
        <v>0</v>
      </c>
      <c r="KO19" s="223">
        <v>0</v>
      </c>
      <c r="KP19" s="224">
        <v>0</v>
      </c>
      <c r="KQ19" s="127"/>
      <c r="KR19" s="109">
        <v>0</v>
      </c>
      <c r="KS19" s="109">
        <v>217635</v>
      </c>
      <c r="KT19" s="109">
        <v>0</v>
      </c>
      <c r="KU19" s="109">
        <v>12601</v>
      </c>
      <c r="KV19" s="109">
        <v>0</v>
      </c>
      <c r="KW19" s="110">
        <v>230236</v>
      </c>
      <c r="KX19" s="298">
        <v>230236</v>
      </c>
      <c r="KY19" s="129">
        <v>0</v>
      </c>
      <c r="KZ19" s="109">
        <v>0</v>
      </c>
      <c r="LA19" s="110">
        <v>0</v>
      </c>
      <c r="LB19" s="132"/>
      <c r="LC19" s="109">
        <v>0</v>
      </c>
      <c r="LD19" s="109">
        <v>0</v>
      </c>
      <c r="LE19" s="109">
        <v>0</v>
      </c>
      <c r="LF19" s="109">
        <v>0</v>
      </c>
      <c r="LG19" s="109">
        <v>201691</v>
      </c>
      <c r="LH19" s="110">
        <v>201691</v>
      </c>
      <c r="LI19" s="111">
        <v>201691</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v>0</v>
      </c>
      <c r="MJ19" s="109">
        <v>294647</v>
      </c>
      <c r="MK19" s="109">
        <v>561794</v>
      </c>
      <c r="ML19" s="109">
        <v>884745</v>
      </c>
      <c r="MM19" s="109">
        <v>1825301</v>
      </c>
      <c r="MN19" s="109">
        <v>2393932</v>
      </c>
      <c r="MO19" s="110">
        <v>5960419</v>
      </c>
      <c r="MP19" s="130">
        <v>5960419</v>
      </c>
      <c r="MQ19" s="129">
        <v>0</v>
      </c>
      <c r="MR19" s="109">
        <v>0</v>
      </c>
      <c r="MS19" s="110">
        <v>0</v>
      </c>
      <c r="MT19" s="132">
        <v>0</v>
      </c>
      <c r="MU19" s="109">
        <v>0</v>
      </c>
      <c r="MV19" s="109">
        <v>0</v>
      </c>
      <c r="MW19" s="109">
        <v>408991</v>
      </c>
      <c r="MX19" s="109">
        <v>1281397</v>
      </c>
      <c r="MY19" s="109">
        <v>1502213</v>
      </c>
      <c r="MZ19" s="110">
        <v>3192601</v>
      </c>
      <c r="NA19" s="130">
        <v>3192601</v>
      </c>
      <c r="NB19" s="129">
        <v>0</v>
      </c>
      <c r="NC19" s="109">
        <v>0</v>
      </c>
      <c r="ND19" s="110">
        <v>0</v>
      </c>
      <c r="NE19" s="132"/>
      <c r="NF19" s="109">
        <v>294647</v>
      </c>
      <c r="NG19" s="109">
        <v>561794</v>
      </c>
      <c r="NH19" s="109">
        <v>475754</v>
      </c>
      <c r="NI19" s="109">
        <v>543904</v>
      </c>
      <c r="NJ19" s="109">
        <v>891719</v>
      </c>
      <c r="NK19" s="110">
        <v>2767818</v>
      </c>
      <c r="NL19" s="298">
        <v>2767818</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345974</v>
      </c>
      <c r="OJ19" s="109">
        <v>592929</v>
      </c>
      <c r="OK19" s="128">
        <v>938903</v>
      </c>
      <c r="OL19" s="108">
        <v>0</v>
      </c>
      <c r="OM19" s="109">
        <v>3898267</v>
      </c>
      <c r="ON19" s="109">
        <v>6262970</v>
      </c>
      <c r="OO19" s="109">
        <v>5539442</v>
      </c>
      <c r="OP19" s="109">
        <v>5973904</v>
      </c>
      <c r="OQ19" s="109">
        <v>6521325</v>
      </c>
      <c r="OR19" s="110">
        <v>28195908</v>
      </c>
      <c r="OS19" s="130">
        <v>29134811</v>
      </c>
    </row>
    <row r="20" spans="2:409" ht="21" customHeight="1" x14ac:dyDescent="0.2">
      <c r="B20" s="472" t="s">
        <v>15</v>
      </c>
      <c r="C20" s="100">
        <v>89681</v>
      </c>
      <c r="D20" s="104">
        <v>146644</v>
      </c>
      <c r="E20" s="103">
        <v>236325</v>
      </c>
      <c r="F20" s="99">
        <v>0</v>
      </c>
      <c r="G20" s="104">
        <v>967466</v>
      </c>
      <c r="H20" s="104">
        <v>1218039</v>
      </c>
      <c r="I20" s="104">
        <v>841005</v>
      </c>
      <c r="J20" s="104">
        <v>1677943</v>
      </c>
      <c r="K20" s="104">
        <v>1187756</v>
      </c>
      <c r="L20" s="99">
        <v>5892209</v>
      </c>
      <c r="M20" s="106">
        <v>6128534</v>
      </c>
      <c r="N20" s="100">
        <v>13174</v>
      </c>
      <c r="O20" s="104">
        <v>43316</v>
      </c>
      <c r="P20" s="103">
        <v>56490</v>
      </c>
      <c r="Q20" s="100">
        <v>0</v>
      </c>
      <c r="R20" s="104">
        <v>110933</v>
      </c>
      <c r="S20" s="104">
        <v>196344</v>
      </c>
      <c r="T20" s="104">
        <v>131214</v>
      </c>
      <c r="U20" s="104">
        <v>478878</v>
      </c>
      <c r="V20" s="104">
        <v>728008</v>
      </c>
      <c r="W20" s="103">
        <v>1645377</v>
      </c>
      <c r="X20" s="106">
        <v>1701867</v>
      </c>
      <c r="Y20" s="100">
        <v>0</v>
      </c>
      <c r="Z20" s="104">
        <v>0</v>
      </c>
      <c r="AA20" s="103">
        <v>0</v>
      </c>
      <c r="AB20" s="100">
        <v>0</v>
      </c>
      <c r="AC20" s="104">
        <v>75951</v>
      </c>
      <c r="AD20" s="104">
        <v>67113</v>
      </c>
      <c r="AE20" s="104">
        <v>21128</v>
      </c>
      <c r="AF20" s="104">
        <v>237313</v>
      </c>
      <c r="AG20" s="104">
        <v>208764</v>
      </c>
      <c r="AH20" s="103">
        <v>610269</v>
      </c>
      <c r="AI20" s="106">
        <v>610269</v>
      </c>
      <c r="AJ20" s="100">
        <v>0</v>
      </c>
      <c r="AK20" s="104">
        <v>0</v>
      </c>
      <c r="AL20" s="103">
        <v>0</v>
      </c>
      <c r="AM20" s="100">
        <v>0</v>
      </c>
      <c r="AN20" s="104">
        <v>0</v>
      </c>
      <c r="AO20" s="104">
        <v>0</v>
      </c>
      <c r="AP20" s="104">
        <v>0</v>
      </c>
      <c r="AQ20" s="104">
        <v>0</v>
      </c>
      <c r="AR20" s="104">
        <v>204602</v>
      </c>
      <c r="AS20" s="103">
        <v>204602</v>
      </c>
      <c r="AT20" s="106">
        <v>204602</v>
      </c>
      <c r="AU20" s="100">
        <v>0</v>
      </c>
      <c r="AV20" s="104">
        <v>7381</v>
      </c>
      <c r="AW20" s="103">
        <v>7381</v>
      </c>
      <c r="AX20" s="100">
        <v>0</v>
      </c>
      <c r="AY20" s="104">
        <v>11042</v>
      </c>
      <c r="AZ20" s="104">
        <v>27248</v>
      </c>
      <c r="BA20" s="104">
        <v>64166</v>
      </c>
      <c r="BB20" s="104">
        <v>164215</v>
      </c>
      <c r="BC20" s="104">
        <v>141356</v>
      </c>
      <c r="BD20" s="103">
        <v>408027</v>
      </c>
      <c r="BE20" s="106">
        <v>415408</v>
      </c>
      <c r="BF20" s="100">
        <v>0</v>
      </c>
      <c r="BG20" s="104">
        <v>18491</v>
      </c>
      <c r="BH20" s="102">
        <v>18491</v>
      </c>
      <c r="BI20" s="101">
        <v>0</v>
      </c>
      <c r="BJ20" s="104">
        <v>0</v>
      </c>
      <c r="BK20" s="104">
        <v>0</v>
      </c>
      <c r="BL20" s="104">
        <v>0</v>
      </c>
      <c r="BM20" s="104">
        <v>0</v>
      </c>
      <c r="BN20" s="104">
        <v>90147</v>
      </c>
      <c r="BO20" s="103">
        <v>90147</v>
      </c>
      <c r="BP20" s="106">
        <v>108638</v>
      </c>
      <c r="BQ20" s="100">
        <v>13174</v>
      </c>
      <c r="BR20" s="104">
        <v>17444</v>
      </c>
      <c r="BS20" s="103">
        <v>30618</v>
      </c>
      <c r="BT20" s="100">
        <v>0</v>
      </c>
      <c r="BU20" s="104">
        <v>23940</v>
      </c>
      <c r="BV20" s="104">
        <v>101983</v>
      </c>
      <c r="BW20" s="104">
        <v>45920</v>
      </c>
      <c r="BX20" s="104">
        <v>77350</v>
      </c>
      <c r="BY20" s="104">
        <v>83139</v>
      </c>
      <c r="BZ20" s="103">
        <v>332332</v>
      </c>
      <c r="CA20" s="106">
        <v>362950</v>
      </c>
      <c r="CB20" s="100">
        <v>0</v>
      </c>
      <c r="CC20" s="104">
        <v>0</v>
      </c>
      <c r="CD20" s="103">
        <v>0</v>
      </c>
      <c r="CE20" s="100">
        <v>0</v>
      </c>
      <c r="CF20" s="104">
        <v>130747</v>
      </c>
      <c r="CG20" s="104">
        <v>370063</v>
      </c>
      <c r="CH20" s="104">
        <v>76554</v>
      </c>
      <c r="CI20" s="104">
        <v>292018</v>
      </c>
      <c r="CJ20" s="104">
        <v>168915</v>
      </c>
      <c r="CK20" s="103">
        <v>1038297</v>
      </c>
      <c r="CL20" s="106">
        <v>1038297</v>
      </c>
      <c r="CM20" s="100">
        <v>0</v>
      </c>
      <c r="CN20" s="104">
        <v>0</v>
      </c>
      <c r="CO20" s="103">
        <v>0</v>
      </c>
      <c r="CP20" s="101">
        <v>0</v>
      </c>
      <c r="CQ20" s="104">
        <v>100738</v>
      </c>
      <c r="CR20" s="104">
        <v>259271</v>
      </c>
      <c r="CS20" s="104">
        <v>8468</v>
      </c>
      <c r="CT20" s="104">
        <v>85605</v>
      </c>
      <c r="CU20" s="104">
        <v>0</v>
      </c>
      <c r="CV20" s="103">
        <v>454082</v>
      </c>
      <c r="CW20" s="106">
        <v>454082</v>
      </c>
      <c r="CX20" s="100">
        <v>0</v>
      </c>
      <c r="CY20" s="104">
        <v>0</v>
      </c>
      <c r="CZ20" s="103">
        <v>0</v>
      </c>
      <c r="DA20" s="100">
        <v>0</v>
      </c>
      <c r="DB20" s="104">
        <v>30009</v>
      </c>
      <c r="DC20" s="104">
        <v>110792</v>
      </c>
      <c r="DD20" s="104">
        <v>68086</v>
      </c>
      <c r="DE20" s="104">
        <v>206413</v>
      </c>
      <c r="DF20" s="104">
        <v>168915</v>
      </c>
      <c r="DG20" s="103">
        <v>584215</v>
      </c>
      <c r="DH20" s="106">
        <v>584215</v>
      </c>
      <c r="DI20" s="100">
        <v>0</v>
      </c>
      <c r="DJ20" s="104">
        <v>0</v>
      </c>
      <c r="DK20" s="102">
        <v>0</v>
      </c>
      <c r="DL20" s="101">
        <v>0</v>
      </c>
      <c r="DM20" s="104">
        <v>0</v>
      </c>
      <c r="DN20" s="104">
        <v>0</v>
      </c>
      <c r="DO20" s="104">
        <v>239179</v>
      </c>
      <c r="DP20" s="104">
        <v>78157</v>
      </c>
      <c r="DQ20" s="104">
        <v>0</v>
      </c>
      <c r="DR20" s="103">
        <v>317336</v>
      </c>
      <c r="DS20" s="106">
        <v>317336</v>
      </c>
      <c r="DT20" s="100">
        <v>0</v>
      </c>
      <c r="DU20" s="104">
        <v>0</v>
      </c>
      <c r="DV20" s="103">
        <v>0</v>
      </c>
      <c r="DW20" s="100">
        <v>0</v>
      </c>
      <c r="DX20" s="104">
        <v>0</v>
      </c>
      <c r="DY20" s="104">
        <v>0</v>
      </c>
      <c r="DZ20" s="104">
        <v>239179</v>
      </c>
      <c r="EA20" s="104">
        <v>78157</v>
      </c>
      <c r="EB20" s="104">
        <v>0</v>
      </c>
      <c r="EC20" s="103">
        <v>317336</v>
      </c>
      <c r="ED20" s="106">
        <v>317336</v>
      </c>
      <c r="EE20" s="100">
        <v>0</v>
      </c>
      <c r="EF20" s="102">
        <v>0</v>
      </c>
      <c r="EG20" s="103">
        <v>0</v>
      </c>
      <c r="EH20" s="100">
        <v>0</v>
      </c>
      <c r="EI20" s="104">
        <v>0</v>
      </c>
      <c r="EJ20" s="104">
        <v>0</v>
      </c>
      <c r="EK20" s="104">
        <v>0</v>
      </c>
      <c r="EL20" s="104">
        <v>0</v>
      </c>
      <c r="EM20" s="104">
        <v>0</v>
      </c>
      <c r="EN20" s="102">
        <v>0</v>
      </c>
      <c r="EO20" s="106">
        <v>0</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26250</v>
      </c>
      <c r="FM20" s="104">
        <v>22050</v>
      </c>
      <c r="FN20" s="103">
        <v>48300</v>
      </c>
      <c r="FO20" s="100">
        <v>0</v>
      </c>
      <c r="FP20" s="104">
        <v>31276</v>
      </c>
      <c r="FQ20" s="104">
        <v>194430</v>
      </c>
      <c r="FR20" s="104">
        <v>48216</v>
      </c>
      <c r="FS20" s="104">
        <v>273154</v>
      </c>
      <c r="FT20" s="104">
        <v>84028</v>
      </c>
      <c r="FU20" s="103">
        <v>631104</v>
      </c>
      <c r="FV20" s="106">
        <v>679404</v>
      </c>
      <c r="FW20" s="105">
        <v>1050</v>
      </c>
      <c r="FX20" s="104">
        <v>22050</v>
      </c>
      <c r="FY20" s="102">
        <v>23100</v>
      </c>
      <c r="FZ20" s="101">
        <v>0</v>
      </c>
      <c r="GA20" s="104">
        <v>31276</v>
      </c>
      <c r="GB20" s="104">
        <v>118830</v>
      </c>
      <c r="GC20" s="104">
        <v>48216</v>
      </c>
      <c r="GD20" s="104">
        <v>133154</v>
      </c>
      <c r="GE20" s="104">
        <v>84028</v>
      </c>
      <c r="GF20" s="103">
        <v>415504</v>
      </c>
      <c r="GG20" s="296">
        <v>438604</v>
      </c>
      <c r="GH20" s="105">
        <v>0</v>
      </c>
      <c r="GI20" s="104">
        <v>0</v>
      </c>
      <c r="GJ20" s="102">
        <v>0</v>
      </c>
      <c r="GK20" s="101">
        <v>0</v>
      </c>
      <c r="GL20" s="104">
        <v>0</v>
      </c>
      <c r="GM20" s="104">
        <v>0</v>
      </c>
      <c r="GN20" s="104">
        <v>0</v>
      </c>
      <c r="GO20" s="104">
        <v>0</v>
      </c>
      <c r="GP20" s="104">
        <v>0</v>
      </c>
      <c r="GQ20" s="103">
        <v>0</v>
      </c>
      <c r="GR20" s="106">
        <v>0</v>
      </c>
      <c r="GS20" s="100">
        <v>25200</v>
      </c>
      <c r="GT20" s="104">
        <v>0</v>
      </c>
      <c r="GU20" s="103">
        <v>25200</v>
      </c>
      <c r="GV20" s="100">
        <v>0</v>
      </c>
      <c r="GW20" s="104">
        <v>0</v>
      </c>
      <c r="GX20" s="104">
        <v>75600</v>
      </c>
      <c r="GY20" s="104">
        <v>0</v>
      </c>
      <c r="GZ20" s="104">
        <v>140000</v>
      </c>
      <c r="HA20" s="104">
        <v>0</v>
      </c>
      <c r="HB20" s="102">
        <v>215600</v>
      </c>
      <c r="HC20" s="106">
        <v>240800</v>
      </c>
      <c r="HD20" s="100">
        <v>50257</v>
      </c>
      <c r="HE20" s="104">
        <v>81278</v>
      </c>
      <c r="HF20" s="102">
        <v>131535</v>
      </c>
      <c r="HG20" s="101">
        <v>0</v>
      </c>
      <c r="HH20" s="104">
        <v>694510</v>
      </c>
      <c r="HI20" s="104">
        <v>457202</v>
      </c>
      <c r="HJ20" s="104">
        <v>345842</v>
      </c>
      <c r="HK20" s="104">
        <v>555736</v>
      </c>
      <c r="HL20" s="104">
        <v>206805</v>
      </c>
      <c r="HM20" s="103">
        <v>2260095</v>
      </c>
      <c r="HN20" s="99">
        <v>2391630</v>
      </c>
      <c r="HO20" s="306"/>
      <c r="HP20" s="307"/>
      <c r="HQ20" s="308"/>
      <c r="HR20" s="309"/>
      <c r="HS20" s="307"/>
      <c r="HT20" s="307"/>
      <c r="HU20" s="307"/>
      <c r="HV20" s="307"/>
      <c r="HW20" s="307"/>
      <c r="HX20" s="310"/>
      <c r="HY20" s="311"/>
      <c r="HZ20" s="137">
        <v>0</v>
      </c>
      <c r="IA20" s="122">
        <v>0</v>
      </c>
      <c r="IB20" s="137">
        <v>0</v>
      </c>
      <c r="IC20" s="121">
        <v>0</v>
      </c>
      <c r="ID20" s="122">
        <v>173228</v>
      </c>
      <c r="IE20" s="123">
        <v>871499</v>
      </c>
      <c r="IF20" s="124">
        <v>343469</v>
      </c>
      <c r="IG20" s="122">
        <v>511609</v>
      </c>
      <c r="IH20" s="124">
        <v>72477</v>
      </c>
      <c r="II20" s="125">
        <v>1972282</v>
      </c>
      <c r="IJ20" s="137">
        <v>1972282</v>
      </c>
      <c r="IK20" s="219">
        <v>0</v>
      </c>
      <c r="IL20" s="223">
        <v>0</v>
      </c>
      <c r="IM20" s="224">
        <v>0</v>
      </c>
      <c r="IN20" s="127"/>
      <c r="IO20" s="109">
        <v>0</v>
      </c>
      <c r="IP20" s="109">
        <v>0</v>
      </c>
      <c r="IQ20" s="109">
        <v>171561</v>
      </c>
      <c r="IR20" s="109">
        <v>0</v>
      </c>
      <c r="IS20" s="109">
        <v>0</v>
      </c>
      <c r="IT20" s="128">
        <v>171561</v>
      </c>
      <c r="IU20" s="298">
        <v>171561</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173228</v>
      </c>
      <c r="JL20" s="109">
        <v>253096</v>
      </c>
      <c r="JM20" s="109">
        <v>171908</v>
      </c>
      <c r="JN20" s="109">
        <v>62191</v>
      </c>
      <c r="JO20" s="109">
        <v>72477</v>
      </c>
      <c r="JP20" s="110">
        <v>732900</v>
      </c>
      <c r="JQ20" s="298">
        <v>732900</v>
      </c>
      <c r="JR20" s="129">
        <v>0</v>
      </c>
      <c r="JS20" s="109">
        <v>0</v>
      </c>
      <c r="JT20" s="128">
        <v>0</v>
      </c>
      <c r="JU20" s="108">
        <v>0</v>
      </c>
      <c r="JV20" s="109">
        <v>0</v>
      </c>
      <c r="JW20" s="109">
        <v>0</v>
      </c>
      <c r="JX20" s="109">
        <v>0</v>
      </c>
      <c r="JY20" s="109">
        <v>0</v>
      </c>
      <c r="JZ20" s="109">
        <v>0</v>
      </c>
      <c r="KA20" s="110">
        <v>0</v>
      </c>
      <c r="KB20" s="298">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127"/>
      <c r="KR20" s="109">
        <v>0</v>
      </c>
      <c r="KS20" s="109">
        <v>618403</v>
      </c>
      <c r="KT20" s="109">
        <v>0</v>
      </c>
      <c r="KU20" s="109">
        <v>216675</v>
      </c>
      <c r="KV20" s="109">
        <v>0</v>
      </c>
      <c r="KW20" s="110">
        <v>835078</v>
      </c>
      <c r="KX20" s="298">
        <v>835078</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32743</v>
      </c>
      <c r="LR20" s="109">
        <v>0</v>
      </c>
      <c r="LS20" s="110">
        <v>232743</v>
      </c>
      <c r="LT20" s="298">
        <v>232743</v>
      </c>
      <c r="LU20" s="129">
        <v>0</v>
      </c>
      <c r="LV20" s="109">
        <v>0</v>
      </c>
      <c r="LW20" s="110">
        <v>0</v>
      </c>
      <c r="LX20" s="132"/>
      <c r="LY20" s="109">
        <v>0</v>
      </c>
      <c r="LZ20" s="109">
        <v>0</v>
      </c>
      <c r="MA20" s="109">
        <v>0</v>
      </c>
      <c r="MB20" s="109">
        <v>0</v>
      </c>
      <c r="MC20" s="109">
        <v>0</v>
      </c>
      <c r="MD20" s="110">
        <v>0</v>
      </c>
      <c r="ME20" s="111">
        <v>0</v>
      </c>
      <c r="MF20" s="129">
        <v>0</v>
      </c>
      <c r="MG20" s="109">
        <v>0</v>
      </c>
      <c r="MH20" s="110">
        <v>0</v>
      </c>
      <c r="MI20" s="132">
        <v>0</v>
      </c>
      <c r="MJ20" s="109">
        <v>0</v>
      </c>
      <c r="MK20" s="109">
        <v>0</v>
      </c>
      <c r="ML20" s="109">
        <v>449940</v>
      </c>
      <c r="MM20" s="109">
        <v>897613</v>
      </c>
      <c r="MN20" s="109">
        <v>486371</v>
      </c>
      <c r="MO20" s="110">
        <v>1833924</v>
      </c>
      <c r="MP20" s="130">
        <v>1833924</v>
      </c>
      <c r="MQ20" s="129">
        <v>0</v>
      </c>
      <c r="MR20" s="109">
        <v>0</v>
      </c>
      <c r="MS20" s="110">
        <v>0</v>
      </c>
      <c r="MT20" s="132">
        <v>0</v>
      </c>
      <c r="MU20" s="109">
        <v>0</v>
      </c>
      <c r="MV20" s="109">
        <v>0</v>
      </c>
      <c r="MW20" s="109">
        <v>192991</v>
      </c>
      <c r="MX20" s="109">
        <v>397763</v>
      </c>
      <c r="MY20" s="109">
        <v>221816</v>
      </c>
      <c r="MZ20" s="110">
        <v>812570</v>
      </c>
      <c r="NA20" s="130">
        <v>812570</v>
      </c>
      <c r="NB20" s="129">
        <v>0</v>
      </c>
      <c r="NC20" s="109">
        <v>0</v>
      </c>
      <c r="ND20" s="110">
        <v>0</v>
      </c>
      <c r="NE20" s="132"/>
      <c r="NF20" s="109">
        <v>0</v>
      </c>
      <c r="NG20" s="109">
        <v>0</v>
      </c>
      <c r="NH20" s="109">
        <v>256949</v>
      </c>
      <c r="NI20" s="109">
        <v>499850</v>
      </c>
      <c r="NJ20" s="109">
        <v>264555</v>
      </c>
      <c r="NK20" s="110">
        <v>1021354</v>
      </c>
      <c r="NL20" s="298">
        <v>1021354</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89681</v>
      </c>
      <c r="OJ20" s="109">
        <v>146644</v>
      </c>
      <c r="OK20" s="128">
        <v>236325</v>
      </c>
      <c r="OL20" s="108">
        <v>0</v>
      </c>
      <c r="OM20" s="109">
        <v>1140694</v>
      </c>
      <c r="ON20" s="109">
        <v>2089538</v>
      </c>
      <c r="OO20" s="109">
        <v>1634414</v>
      </c>
      <c r="OP20" s="109">
        <v>3087165</v>
      </c>
      <c r="OQ20" s="109">
        <v>1746604</v>
      </c>
      <c r="OR20" s="110">
        <v>9698415</v>
      </c>
      <c r="OS20" s="130">
        <v>9934740</v>
      </c>
    </row>
    <row r="21" spans="2:409" ht="21" customHeight="1" x14ac:dyDescent="0.2">
      <c r="B21" s="472" t="s">
        <v>16</v>
      </c>
      <c r="C21" s="100">
        <v>393078</v>
      </c>
      <c r="D21" s="104">
        <v>390662</v>
      </c>
      <c r="E21" s="103">
        <v>783740</v>
      </c>
      <c r="F21" s="99">
        <v>0</v>
      </c>
      <c r="G21" s="104">
        <v>3651725</v>
      </c>
      <c r="H21" s="104">
        <v>6231491</v>
      </c>
      <c r="I21" s="104">
        <v>4641953</v>
      </c>
      <c r="J21" s="104">
        <v>3837697</v>
      </c>
      <c r="K21" s="104">
        <v>1926489</v>
      </c>
      <c r="L21" s="99">
        <v>20289355</v>
      </c>
      <c r="M21" s="106">
        <v>21073095</v>
      </c>
      <c r="N21" s="100">
        <v>53862</v>
      </c>
      <c r="O21" s="104">
        <v>52695</v>
      </c>
      <c r="P21" s="103">
        <v>106557</v>
      </c>
      <c r="Q21" s="100">
        <v>0</v>
      </c>
      <c r="R21" s="104">
        <v>500049</v>
      </c>
      <c r="S21" s="104">
        <v>1628170</v>
      </c>
      <c r="T21" s="104">
        <v>810434</v>
      </c>
      <c r="U21" s="104">
        <v>1002991</v>
      </c>
      <c r="V21" s="104">
        <v>477018</v>
      </c>
      <c r="W21" s="103">
        <v>4418662</v>
      </c>
      <c r="X21" s="106">
        <v>4525219</v>
      </c>
      <c r="Y21" s="100">
        <v>0</v>
      </c>
      <c r="Z21" s="104">
        <v>0</v>
      </c>
      <c r="AA21" s="103">
        <v>0</v>
      </c>
      <c r="AB21" s="100">
        <v>0</v>
      </c>
      <c r="AC21" s="104">
        <v>186026</v>
      </c>
      <c r="AD21" s="104">
        <v>780573</v>
      </c>
      <c r="AE21" s="104">
        <v>296287</v>
      </c>
      <c r="AF21" s="104">
        <v>597466</v>
      </c>
      <c r="AG21" s="104">
        <v>128461</v>
      </c>
      <c r="AH21" s="103">
        <v>1988813</v>
      </c>
      <c r="AI21" s="106">
        <v>1988813</v>
      </c>
      <c r="AJ21" s="100">
        <v>0</v>
      </c>
      <c r="AK21" s="104">
        <v>0</v>
      </c>
      <c r="AL21" s="103">
        <v>0</v>
      </c>
      <c r="AM21" s="100">
        <v>0</v>
      </c>
      <c r="AN21" s="104">
        <v>0</v>
      </c>
      <c r="AO21" s="104">
        <v>39846</v>
      </c>
      <c r="AP21" s="104">
        <v>0</v>
      </c>
      <c r="AQ21" s="104">
        <v>61355</v>
      </c>
      <c r="AR21" s="104">
        <v>79700</v>
      </c>
      <c r="AS21" s="103">
        <v>180901</v>
      </c>
      <c r="AT21" s="106">
        <v>180901</v>
      </c>
      <c r="AU21" s="100">
        <v>33163</v>
      </c>
      <c r="AV21" s="104">
        <v>34383</v>
      </c>
      <c r="AW21" s="103">
        <v>67546</v>
      </c>
      <c r="AX21" s="100">
        <v>0</v>
      </c>
      <c r="AY21" s="104">
        <v>162607</v>
      </c>
      <c r="AZ21" s="104">
        <v>519277</v>
      </c>
      <c r="BA21" s="104">
        <v>266690</v>
      </c>
      <c r="BB21" s="104">
        <v>160413</v>
      </c>
      <c r="BC21" s="104">
        <v>154330</v>
      </c>
      <c r="BD21" s="103">
        <v>1263317</v>
      </c>
      <c r="BE21" s="106">
        <v>1330863</v>
      </c>
      <c r="BF21" s="100">
        <v>0</v>
      </c>
      <c r="BG21" s="104">
        <v>0</v>
      </c>
      <c r="BH21" s="102">
        <v>0</v>
      </c>
      <c r="BI21" s="101">
        <v>0</v>
      </c>
      <c r="BJ21" s="104">
        <v>62215</v>
      </c>
      <c r="BK21" s="104">
        <v>34563</v>
      </c>
      <c r="BL21" s="104">
        <v>27650</v>
      </c>
      <c r="BM21" s="104">
        <v>0</v>
      </c>
      <c r="BN21" s="104">
        <v>0</v>
      </c>
      <c r="BO21" s="103">
        <v>124428</v>
      </c>
      <c r="BP21" s="106">
        <v>124428</v>
      </c>
      <c r="BQ21" s="100">
        <v>20699</v>
      </c>
      <c r="BR21" s="104">
        <v>18312</v>
      </c>
      <c r="BS21" s="103">
        <v>39011</v>
      </c>
      <c r="BT21" s="100">
        <v>0</v>
      </c>
      <c r="BU21" s="104">
        <v>89201</v>
      </c>
      <c r="BV21" s="104">
        <v>253911</v>
      </c>
      <c r="BW21" s="104">
        <v>219807</v>
      </c>
      <c r="BX21" s="104">
        <v>183757</v>
      </c>
      <c r="BY21" s="104">
        <v>114527</v>
      </c>
      <c r="BZ21" s="103">
        <v>861203</v>
      </c>
      <c r="CA21" s="106">
        <v>900214</v>
      </c>
      <c r="CB21" s="100">
        <v>18424</v>
      </c>
      <c r="CC21" s="104">
        <v>171074</v>
      </c>
      <c r="CD21" s="103">
        <v>189498</v>
      </c>
      <c r="CE21" s="100">
        <v>0</v>
      </c>
      <c r="CF21" s="104">
        <v>1771574</v>
      </c>
      <c r="CG21" s="104">
        <v>2351465</v>
      </c>
      <c r="CH21" s="104">
        <v>1249035</v>
      </c>
      <c r="CI21" s="104">
        <v>540490</v>
      </c>
      <c r="CJ21" s="104">
        <v>184105</v>
      </c>
      <c r="CK21" s="103">
        <v>6096669</v>
      </c>
      <c r="CL21" s="106">
        <v>6286167</v>
      </c>
      <c r="CM21" s="100">
        <v>0</v>
      </c>
      <c r="CN21" s="104">
        <v>0</v>
      </c>
      <c r="CO21" s="103">
        <v>0</v>
      </c>
      <c r="CP21" s="101">
        <v>0</v>
      </c>
      <c r="CQ21" s="104">
        <v>1178930</v>
      </c>
      <c r="CR21" s="104">
        <v>1328885</v>
      </c>
      <c r="CS21" s="104">
        <v>808239</v>
      </c>
      <c r="CT21" s="104">
        <v>267306</v>
      </c>
      <c r="CU21" s="104">
        <v>85461</v>
      </c>
      <c r="CV21" s="103">
        <v>3668821</v>
      </c>
      <c r="CW21" s="106">
        <v>3668821</v>
      </c>
      <c r="CX21" s="100">
        <v>18424</v>
      </c>
      <c r="CY21" s="104">
        <v>171074</v>
      </c>
      <c r="CZ21" s="103">
        <v>189498</v>
      </c>
      <c r="DA21" s="100">
        <v>0</v>
      </c>
      <c r="DB21" s="104">
        <v>592644</v>
      </c>
      <c r="DC21" s="104">
        <v>1022580</v>
      </c>
      <c r="DD21" s="104">
        <v>440796</v>
      </c>
      <c r="DE21" s="104">
        <v>273184</v>
      </c>
      <c r="DF21" s="104">
        <v>98644</v>
      </c>
      <c r="DG21" s="103">
        <v>2427848</v>
      </c>
      <c r="DH21" s="106">
        <v>2617346</v>
      </c>
      <c r="DI21" s="100">
        <v>0</v>
      </c>
      <c r="DJ21" s="104">
        <v>27600</v>
      </c>
      <c r="DK21" s="102">
        <v>27600</v>
      </c>
      <c r="DL21" s="101">
        <v>0</v>
      </c>
      <c r="DM21" s="104">
        <v>280925</v>
      </c>
      <c r="DN21" s="104">
        <v>154487</v>
      </c>
      <c r="DO21" s="104">
        <v>223818</v>
      </c>
      <c r="DP21" s="104">
        <v>42084</v>
      </c>
      <c r="DQ21" s="104">
        <v>20217</v>
      </c>
      <c r="DR21" s="103">
        <v>721531</v>
      </c>
      <c r="DS21" s="106">
        <v>749131</v>
      </c>
      <c r="DT21" s="100">
        <v>0</v>
      </c>
      <c r="DU21" s="104">
        <v>27600</v>
      </c>
      <c r="DV21" s="103">
        <v>27600</v>
      </c>
      <c r="DW21" s="100">
        <v>0</v>
      </c>
      <c r="DX21" s="104">
        <v>245589</v>
      </c>
      <c r="DY21" s="104">
        <v>154487</v>
      </c>
      <c r="DZ21" s="104">
        <v>175210</v>
      </c>
      <c r="EA21" s="104">
        <v>42084</v>
      </c>
      <c r="EB21" s="104">
        <v>20217</v>
      </c>
      <c r="EC21" s="103">
        <v>637587</v>
      </c>
      <c r="ED21" s="106">
        <v>665187</v>
      </c>
      <c r="EE21" s="100">
        <v>0</v>
      </c>
      <c r="EF21" s="102">
        <v>0</v>
      </c>
      <c r="EG21" s="103">
        <v>0</v>
      </c>
      <c r="EH21" s="100">
        <v>0</v>
      </c>
      <c r="EI21" s="104">
        <v>35336</v>
      </c>
      <c r="EJ21" s="104">
        <v>0</v>
      </c>
      <c r="EK21" s="104">
        <v>48608</v>
      </c>
      <c r="EL21" s="104">
        <v>0</v>
      </c>
      <c r="EM21" s="104">
        <v>0</v>
      </c>
      <c r="EN21" s="102">
        <v>83944</v>
      </c>
      <c r="EO21" s="106">
        <v>83944</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99246</v>
      </c>
      <c r="FM21" s="104">
        <v>59080</v>
      </c>
      <c r="FN21" s="103">
        <v>158326</v>
      </c>
      <c r="FO21" s="100">
        <v>0</v>
      </c>
      <c r="FP21" s="104">
        <v>138313</v>
      </c>
      <c r="FQ21" s="104">
        <v>513492</v>
      </c>
      <c r="FR21" s="104">
        <v>357756</v>
      </c>
      <c r="FS21" s="104">
        <v>305725</v>
      </c>
      <c r="FT21" s="104">
        <v>246113</v>
      </c>
      <c r="FU21" s="103">
        <v>1561399</v>
      </c>
      <c r="FV21" s="106">
        <v>1719725</v>
      </c>
      <c r="FW21" s="105">
        <v>36246</v>
      </c>
      <c r="FX21" s="104">
        <v>59080</v>
      </c>
      <c r="FY21" s="102">
        <v>95326</v>
      </c>
      <c r="FZ21" s="101">
        <v>0</v>
      </c>
      <c r="GA21" s="104">
        <v>138313</v>
      </c>
      <c r="GB21" s="104">
        <v>489237</v>
      </c>
      <c r="GC21" s="104">
        <v>278201</v>
      </c>
      <c r="GD21" s="104">
        <v>305725</v>
      </c>
      <c r="GE21" s="104">
        <v>246113</v>
      </c>
      <c r="GF21" s="103">
        <v>1457589</v>
      </c>
      <c r="GG21" s="296">
        <v>1552915</v>
      </c>
      <c r="GH21" s="105">
        <v>0</v>
      </c>
      <c r="GI21" s="104">
        <v>0</v>
      </c>
      <c r="GJ21" s="102">
        <v>0</v>
      </c>
      <c r="GK21" s="101">
        <v>0</v>
      </c>
      <c r="GL21" s="104">
        <v>0</v>
      </c>
      <c r="GM21" s="104">
        <v>24255</v>
      </c>
      <c r="GN21" s="104">
        <v>24255</v>
      </c>
      <c r="GO21" s="104">
        <v>0</v>
      </c>
      <c r="GP21" s="104">
        <v>0</v>
      </c>
      <c r="GQ21" s="103">
        <v>48510</v>
      </c>
      <c r="GR21" s="106">
        <v>48510</v>
      </c>
      <c r="GS21" s="100">
        <v>63000</v>
      </c>
      <c r="GT21" s="104">
        <v>0</v>
      </c>
      <c r="GU21" s="103">
        <v>63000</v>
      </c>
      <c r="GV21" s="100">
        <v>0</v>
      </c>
      <c r="GW21" s="104">
        <v>0</v>
      </c>
      <c r="GX21" s="104">
        <v>0</v>
      </c>
      <c r="GY21" s="104">
        <v>55300</v>
      </c>
      <c r="GZ21" s="104">
        <v>0</v>
      </c>
      <c r="HA21" s="104">
        <v>0</v>
      </c>
      <c r="HB21" s="102">
        <v>55300</v>
      </c>
      <c r="HC21" s="106">
        <v>118300</v>
      </c>
      <c r="HD21" s="100">
        <v>221546</v>
      </c>
      <c r="HE21" s="104">
        <v>80213</v>
      </c>
      <c r="HF21" s="102">
        <v>301759</v>
      </c>
      <c r="HG21" s="101">
        <v>0</v>
      </c>
      <c r="HH21" s="104">
        <v>960864</v>
      </c>
      <c r="HI21" s="104">
        <v>1583877</v>
      </c>
      <c r="HJ21" s="104">
        <v>2000910</v>
      </c>
      <c r="HK21" s="104">
        <v>1946407</v>
      </c>
      <c r="HL21" s="104">
        <v>999036</v>
      </c>
      <c r="HM21" s="103">
        <v>7491094</v>
      </c>
      <c r="HN21" s="99">
        <v>7792853</v>
      </c>
      <c r="HO21" s="306"/>
      <c r="HP21" s="307"/>
      <c r="HQ21" s="308"/>
      <c r="HR21" s="309"/>
      <c r="HS21" s="307"/>
      <c r="HT21" s="307"/>
      <c r="HU21" s="307"/>
      <c r="HV21" s="307"/>
      <c r="HW21" s="307"/>
      <c r="HX21" s="310"/>
      <c r="HY21" s="311"/>
      <c r="HZ21" s="118">
        <v>0</v>
      </c>
      <c r="IA21" s="119">
        <v>44448</v>
      </c>
      <c r="IB21" s="120">
        <v>44448</v>
      </c>
      <c r="IC21" s="133">
        <v>0</v>
      </c>
      <c r="ID21" s="119">
        <v>480994</v>
      </c>
      <c r="IE21" s="134">
        <v>1082017</v>
      </c>
      <c r="IF21" s="120">
        <v>1037449</v>
      </c>
      <c r="IG21" s="119">
        <v>654116</v>
      </c>
      <c r="IH21" s="120">
        <v>1454695</v>
      </c>
      <c r="II21" s="135">
        <v>4709271</v>
      </c>
      <c r="IJ21" s="126">
        <v>4753719</v>
      </c>
      <c r="IK21" s="219">
        <v>0</v>
      </c>
      <c r="IL21" s="223">
        <v>0</v>
      </c>
      <c r="IM21" s="224">
        <v>0</v>
      </c>
      <c r="IN21" s="127"/>
      <c r="IO21" s="109">
        <v>0</v>
      </c>
      <c r="IP21" s="109">
        <v>0</v>
      </c>
      <c r="IQ21" s="109">
        <v>0</v>
      </c>
      <c r="IR21" s="109">
        <v>0</v>
      </c>
      <c r="IS21" s="109">
        <v>598356</v>
      </c>
      <c r="IT21" s="128">
        <v>598356</v>
      </c>
      <c r="IU21" s="298">
        <v>598356</v>
      </c>
      <c r="IV21" s="129">
        <v>0</v>
      </c>
      <c r="IW21" s="109">
        <v>0</v>
      </c>
      <c r="IX21" s="110">
        <v>0</v>
      </c>
      <c r="IY21" s="131"/>
      <c r="IZ21" s="109">
        <v>0</v>
      </c>
      <c r="JA21" s="109">
        <v>0</v>
      </c>
      <c r="JB21" s="109">
        <v>0</v>
      </c>
      <c r="JC21" s="109">
        <v>14347</v>
      </c>
      <c r="JD21" s="109">
        <v>14347</v>
      </c>
      <c r="JE21" s="110">
        <v>28694</v>
      </c>
      <c r="JF21" s="111">
        <v>28694</v>
      </c>
      <c r="JG21" s="129">
        <v>0</v>
      </c>
      <c r="JH21" s="109">
        <v>0</v>
      </c>
      <c r="JI21" s="128">
        <v>0</v>
      </c>
      <c r="JJ21" s="108">
        <v>0</v>
      </c>
      <c r="JK21" s="109">
        <v>294472</v>
      </c>
      <c r="JL21" s="109">
        <v>294442</v>
      </c>
      <c r="JM21" s="109">
        <v>545386</v>
      </c>
      <c r="JN21" s="109">
        <v>190809</v>
      </c>
      <c r="JO21" s="109">
        <v>148186</v>
      </c>
      <c r="JP21" s="110">
        <v>1473295</v>
      </c>
      <c r="JQ21" s="298">
        <v>1473295</v>
      </c>
      <c r="JR21" s="129">
        <v>0</v>
      </c>
      <c r="JS21" s="109">
        <v>0</v>
      </c>
      <c r="JT21" s="128">
        <v>0</v>
      </c>
      <c r="JU21" s="108">
        <v>0</v>
      </c>
      <c r="JV21" s="109">
        <v>0</v>
      </c>
      <c r="JW21" s="109">
        <v>218121</v>
      </c>
      <c r="JX21" s="109">
        <v>0</v>
      </c>
      <c r="JY21" s="109">
        <v>0</v>
      </c>
      <c r="JZ21" s="109">
        <v>0</v>
      </c>
      <c r="KA21" s="110">
        <v>218121</v>
      </c>
      <c r="KB21" s="298">
        <v>218121</v>
      </c>
      <c r="KC21" s="221">
        <v>0</v>
      </c>
      <c r="KD21" s="217">
        <v>44448</v>
      </c>
      <c r="KE21" s="110">
        <v>44448</v>
      </c>
      <c r="KF21" s="108">
        <v>0</v>
      </c>
      <c r="KG21" s="109">
        <v>186522</v>
      </c>
      <c r="KH21" s="109">
        <v>158734</v>
      </c>
      <c r="KI21" s="109">
        <v>0</v>
      </c>
      <c r="KJ21" s="109">
        <v>232859</v>
      </c>
      <c r="KK21" s="109">
        <v>250973</v>
      </c>
      <c r="KL21" s="110">
        <v>829088</v>
      </c>
      <c r="KM21" s="130">
        <v>873536</v>
      </c>
      <c r="KN21" s="219">
        <v>0</v>
      </c>
      <c r="KO21" s="223">
        <v>0</v>
      </c>
      <c r="KP21" s="224">
        <v>0</v>
      </c>
      <c r="KQ21" s="127"/>
      <c r="KR21" s="109">
        <v>0</v>
      </c>
      <c r="KS21" s="109">
        <v>410720</v>
      </c>
      <c r="KT21" s="109">
        <v>492063</v>
      </c>
      <c r="KU21" s="109">
        <v>216101</v>
      </c>
      <c r="KV21" s="109">
        <v>442833</v>
      </c>
      <c r="KW21" s="110">
        <v>1561717</v>
      </c>
      <c r="KX21" s="298">
        <v>1561717</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0</v>
      </c>
      <c r="MA21" s="109">
        <v>0</v>
      </c>
      <c r="MB21" s="109">
        <v>0</v>
      </c>
      <c r="MC21" s="109">
        <v>0</v>
      </c>
      <c r="MD21" s="110">
        <v>0</v>
      </c>
      <c r="ME21" s="111">
        <v>0</v>
      </c>
      <c r="MF21" s="129">
        <v>0</v>
      </c>
      <c r="MG21" s="109">
        <v>0</v>
      </c>
      <c r="MH21" s="110">
        <v>0</v>
      </c>
      <c r="MI21" s="132">
        <v>0</v>
      </c>
      <c r="MJ21" s="109">
        <v>194131</v>
      </c>
      <c r="MK21" s="109">
        <v>113348</v>
      </c>
      <c r="ML21" s="109">
        <v>2005129</v>
      </c>
      <c r="MM21" s="109">
        <v>2388498</v>
      </c>
      <c r="MN21" s="109">
        <v>1188118</v>
      </c>
      <c r="MO21" s="110">
        <v>5889224</v>
      </c>
      <c r="MP21" s="130">
        <v>5889224</v>
      </c>
      <c r="MQ21" s="129">
        <v>0</v>
      </c>
      <c r="MR21" s="109">
        <v>0</v>
      </c>
      <c r="MS21" s="110">
        <v>0</v>
      </c>
      <c r="MT21" s="132">
        <v>0</v>
      </c>
      <c r="MU21" s="109">
        <v>0</v>
      </c>
      <c r="MV21" s="109">
        <v>0</v>
      </c>
      <c r="MW21" s="109">
        <v>1005648</v>
      </c>
      <c r="MX21" s="109">
        <v>1961489</v>
      </c>
      <c r="MY21" s="109">
        <v>372475</v>
      </c>
      <c r="MZ21" s="110">
        <v>3339612</v>
      </c>
      <c r="NA21" s="130">
        <v>3339612</v>
      </c>
      <c r="NB21" s="129">
        <v>0</v>
      </c>
      <c r="NC21" s="109">
        <v>0</v>
      </c>
      <c r="ND21" s="110">
        <v>0</v>
      </c>
      <c r="NE21" s="132"/>
      <c r="NF21" s="109">
        <v>194131</v>
      </c>
      <c r="NG21" s="109">
        <v>113348</v>
      </c>
      <c r="NH21" s="109">
        <v>999481</v>
      </c>
      <c r="NI21" s="109">
        <v>427009</v>
      </c>
      <c r="NJ21" s="109">
        <v>815643</v>
      </c>
      <c r="NK21" s="110">
        <v>2549612</v>
      </c>
      <c r="NL21" s="298">
        <v>2549612</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393078</v>
      </c>
      <c r="OJ21" s="109">
        <v>435110</v>
      </c>
      <c r="OK21" s="128">
        <v>828188</v>
      </c>
      <c r="OL21" s="108">
        <v>0</v>
      </c>
      <c r="OM21" s="109">
        <v>4326850</v>
      </c>
      <c r="ON21" s="109">
        <v>7426856</v>
      </c>
      <c r="OO21" s="109">
        <v>7684531</v>
      </c>
      <c r="OP21" s="109">
        <v>6880311</v>
      </c>
      <c r="OQ21" s="109">
        <v>4569302</v>
      </c>
      <c r="OR21" s="110">
        <v>30887850</v>
      </c>
      <c r="OS21" s="130">
        <v>31716038</v>
      </c>
    </row>
    <row r="22" spans="2:409" ht="21" customHeight="1" x14ac:dyDescent="0.2">
      <c r="B22" s="472" t="s">
        <v>17</v>
      </c>
      <c r="C22" s="100">
        <v>541059</v>
      </c>
      <c r="D22" s="104">
        <v>722268</v>
      </c>
      <c r="E22" s="103">
        <v>1263327</v>
      </c>
      <c r="F22" s="99">
        <v>0</v>
      </c>
      <c r="G22" s="104">
        <v>4018949</v>
      </c>
      <c r="H22" s="104">
        <v>6155313</v>
      </c>
      <c r="I22" s="104">
        <v>6657151</v>
      </c>
      <c r="J22" s="104">
        <v>6982169</v>
      </c>
      <c r="K22" s="104">
        <v>3326503</v>
      </c>
      <c r="L22" s="99">
        <v>27140085</v>
      </c>
      <c r="M22" s="106">
        <v>28403412</v>
      </c>
      <c r="N22" s="100">
        <v>204028</v>
      </c>
      <c r="O22" s="104">
        <v>205788</v>
      </c>
      <c r="P22" s="103">
        <v>409816</v>
      </c>
      <c r="Q22" s="100">
        <v>0</v>
      </c>
      <c r="R22" s="104">
        <v>1027384</v>
      </c>
      <c r="S22" s="104">
        <v>1501105</v>
      </c>
      <c r="T22" s="104">
        <v>2317530</v>
      </c>
      <c r="U22" s="104">
        <v>1305240</v>
      </c>
      <c r="V22" s="104">
        <v>1116941</v>
      </c>
      <c r="W22" s="103">
        <v>7268200</v>
      </c>
      <c r="X22" s="106">
        <v>7678016</v>
      </c>
      <c r="Y22" s="100">
        <v>0</v>
      </c>
      <c r="Z22" s="104">
        <v>0</v>
      </c>
      <c r="AA22" s="103">
        <v>0</v>
      </c>
      <c r="AB22" s="100">
        <v>0</v>
      </c>
      <c r="AC22" s="104">
        <v>340116</v>
      </c>
      <c r="AD22" s="104">
        <v>688503</v>
      </c>
      <c r="AE22" s="104">
        <v>1228696</v>
      </c>
      <c r="AF22" s="104">
        <v>365279</v>
      </c>
      <c r="AG22" s="104">
        <v>516888</v>
      </c>
      <c r="AH22" s="103">
        <v>3139482</v>
      </c>
      <c r="AI22" s="106">
        <v>3139482</v>
      </c>
      <c r="AJ22" s="100">
        <v>0</v>
      </c>
      <c r="AK22" s="104">
        <v>0</v>
      </c>
      <c r="AL22" s="103">
        <v>0</v>
      </c>
      <c r="AM22" s="100">
        <v>0</v>
      </c>
      <c r="AN22" s="104">
        <v>0</v>
      </c>
      <c r="AO22" s="104">
        <v>11844</v>
      </c>
      <c r="AP22" s="104">
        <v>51149</v>
      </c>
      <c r="AQ22" s="104">
        <v>93270</v>
      </c>
      <c r="AR22" s="104">
        <v>114008</v>
      </c>
      <c r="AS22" s="103">
        <v>270271</v>
      </c>
      <c r="AT22" s="106">
        <v>270271</v>
      </c>
      <c r="AU22" s="100">
        <v>138925</v>
      </c>
      <c r="AV22" s="104">
        <v>162045</v>
      </c>
      <c r="AW22" s="103">
        <v>300970</v>
      </c>
      <c r="AX22" s="100">
        <v>0</v>
      </c>
      <c r="AY22" s="104">
        <v>470760</v>
      </c>
      <c r="AZ22" s="104">
        <v>555499</v>
      </c>
      <c r="BA22" s="104">
        <v>657912</v>
      </c>
      <c r="BB22" s="104">
        <v>309947</v>
      </c>
      <c r="BC22" s="104">
        <v>259574</v>
      </c>
      <c r="BD22" s="103">
        <v>2253692</v>
      </c>
      <c r="BE22" s="106">
        <v>2554662</v>
      </c>
      <c r="BF22" s="100">
        <v>23355</v>
      </c>
      <c r="BG22" s="104">
        <v>0</v>
      </c>
      <c r="BH22" s="102">
        <v>23355</v>
      </c>
      <c r="BI22" s="101">
        <v>0</v>
      </c>
      <c r="BJ22" s="104">
        <v>42040</v>
      </c>
      <c r="BK22" s="104">
        <v>0</v>
      </c>
      <c r="BL22" s="104">
        <v>124217</v>
      </c>
      <c r="BM22" s="104">
        <v>111144</v>
      </c>
      <c r="BN22" s="104">
        <v>0</v>
      </c>
      <c r="BO22" s="103">
        <v>277401</v>
      </c>
      <c r="BP22" s="106">
        <v>300756</v>
      </c>
      <c r="BQ22" s="100">
        <v>41748</v>
      </c>
      <c r="BR22" s="104">
        <v>43743</v>
      </c>
      <c r="BS22" s="103">
        <v>85491</v>
      </c>
      <c r="BT22" s="100">
        <v>0</v>
      </c>
      <c r="BU22" s="104">
        <v>174468</v>
      </c>
      <c r="BV22" s="104">
        <v>245259</v>
      </c>
      <c r="BW22" s="104">
        <v>255556</v>
      </c>
      <c r="BX22" s="104">
        <v>425600</v>
      </c>
      <c r="BY22" s="104">
        <v>226471</v>
      </c>
      <c r="BZ22" s="103">
        <v>1327354</v>
      </c>
      <c r="CA22" s="106">
        <v>1412845</v>
      </c>
      <c r="CB22" s="100">
        <v>110195</v>
      </c>
      <c r="CC22" s="104">
        <v>154360</v>
      </c>
      <c r="CD22" s="103">
        <v>264555</v>
      </c>
      <c r="CE22" s="100">
        <v>0</v>
      </c>
      <c r="CF22" s="104">
        <v>1368272</v>
      </c>
      <c r="CG22" s="104">
        <v>1955827</v>
      </c>
      <c r="CH22" s="104">
        <v>1875081</v>
      </c>
      <c r="CI22" s="104">
        <v>1392439</v>
      </c>
      <c r="CJ22" s="104">
        <v>328434</v>
      </c>
      <c r="CK22" s="103">
        <v>6920053</v>
      </c>
      <c r="CL22" s="106">
        <v>7184608</v>
      </c>
      <c r="CM22" s="100">
        <v>0</v>
      </c>
      <c r="CN22" s="104">
        <v>0</v>
      </c>
      <c r="CO22" s="103">
        <v>0</v>
      </c>
      <c r="CP22" s="101">
        <v>0</v>
      </c>
      <c r="CQ22" s="104">
        <v>1128882</v>
      </c>
      <c r="CR22" s="104">
        <v>1405446</v>
      </c>
      <c r="CS22" s="104">
        <v>1024337</v>
      </c>
      <c r="CT22" s="104">
        <v>969712</v>
      </c>
      <c r="CU22" s="104">
        <v>167089</v>
      </c>
      <c r="CV22" s="103">
        <v>4695466</v>
      </c>
      <c r="CW22" s="106">
        <v>4695466</v>
      </c>
      <c r="CX22" s="100">
        <v>110195</v>
      </c>
      <c r="CY22" s="104">
        <v>154360</v>
      </c>
      <c r="CZ22" s="103">
        <v>264555</v>
      </c>
      <c r="DA22" s="100">
        <v>0</v>
      </c>
      <c r="DB22" s="104">
        <v>239390</v>
      </c>
      <c r="DC22" s="104">
        <v>550381</v>
      </c>
      <c r="DD22" s="104">
        <v>850744</v>
      </c>
      <c r="DE22" s="104">
        <v>422727</v>
      </c>
      <c r="DF22" s="104">
        <v>161345</v>
      </c>
      <c r="DG22" s="103">
        <v>2224587</v>
      </c>
      <c r="DH22" s="106">
        <v>2489142</v>
      </c>
      <c r="DI22" s="100">
        <v>0</v>
      </c>
      <c r="DJ22" s="104">
        <v>0</v>
      </c>
      <c r="DK22" s="102">
        <v>0</v>
      </c>
      <c r="DL22" s="101">
        <v>0</v>
      </c>
      <c r="DM22" s="104">
        <v>84786</v>
      </c>
      <c r="DN22" s="104">
        <v>376806</v>
      </c>
      <c r="DO22" s="104">
        <v>489576</v>
      </c>
      <c r="DP22" s="104">
        <v>530226</v>
      </c>
      <c r="DQ22" s="104">
        <v>453772</v>
      </c>
      <c r="DR22" s="103">
        <v>1935166</v>
      </c>
      <c r="DS22" s="106">
        <v>1935166</v>
      </c>
      <c r="DT22" s="100">
        <v>0</v>
      </c>
      <c r="DU22" s="104">
        <v>0</v>
      </c>
      <c r="DV22" s="103">
        <v>0</v>
      </c>
      <c r="DW22" s="100">
        <v>0</v>
      </c>
      <c r="DX22" s="104">
        <v>13058</v>
      </c>
      <c r="DY22" s="104">
        <v>229587</v>
      </c>
      <c r="DZ22" s="104">
        <v>394077</v>
      </c>
      <c r="EA22" s="104">
        <v>443842</v>
      </c>
      <c r="EB22" s="104">
        <v>294613</v>
      </c>
      <c r="EC22" s="103">
        <v>1375177</v>
      </c>
      <c r="ED22" s="106">
        <v>1375177</v>
      </c>
      <c r="EE22" s="100">
        <v>0</v>
      </c>
      <c r="EF22" s="102">
        <v>0</v>
      </c>
      <c r="EG22" s="103">
        <v>0</v>
      </c>
      <c r="EH22" s="100">
        <v>0</v>
      </c>
      <c r="EI22" s="104">
        <v>71728</v>
      </c>
      <c r="EJ22" s="104">
        <v>147219</v>
      </c>
      <c r="EK22" s="104">
        <v>95499</v>
      </c>
      <c r="EL22" s="104">
        <v>86384</v>
      </c>
      <c r="EM22" s="104">
        <v>159159</v>
      </c>
      <c r="EN22" s="102">
        <v>559989</v>
      </c>
      <c r="EO22" s="106">
        <v>559989</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130060</v>
      </c>
      <c r="FM22" s="104">
        <v>121814</v>
      </c>
      <c r="FN22" s="103">
        <v>251874</v>
      </c>
      <c r="FO22" s="100">
        <v>0</v>
      </c>
      <c r="FP22" s="104">
        <v>124089</v>
      </c>
      <c r="FQ22" s="104">
        <v>869575</v>
      </c>
      <c r="FR22" s="104">
        <v>744814</v>
      </c>
      <c r="FS22" s="104">
        <v>382445</v>
      </c>
      <c r="FT22" s="104">
        <v>198275</v>
      </c>
      <c r="FU22" s="103">
        <v>2319198</v>
      </c>
      <c r="FV22" s="106">
        <v>2571072</v>
      </c>
      <c r="FW22" s="105">
        <v>130060</v>
      </c>
      <c r="FX22" s="104">
        <v>121814</v>
      </c>
      <c r="FY22" s="102">
        <v>251874</v>
      </c>
      <c r="FZ22" s="101">
        <v>0</v>
      </c>
      <c r="GA22" s="104">
        <v>107289</v>
      </c>
      <c r="GB22" s="104">
        <v>657671</v>
      </c>
      <c r="GC22" s="104">
        <v>652414</v>
      </c>
      <c r="GD22" s="104">
        <v>382445</v>
      </c>
      <c r="GE22" s="104">
        <v>198275</v>
      </c>
      <c r="GF22" s="103">
        <v>1998094</v>
      </c>
      <c r="GG22" s="296">
        <v>2249968</v>
      </c>
      <c r="GH22" s="105">
        <v>0</v>
      </c>
      <c r="GI22" s="104">
        <v>0</v>
      </c>
      <c r="GJ22" s="102">
        <v>0</v>
      </c>
      <c r="GK22" s="101">
        <v>0</v>
      </c>
      <c r="GL22" s="104">
        <v>0</v>
      </c>
      <c r="GM22" s="104">
        <v>48804</v>
      </c>
      <c r="GN22" s="104">
        <v>0</v>
      </c>
      <c r="GO22" s="104">
        <v>0</v>
      </c>
      <c r="GP22" s="104">
        <v>0</v>
      </c>
      <c r="GQ22" s="103">
        <v>48804</v>
      </c>
      <c r="GR22" s="106">
        <v>48804</v>
      </c>
      <c r="GS22" s="100">
        <v>0</v>
      </c>
      <c r="GT22" s="104">
        <v>0</v>
      </c>
      <c r="GU22" s="103">
        <v>0</v>
      </c>
      <c r="GV22" s="100">
        <v>0</v>
      </c>
      <c r="GW22" s="104">
        <v>16800</v>
      </c>
      <c r="GX22" s="104">
        <v>163100</v>
      </c>
      <c r="GY22" s="104">
        <v>92400</v>
      </c>
      <c r="GZ22" s="104">
        <v>0</v>
      </c>
      <c r="HA22" s="104">
        <v>0</v>
      </c>
      <c r="HB22" s="102">
        <v>272300</v>
      </c>
      <c r="HC22" s="106">
        <v>272300</v>
      </c>
      <c r="HD22" s="100">
        <v>96776</v>
      </c>
      <c r="HE22" s="104">
        <v>240306</v>
      </c>
      <c r="HF22" s="102">
        <v>337082</v>
      </c>
      <c r="HG22" s="101">
        <v>0</v>
      </c>
      <c r="HH22" s="104">
        <v>1414418</v>
      </c>
      <c r="HI22" s="104">
        <v>1452000</v>
      </c>
      <c r="HJ22" s="104">
        <v>1230150</v>
      </c>
      <c r="HK22" s="104">
        <v>3371819</v>
      </c>
      <c r="HL22" s="104">
        <v>1229081</v>
      </c>
      <c r="HM22" s="103">
        <v>8697468</v>
      </c>
      <c r="HN22" s="99">
        <v>9034550</v>
      </c>
      <c r="HO22" s="306"/>
      <c r="HP22" s="307"/>
      <c r="HQ22" s="308"/>
      <c r="HR22" s="309"/>
      <c r="HS22" s="307"/>
      <c r="HT22" s="307"/>
      <c r="HU22" s="307"/>
      <c r="HV22" s="307"/>
      <c r="HW22" s="307"/>
      <c r="HX22" s="310"/>
      <c r="HY22" s="311"/>
      <c r="HZ22" s="137">
        <v>0</v>
      </c>
      <c r="IA22" s="122">
        <v>0</v>
      </c>
      <c r="IB22" s="137">
        <v>0</v>
      </c>
      <c r="IC22" s="121">
        <v>0</v>
      </c>
      <c r="ID22" s="122">
        <v>933112</v>
      </c>
      <c r="IE22" s="123">
        <v>1876515</v>
      </c>
      <c r="IF22" s="124">
        <v>1583609</v>
      </c>
      <c r="IG22" s="122">
        <v>1902490</v>
      </c>
      <c r="IH22" s="124">
        <v>2568780</v>
      </c>
      <c r="II22" s="125">
        <v>8864506</v>
      </c>
      <c r="IJ22" s="137">
        <v>8864506</v>
      </c>
      <c r="IK22" s="219">
        <v>0</v>
      </c>
      <c r="IL22" s="223">
        <v>0</v>
      </c>
      <c r="IM22" s="224">
        <v>0</v>
      </c>
      <c r="IN22" s="127"/>
      <c r="IO22" s="109">
        <v>0</v>
      </c>
      <c r="IP22" s="109">
        <v>0</v>
      </c>
      <c r="IQ22" s="109">
        <v>0</v>
      </c>
      <c r="IR22" s="109">
        <v>0</v>
      </c>
      <c r="IS22" s="109">
        <v>0</v>
      </c>
      <c r="IT22" s="128">
        <v>0</v>
      </c>
      <c r="IU22" s="298">
        <v>0</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574749</v>
      </c>
      <c r="JL22" s="109">
        <v>717841</v>
      </c>
      <c r="JM22" s="109">
        <v>203245</v>
      </c>
      <c r="JN22" s="109">
        <v>546270</v>
      </c>
      <c r="JO22" s="109">
        <v>84727</v>
      </c>
      <c r="JP22" s="110">
        <v>2126832</v>
      </c>
      <c r="JQ22" s="298">
        <v>2126832</v>
      </c>
      <c r="JR22" s="129">
        <v>0</v>
      </c>
      <c r="JS22" s="109">
        <v>0</v>
      </c>
      <c r="JT22" s="128">
        <v>0</v>
      </c>
      <c r="JU22" s="108">
        <v>0</v>
      </c>
      <c r="JV22" s="109">
        <v>0</v>
      </c>
      <c r="JW22" s="109">
        <v>0</v>
      </c>
      <c r="JX22" s="109">
        <v>141254</v>
      </c>
      <c r="JY22" s="109">
        <v>0</v>
      </c>
      <c r="JZ22" s="109">
        <v>0</v>
      </c>
      <c r="KA22" s="110">
        <v>141254</v>
      </c>
      <c r="KB22" s="298">
        <v>141254</v>
      </c>
      <c r="KC22" s="221">
        <v>0</v>
      </c>
      <c r="KD22" s="217">
        <v>0</v>
      </c>
      <c r="KE22" s="110">
        <v>0</v>
      </c>
      <c r="KF22" s="108">
        <v>0</v>
      </c>
      <c r="KG22" s="109">
        <v>0</v>
      </c>
      <c r="KH22" s="109">
        <v>307425</v>
      </c>
      <c r="KI22" s="109">
        <v>803153</v>
      </c>
      <c r="KJ22" s="109">
        <v>229329</v>
      </c>
      <c r="KK22" s="109">
        <v>744578</v>
      </c>
      <c r="KL22" s="110">
        <v>2084485</v>
      </c>
      <c r="KM22" s="130">
        <v>2084485</v>
      </c>
      <c r="KN22" s="219">
        <v>0</v>
      </c>
      <c r="KO22" s="223">
        <v>0</v>
      </c>
      <c r="KP22" s="224">
        <v>0</v>
      </c>
      <c r="KQ22" s="127"/>
      <c r="KR22" s="109">
        <v>358363</v>
      </c>
      <c r="KS22" s="109">
        <v>851249</v>
      </c>
      <c r="KT22" s="109">
        <v>435957</v>
      </c>
      <c r="KU22" s="109">
        <v>675447</v>
      </c>
      <c r="KV22" s="109">
        <v>1254151</v>
      </c>
      <c r="KW22" s="110">
        <v>3575167</v>
      </c>
      <c r="KX22" s="298">
        <v>3575167</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0</v>
      </c>
      <c r="LQ22" s="109">
        <v>451444</v>
      </c>
      <c r="LR22" s="109">
        <v>485324</v>
      </c>
      <c r="LS22" s="110">
        <v>936768</v>
      </c>
      <c r="LT22" s="298">
        <v>936768</v>
      </c>
      <c r="LU22" s="129">
        <v>0</v>
      </c>
      <c r="LV22" s="109">
        <v>0</v>
      </c>
      <c r="LW22" s="110">
        <v>0</v>
      </c>
      <c r="LX22" s="132"/>
      <c r="LY22" s="109">
        <v>0</v>
      </c>
      <c r="LZ22" s="109">
        <v>0</v>
      </c>
      <c r="MA22" s="109">
        <v>0</v>
      </c>
      <c r="MB22" s="109">
        <v>0</v>
      </c>
      <c r="MC22" s="109">
        <v>0</v>
      </c>
      <c r="MD22" s="110">
        <v>0</v>
      </c>
      <c r="ME22" s="111">
        <v>0</v>
      </c>
      <c r="MF22" s="129">
        <v>0</v>
      </c>
      <c r="MG22" s="109">
        <v>0</v>
      </c>
      <c r="MH22" s="110">
        <v>0</v>
      </c>
      <c r="MI22" s="132">
        <v>0</v>
      </c>
      <c r="MJ22" s="109">
        <v>0</v>
      </c>
      <c r="MK22" s="109">
        <v>1702024</v>
      </c>
      <c r="ML22" s="109">
        <v>3592615</v>
      </c>
      <c r="MM22" s="109">
        <v>2939775</v>
      </c>
      <c r="MN22" s="109">
        <v>2574393</v>
      </c>
      <c r="MO22" s="110">
        <v>10808807</v>
      </c>
      <c r="MP22" s="130">
        <v>10808807</v>
      </c>
      <c r="MQ22" s="129">
        <v>0</v>
      </c>
      <c r="MR22" s="109">
        <v>0</v>
      </c>
      <c r="MS22" s="110">
        <v>0</v>
      </c>
      <c r="MT22" s="132">
        <v>0</v>
      </c>
      <c r="MU22" s="109">
        <v>0</v>
      </c>
      <c r="MV22" s="109">
        <v>205624</v>
      </c>
      <c r="MW22" s="109">
        <v>1941689</v>
      </c>
      <c r="MX22" s="109">
        <v>1585524</v>
      </c>
      <c r="MY22" s="109">
        <v>1209213</v>
      </c>
      <c r="MZ22" s="110">
        <v>4942050</v>
      </c>
      <c r="NA22" s="130">
        <v>4942050</v>
      </c>
      <c r="NB22" s="129">
        <v>0</v>
      </c>
      <c r="NC22" s="109">
        <v>0</v>
      </c>
      <c r="ND22" s="110">
        <v>0</v>
      </c>
      <c r="NE22" s="132"/>
      <c r="NF22" s="109">
        <v>0</v>
      </c>
      <c r="NG22" s="109">
        <v>1496400</v>
      </c>
      <c r="NH22" s="109">
        <v>1650926</v>
      </c>
      <c r="NI22" s="109">
        <v>1354251</v>
      </c>
      <c r="NJ22" s="109">
        <v>1019636</v>
      </c>
      <c r="NK22" s="110">
        <v>5521213</v>
      </c>
      <c r="NL22" s="298">
        <v>5521213</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345544</v>
      </c>
      <c r="OG22" s="110">
        <v>345544</v>
      </c>
      <c r="OH22" s="111">
        <v>345544</v>
      </c>
      <c r="OI22" s="129">
        <v>541059</v>
      </c>
      <c r="OJ22" s="109">
        <v>722268</v>
      </c>
      <c r="OK22" s="128">
        <v>1263327</v>
      </c>
      <c r="OL22" s="108">
        <v>0</v>
      </c>
      <c r="OM22" s="109">
        <v>4952061</v>
      </c>
      <c r="ON22" s="109">
        <v>9733852</v>
      </c>
      <c r="OO22" s="109">
        <v>11833375</v>
      </c>
      <c r="OP22" s="109">
        <v>11824434</v>
      </c>
      <c r="OQ22" s="109">
        <v>8469676</v>
      </c>
      <c r="OR22" s="110">
        <v>46813398</v>
      </c>
      <c r="OS22" s="130">
        <v>48076725</v>
      </c>
    </row>
    <row r="23" spans="2:409" ht="21" customHeight="1" x14ac:dyDescent="0.2">
      <c r="B23" s="472" t="s">
        <v>18</v>
      </c>
      <c r="C23" s="100">
        <v>630892</v>
      </c>
      <c r="D23" s="104">
        <v>784877</v>
      </c>
      <c r="E23" s="103">
        <v>1415769</v>
      </c>
      <c r="F23" s="99">
        <v>0</v>
      </c>
      <c r="G23" s="104">
        <v>6487498</v>
      </c>
      <c r="H23" s="104">
        <v>9343192</v>
      </c>
      <c r="I23" s="104">
        <v>6967966</v>
      </c>
      <c r="J23" s="104">
        <v>7125349</v>
      </c>
      <c r="K23" s="104">
        <v>5624496</v>
      </c>
      <c r="L23" s="99">
        <v>35548501</v>
      </c>
      <c r="M23" s="106">
        <v>36964270</v>
      </c>
      <c r="N23" s="100">
        <v>208055</v>
      </c>
      <c r="O23" s="104">
        <v>134861</v>
      </c>
      <c r="P23" s="103">
        <v>342916</v>
      </c>
      <c r="Q23" s="100">
        <v>0</v>
      </c>
      <c r="R23" s="104">
        <v>2332740</v>
      </c>
      <c r="S23" s="104">
        <v>2528199</v>
      </c>
      <c r="T23" s="104">
        <v>2330317</v>
      </c>
      <c r="U23" s="104">
        <v>3262607</v>
      </c>
      <c r="V23" s="104">
        <v>1941993</v>
      </c>
      <c r="W23" s="103">
        <v>12395856</v>
      </c>
      <c r="X23" s="106">
        <v>12738772</v>
      </c>
      <c r="Y23" s="100">
        <v>0</v>
      </c>
      <c r="Z23" s="104">
        <v>0</v>
      </c>
      <c r="AA23" s="103">
        <v>0</v>
      </c>
      <c r="AB23" s="100">
        <v>0</v>
      </c>
      <c r="AC23" s="104">
        <v>916868</v>
      </c>
      <c r="AD23" s="104">
        <v>908100</v>
      </c>
      <c r="AE23" s="104">
        <v>1013098</v>
      </c>
      <c r="AF23" s="104">
        <v>2487506</v>
      </c>
      <c r="AG23" s="104">
        <v>852532</v>
      </c>
      <c r="AH23" s="103">
        <v>6178104</v>
      </c>
      <c r="AI23" s="106">
        <v>6178104</v>
      </c>
      <c r="AJ23" s="100">
        <v>0</v>
      </c>
      <c r="AK23" s="104">
        <v>0</v>
      </c>
      <c r="AL23" s="103">
        <v>0</v>
      </c>
      <c r="AM23" s="100">
        <v>0</v>
      </c>
      <c r="AN23" s="104">
        <v>0</v>
      </c>
      <c r="AO23" s="104">
        <v>0</v>
      </c>
      <c r="AP23" s="104">
        <v>91354</v>
      </c>
      <c r="AQ23" s="104">
        <v>115255</v>
      </c>
      <c r="AR23" s="104">
        <v>250918</v>
      </c>
      <c r="AS23" s="103">
        <v>457527</v>
      </c>
      <c r="AT23" s="106">
        <v>457527</v>
      </c>
      <c r="AU23" s="100">
        <v>126157</v>
      </c>
      <c r="AV23" s="104">
        <v>92504</v>
      </c>
      <c r="AW23" s="103">
        <v>218661</v>
      </c>
      <c r="AX23" s="100">
        <v>0</v>
      </c>
      <c r="AY23" s="104">
        <v>930750</v>
      </c>
      <c r="AZ23" s="104">
        <v>1151769</v>
      </c>
      <c r="BA23" s="104">
        <v>696817</v>
      </c>
      <c r="BB23" s="104">
        <v>287761</v>
      </c>
      <c r="BC23" s="104">
        <v>459355</v>
      </c>
      <c r="BD23" s="103">
        <v>3526452</v>
      </c>
      <c r="BE23" s="106">
        <v>3745113</v>
      </c>
      <c r="BF23" s="100">
        <v>28180</v>
      </c>
      <c r="BG23" s="104">
        <v>0</v>
      </c>
      <c r="BH23" s="102">
        <v>28180</v>
      </c>
      <c r="BI23" s="101">
        <v>0</v>
      </c>
      <c r="BJ23" s="104">
        <v>134352</v>
      </c>
      <c r="BK23" s="104">
        <v>84674</v>
      </c>
      <c r="BL23" s="104">
        <v>116097</v>
      </c>
      <c r="BM23" s="104">
        <v>0</v>
      </c>
      <c r="BN23" s="104">
        <v>24687</v>
      </c>
      <c r="BO23" s="103">
        <v>359810</v>
      </c>
      <c r="BP23" s="106">
        <v>387990</v>
      </c>
      <c r="BQ23" s="100">
        <v>53718</v>
      </c>
      <c r="BR23" s="104">
        <v>42357</v>
      </c>
      <c r="BS23" s="103">
        <v>96075</v>
      </c>
      <c r="BT23" s="100">
        <v>0</v>
      </c>
      <c r="BU23" s="104">
        <v>350770</v>
      </c>
      <c r="BV23" s="104">
        <v>383656</v>
      </c>
      <c r="BW23" s="104">
        <v>412951</v>
      </c>
      <c r="BX23" s="104">
        <v>372085</v>
      </c>
      <c r="BY23" s="104">
        <v>354501</v>
      </c>
      <c r="BZ23" s="103">
        <v>1873963</v>
      </c>
      <c r="CA23" s="106">
        <v>1970038</v>
      </c>
      <c r="CB23" s="100">
        <v>118628</v>
      </c>
      <c r="CC23" s="104">
        <v>236517</v>
      </c>
      <c r="CD23" s="103">
        <v>355145</v>
      </c>
      <c r="CE23" s="100">
        <v>0</v>
      </c>
      <c r="CF23" s="104">
        <v>1782296</v>
      </c>
      <c r="CG23" s="104">
        <v>3338571</v>
      </c>
      <c r="CH23" s="104">
        <v>1889085</v>
      </c>
      <c r="CI23" s="104">
        <v>1367494</v>
      </c>
      <c r="CJ23" s="104">
        <v>684677</v>
      </c>
      <c r="CK23" s="103">
        <v>9062123</v>
      </c>
      <c r="CL23" s="106">
        <v>9417268</v>
      </c>
      <c r="CM23" s="100">
        <v>0</v>
      </c>
      <c r="CN23" s="104">
        <v>0</v>
      </c>
      <c r="CO23" s="103">
        <v>0</v>
      </c>
      <c r="CP23" s="101">
        <v>0</v>
      </c>
      <c r="CQ23" s="104">
        <v>1179459</v>
      </c>
      <c r="CR23" s="104">
        <v>2670124</v>
      </c>
      <c r="CS23" s="104">
        <v>1479147</v>
      </c>
      <c r="CT23" s="104">
        <v>1024727</v>
      </c>
      <c r="CU23" s="104">
        <v>425267</v>
      </c>
      <c r="CV23" s="103">
        <v>6778724</v>
      </c>
      <c r="CW23" s="106">
        <v>6778724</v>
      </c>
      <c r="CX23" s="100">
        <v>118628</v>
      </c>
      <c r="CY23" s="104">
        <v>236517</v>
      </c>
      <c r="CZ23" s="103">
        <v>355145</v>
      </c>
      <c r="DA23" s="100">
        <v>0</v>
      </c>
      <c r="DB23" s="104">
        <v>602837</v>
      </c>
      <c r="DC23" s="104">
        <v>668447</v>
      </c>
      <c r="DD23" s="104">
        <v>409938</v>
      </c>
      <c r="DE23" s="104">
        <v>342767</v>
      </c>
      <c r="DF23" s="104">
        <v>259410</v>
      </c>
      <c r="DG23" s="103">
        <v>2283399</v>
      </c>
      <c r="DH23" s="106">
        <v>2638544</v>
      </c>
      <c r="DI23" s="100">
        <v>0</v>
      </c>
      <c r="DJ23" s="104">
        <v>0</v>
      </c>
      <c r="DK23" s="102">
        <v>0</v>
      </c>
      <c r="DL23" s="101">
        <v>0</v>
      </c>
      <c r="DM23" s="104">
        <v>7119</v>
      </c>
      <c r="DN23" s="104">
        <v>624450</v>
      </c>
      <c r="DO23" s="104">
        <v>1007865</v>
      </c>
      <c r="DP23" s="104">
        <v>493992</v>
      </c>
      <c r="DQ23" s="104">
        <v>475487</v>
      </c>
      <c r="DR23" s="103">
        <v>2608913</v>
      </c>
      <c r="DS23" s="106">
        <v>2608913</v>
      </c>
      <c r="DT23" s="100">
        <v>0</v>
      </c>
      <c r="DU23" s="104">
        <v>0</v>
      </c>
      <c r="DV23" s="103">
        <v>0</v>
      </c>
      <c r="DW23" s="100">
        <v>0</v>
      </c>
      <c r="DX23" s="104">
        <v>7119</v>
      </c>
      <c r="DY23" s="104">
        <v>607407</v>
      </c>
      <c r="DZ23" s="104">
        <v>1007865</v>
      </c>
      <c r="EA23" s="104">
        <v>493992</v>
      </c>
      <c r="EB23" s="104">
        <v>475487</v>
      </c>
      <c r="EC23" s="103">
        <v>2591870</v>
      </c>
      <c r="ED23" s="106">
        <v>2591870</v>
      </c>
      <c r="EE23" s="100">
        <v>0</v>
      </c>
      <c r="EF23" s="102">
        <v>0</v>
      </c>
      <c r="EG23" s="103">
        <v>0</v>
      </c>
      <c r="EH23" s="100">
        <v>0</v>
      </c>
      <c r="EI23" s="104">
        <v>0</v>
      </c>
      <c r="EJ23" s="104">
        <v>17043</v>
      </c>
      <c r="EK23" s="104">
        <v>0</v>
      </c>
      <c r="EL23" s="104">
        <v>0</v>
      </c>
      <c r="EM23" s="104">
        <v>0</v>
      </c>
      <c r="EN23" s="102">
        <v>17043</v>
      </c>
      <c r="EO23" s="106">
        <v>17043</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63723</v>
      </c>
      <c r="FM23" s="104">
        <v>239820</v>
      </c>
      <c r="FN23" s="103">
        <v>403543</v>
      </c>
      <c r="FO23" s="100">
        <v>0</v>
      </c>
      <c r="FP23" s="104">
        <v>428365</v>
      </c>
      <c r="FQ23" s="104">
        <v>585270</v>
      </c>
      <c r="FR23" s="104">
        <v>616252</v>
      </c>
      <c r="FS23" s="104">
        <v>480998</v>
      </c>
      <c r="FT23" s="104">
        <v>373618</v>
      </c>
      <c r="FU23" s="103">
        <v>2484503</v>
      </c>
      <c r="FV23" s="106">
        <v>2888046</v>
      </c>
      <c r="FW23" s="105">
        <v>32823</v>
      </c>
      <c r="FX23" s="104">
        <v>109690</v>
      </c>
      <c r="FY23" s="102">
        <v>142513</v>
      </c>
      <c r="FZ23" s="101">
        <v>0</v>
      </c>
      <c r="GA23" s="104">
        <v>354627</v>
      </c>
      <c r="GB23" s="104">
        <v>571718</v>
      </c>
      <c r="GC23" s="104">
        <v>534520</v>
      </c>
      <c r="GD23" s="104">
        <v>473991</v>
      </c>
      <c r="GE23" s="104">
        <v>373618</v>
      </c>
      <c r="GF23" s="103">
        <v>2308474</v>
      </c>
      <c r="GG23" s="296">
        <v>2450987</v>
      </c>
      <c r="GH23" s="105">
        <v>0</v>
      </c>
      <c r="GI23" s="104">
        <v>0</v>
      </c>
      <c r="GJ23" s="102">
        <v>0</v>
      </c>
      <c r="GK23" s="101">
        <v>0</v>
      </c>
      <c r="GL23" s="104">
        <v>45738</v>
      </c>
      <c r="GM23" s="104">
        <v>13552</v>
      </c>
      <c r="GN23" s="104">
        <v>13552</v>
      </c>
      <c r="GO23" s="104">
        <v>7007</v>
      </c>
      <c r="GP23" s="104">
        <v>0</v>
      </c>
      <c r="GQ23" s="103">
        <v>79849</v>
      </c>
      <c r="GR23" s="106">
        <v>79849</v>
      </c>
      <c r="GS23" s="100">
        <v>130900</v>
      </c>
      <c r="GT23" s="104">
        <v>130130</v>
      </c>
      <c r="GU23" s="103">
        <v>261030</v>
      </c>
      <c r="GV23" s="100">
        <v>0</v>
      </c>
      <c r="GW23" s="104">
        <v>28000</v>
      </c>
      <c r="GX23" s="104">
        <v>0</v>
      </c>
      <c r="GY23" s="104">
        <v>68180</v>
      </c>
      <c r="GZ23" s="104">
        <v>0</v>
      </c>
      <c r="HA23" s="104">
        <v>0</v>
      </c>
      <c r="HB23" s="102">
        <v>96180</v>
      </c>
      <c r="HC23" s="106">
        <v>357210</v>
      </c>
      <c r="HD23" s="100">
        <v>140486</v>
      </c>
      <c r="HE23" s="104">
        <v>173679</v>
      </c>
      <c r="HF23" s="102">
        <v>314165</v>
      </c>
      <c r="HG23" s="101">
        <v>0</v>
      </c>
      <c r="HH23" s="104">
        <v>1936978</v>
      </c>
      <c r="HI23" s="104">
        <v>2266702</v>
      </c>
      <c r="HJ23" s="104">
        <v>1124447</v>
      </c>
      <c r="HK23" s="104">
        <v>1520258</v>
      </c>
      <c r="HL23" s="104">
        <v>2148721</v>
      </c>
      <c r="HM23" s="103">
        <v>8997106</v>
      </c>
      <c r="HN23" s="99">
        <v>9311271</v>
      </c>
      <c r="HO23" s="306"/>
      <c r="HP23" s="307"/>
      <c r="HQ23" s="308"/>
      <c r="HR23" s="309"/>
      <c r="HS23" s="307"/>
      <c r="HT23" s="307"/>
      <c r="HU23" s="307"/>
      <c r="HV23" s="307"/>
      <c r="HW23" s="307"/>
      <c r="HX23" s="310"/>
      <c r="HY23" s="311"/>
      <c r="HZ23" s="118">
        <v>0</v>
      </c>
      <c r="IA23" s="119">
        <v>0</v>
      </c>
      <c r="IB23" s="120">
        <v>0</v>
      </c>
      <c r="IC23" s="133">
        <v>0</v>
      </c>
      <c r="ID23" s="119">
        <v>1033408</v>
      </c>
      <c r="IE23" s="134">
        <v>1038436</v>
      </c>
      <c r="IF23" s="120">
        <v>1714983</v>
      </c>
      <c r="IG23" s="119">
        <v>1760299</v>
      </c>
      <c r="IH23" s="120">
        <v>1112950</v>
      </c>
      <c r="II23" s="135">
        <v>6660076</v>
      </c>
      <c r="IJ23" s="126">
        <v>6660076</v>
      </c>
      <c r="IK23" s="219">
        <v>0</v>
      </c>
      <c r="IL23" s="223">
        <v>0</v>
      </c>
      <c r="IM23" s="224">
        <v>0</v>
      </c>
      <c r="IN23" s="127"/>
      <c r="IO23" s="109">
        <v>0</v>
      </c>
      <c r="IP23" s="109">
        <v>0</v>
      </c>
      <c r="IQ23" s="109">
        <v>0</v>
      </c>
      <c r="IR23" s="109">
        <v>0</v>
      </c>
      <c r="IS23" s="109">
        <v>232476</v>
      </c>
      <c r="IT23" s="128">
        <v>232476</v>
      </c>
      <c r="IU23" s="298">
        <v>232476</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704956</v>
      </c>
      <c r="JL23" s="109">
        <v>362379</v>
      </c>
      <c r="JM23" s="109">
        <v>571951</v>
      </c>
      <c r="JN23" s="109">
        <v>114208</v>
      </c>
      <c r="JO23" s="109">
        <v>0</v>
      </c>
      <c r="JP23" s="110">
        <v>1753494</v>
      </c>
      <c r="JQ23" s="298">
        <v>1753494</v>
      </c>
      <c r="JR23" s="129">
        <v>0</v>
      </c>
      <c r="JS23" s="109">
        <v>0</v>
      </c>
      <c r="JT23" s="128">
        <v>0</v>
      </c>
      <c r="JU23" s="108">
        <v>0</v>
      </c>
      <c r="JV23" s="109">
        <v>72180</v>
      </c>
      <c r="JW23" s="109">
        <v>9312</v>
      </c>
      <c r="JX23" s="109">
        <v>58799</v>
      </c>
      <c r="JY23" s="109">
        <v>136762</v>
      </c>
      <c r="JZ23" s="109">
        <v>38069</v>
      </c>
      <c r="KA23" s="110">
        <v>315122</v>
      </c>
      <c r="KB23" s="298">
        <v>315122</v>
      </c>
      <c r="KC23" s="221">
        <v>0</v>
      </c>
      <c r="KD23" s="217">
        <v>0</v>
      </c>
      <c r="KE23" s="110">
        <v>0</v>
      </c>
      <c r="KF23" s="108">
        <v>0</v>
      </c>
      <c r="KG23" s="109">
        <v>0</v>
      </c>
      <c r="KH23" s="109">
        <v>47736</v>
      </c>
      <c r="KI23" s="109">
        <v>0</v>
      </c>
      <c r="KJ23" s="109">
        <v>0</v>
      </c>
      <c r="KK23" s="109">
        <v>210945</v>
      </c>
      <c r="KL23" s="110">
        <v>258681</v>
      </c>
      <c r="KM23" s="130">
        <v>258681</v>
      </c>
      <c r="KN23" s="219">
        <v>0</v>
      </c>
      <c r="KO23" s="223">
        <v>0</v>
      </c>
      <c r="KP23" s="224">
        <v>0</v>
      </c>
      <c r="KQ23" s="127"/>
      <c r="KR23" s="109">
        <v>256272</v>
      </c>
      <c r="KS23" s="109">
        <v>422162</v>
      </c>
      <c r="KT23" s="109">
        <v>1084233</v>
      </c>
      <c r="KU23" s="109">
        <v>442469</v>
      </c>
      <c r="KV23" s="109">
        <v>0</v>
      </c>
      <c r="KW23" s="110">
        <v>2205136</v>
      </c>
      <c r="KX23" s="298">
        <v>2205136</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41936</v>
      </c>
      <c r="LR23" s="109">
        <v>0</v>
      </c>
      <c r="LS23" s="110">
        <v>241936</v>
      </c>
      <c r="LT23" s="298">
        <v>241936</v>
      </c>
      <c r="LU23" s="129">
        <v>0</v>
      </c>
      <c r="LV23" s="109">
        <v>0</v>
      </c>
      <c r="LW23" s="110">
        <v>0</v>
      </c>
      <c r="LX23" s="132"/>
      <c r="LY23" s="109">
        <v>0</v>
      </c>
      <c r="LZ23" s="109">
        <v>196847</v>
      </c>
      <c r="MA23" s="109">
        <v>0</v>
      </c>
      <c r="MB23" s="109">
        <v>824924</v>
      </c>
      <c r="MC23" s="109">
        <v>631460</v>
      </c>
      <c r="MD23" s="110">
        <v>1653231</v>
      </c>
      <c r="ME23" s="111">
        <v>1653231</v>
      </c>
      <c r="MF23" s="129">
        <v>0</v>
      </c>
      <c r="MG23" s="109">
        <v>0</v>
      </c>
      <c r="MH23" s="110">
        <v>0</v>
      </c>
      <c r="MI23" s="132">
        <v>0</v>
      </c>
      <c r="MJ23" s="109">
        <v>380422</v>
      </c>
      <c r="MK23" s="109">
        <v>680812</v>
      </c>
      <c r="ML23" s="109">
        <v>2466719</v>
      </c>
      <c r="MM23" s="109">
        <v>4730412</v>
      </c>
      <c r="MN23" s="109">
        <v>3489860</v>
      </c>
      <c r="MO23" s="110">
        <v>11748225</v>
      </c>
      <c r="MP23" s="130">
        <v>11748225</v>
      </c>
      <c r="MQ23" s="129">
        <v>0</v>
      </c>
      <c r="MR23" s="109">
        <v>0</v>
      </c>
      <c r="MS23" s="110">
        <v>0</v>
      </c>
      <c r="MT23" s="132">
        <v>0</v>
      </c>
      <c r="MU23" s="109">
        <v>0</v>
      </c>
      <c r="MV23" s="109">
        <v>191711</v>
      </c>
      <c r="MW23" s="109">
        <v>1332188</v>
      </c>
      <c r="MX23" s="109">
        <v>3020572</v>
      </c>
      <c r="MY23" s="109">
        <v>1919823</v>
      </c>
      <c r="MZ23" s="110">
        <v>6464294</v>
      </c>
      <c r="NA23" s="130">
        <v>6464294</v>
      </c>
      <c r="NB23" s="129">
        <v>0</v>
      </c>
      <c r="NC23" s="109">
        <v>0</v>
      </c>
      <c r="ND23" s="110">
        <v>0</v>
      </c>
      <c r="NE23" s="132"/>
      <c r="NF23" s="109">
        <v>380422</v>
      </c>
      <c r="NG23" s="109">
        <v>489101</v>
      </c>
      <c r="NH23" s="109">
        <v>1134531</v>
      </c>
      <c r="NI23" s="109">
        <v>1709840</v>
      </c>
      <c r="NJ23" s="109">
        <v>752998</v>
      </c>
      <c r="NK23" s="110">
        <v>4466892</v>
      </c>
      <c r="NL23" s="298">
        <v>4466892</v>
      </c>
      <c r="NM23" s="129">
        <v>0</v>
      </c>
      <c r="NN23" s="109">
        <v>0</v>
      </c>
      <c r="NO23" s="110">
        <v>0</v>
      </c>
      <c r="NP23" s="132"/>
      <c r="NQ23" s="109">
        <v>0</v>
      </c>
      <c r="NR23" s="109">
        <v>0</v>
      </c>
      <c r="NS23" s="109">
        <v>0</v>
      </c>
      <c r="NT23" s="109">
        <v>0</v>
      </c>
      <c r="NU23" s="109">
        <v>263479</v>
      </c>
      <c r="NV23" s="110">
        <v>263479</v>
      </c>
      <c r="NW23" s="111">
        <v>263479</v>
      </c>
      <c r="NX23" s="129">
        <v>0</v>
      </c>
      <c r="NY23" s="109">
        <v>0</v>
      </c>
      <c r="NZ23" s="110">
        <v>0</v>
      </c>
      <c r="OA23" s="132"/>
      <c r="OB23" s="109">
        <v>0</v>
      </c>
      <c r="OC23" s="109">
        <v>0</v>
      </c>
      <c r="OD23" s="109">
        <v>0</v>
      </c>
      <c r="OE23" s="109">
        <v>0</v>
      </c>
      <c r="OF23" s="109">
        <v>553560</v>
      </c>
      <c r="OG23" s="110">
        <v>553560</v>
      </c>
      <c r="OH23" s="111">
        <v>553560</v>
      </c>
      <c r="OI23" s="129">
        <v>630892</v>
      </c>
      <c r="OJ23" s="109">
        <v>784877</v>
      </c>
      <c r="OK23" s="128">
        <v>1415769</v>
      </c>
      <c r="OL23" s="108">
        <v>0</v>
      </c>
      <c r="OM23" s="109">
        <v>7901328</v>
      </c>
      <c r="ON23" s="109">
        <v>11062440</v>
      </c>
      <c r="OO23" s="109">
        <v>11149668</v>
      </c>
      <c r="OP23" s="109">
        <v>13616060</v>
      </c>
      <c r="OQ23" s="109">
        <v>10227306</v>
      </c>
      <c r="OR23" s="110">
        <v>53956802</v>
      </c>
      <c r="OS23" s="130">
        <v>55372571</v>
      </c>
    </row>
    <row r="24" spans="2:409" ht="21" customHeight="1" x14ac:dyDescent="0.2">
      <c r="B24" s="472" t="s">
        <v>19</v>
      </c>
      <c r="C24" s="100">
        <v>177744</v>
      </c>
      <c r="D24" s="104">
        <v>502731</v>
      </c>
      <c r="E24" s="103">
        <v>680475</v>
      </c>
      <c r="F24" s="99">
        <v>0</v>
      </c>
      <c r="G24" s="104">
        <v>2859594</v>
      </c>
      <c r="H24" s="104">
        <v>4033116</v>
      </c>
      <c r="I24" s="104">
        <v>3041677</v>
      </c>
      <c r="J24" s="104">
        <v>2059497</v>
      </c>
      <c r="K24" s="104">
        <v>1689579</v>
      </c>
      <c r="L24" s="99">
        <v>13683463</v>
      </c>
      <c r="M24" s="106">
        <v>14363938</v>
      </c>
      <c r="N24" s="100">
        <v>59695</v>
      </c>
      <c r="O24" s="104">
        <v>88210</v>
      </c>
      <c r="P24" s="103">
        <v>147905</v>
      </c>
      <c r="Q24" s="100">
        <v>0</v>
      </c>
      <c r="R24" s="104">
        <v>1014336</v>
      </c>
      <c r="S24" s="104">
        <v>897019</v>
      </c>
      <c r="T24" s="104">
        <v>736648</v>
      </c>
      <c r="U24" s="104">
        <v>982445</v>
      </c>
      <c r="V24" s="104">
        <v>536918</v>
      </c>
      <c r="W24" s="103">
        <v>4167366</v>
      </c>
      <c r="X24" s="106">
        <v>4315271</v>
      </c>
      <c r="Y24" s="100">
        <v>0</v>
      </c>
      <c r="Z24" s="104">
        <v>0</v>
      </c>
      <c r="AA24" s="103">
        <v>0</v>
      </c>
      <c r="AB24" s="100">
        <v>0</v>
      </c>
      <c r="AC24" s="104">
        <v>144963</v>
      </c>
      <c r="AD24" s="104">
        <v>325763</v>
      </c>
      <c r="AE24" s="104">
        <v>386676</v>
      </c>
      <c r="AF24" s="104">
        <v>230270</v>
      </c>
      <c r="AG24" s="104">
        <v>113680</v>
      </c>
      <c r="AH24" s="103">
        <v>1201352</v>
      </c>
      <c r="AI24" s="106">
        <v>1201352</v>
      </c>
      <c r="AJ24" s="100">
        <v>0</v>
      </c>
      <c r="AK24" s="104">
        <v>0</v>
      </c>
      <c r="AL24" s="103">
        <v>0</v>
      </c>
      <c r="AM24" s="100">
        <v>0</v>
      </c>
      <c r="AN24" s="104">
        <v>0</v>
      </c>
      <c r="AO24" s="104">
        <v>30978</v>
      </c>
      <c r="AP24" s="104">
        <v>0</v>
      </c>
      <c r="AQ24" s="104">
        <v>89663</v>
      </c>
      <c r="AR24" s="104">
        <v>72402</v>
      </c>
      <c r="AS24" s="103">
        <v>193043</v>
      </c>
      <c r="AT24" s="106">
        <v>193043</v>
      </c>
      <c r="AU24" s="100">
        <v>38154</v>
      </c>
      <c r="AV24" s="104">
        <v>62947</v>
      </c>
      <c r="AW24" s="103">
        <v>101101</v>
      </c>
      <c r="AX24" s="100">
        <v>0</v>
      </c>
      <c r="AY24" s="104">
        <v>617245</v>
      </c>
      <c r="AZ24" s="104">
        <v>299121</v>
      </c>
      <c r="BA24" s="104">
        <v>145586</v>
      </c>
      <c r="BB24" s="104">
        <v>502437</v>
      </c>
      <c r="BC24" s="104">
        <v>260221</v>
      </c>
      <c r="BD24" s="103">
        <v>1824610</v>
      </c>
      <c r="BE24" s="106">
        <v>1925711</v>
      </c>
      <c r="BF24" s="100">
        <v>10131</v>
      </c>
      <c r="BG24" s="104">
        <v>0</v>
      </c>
      <c r="BH24" s="102">
        <v>10131</v>
      </c>
      <c r="BI24" s="101">
        <v>0</v>
      </c>
      <c r="BJ24" s="104">
        <v>121109</v>
      </c>
      <c r="BK24" s="104">
        <v>0</v>
      </c>
      <c r="BL24" s="104">
        <v>27650</v>
      </c>
      <c r="BM24" s="104">
        <v>47564</v>
      </c>
      <c r="BN24" s="104">
        <v>0</v>
      </c>
      <c r="BO24" s="103">
        <v>196323</v>
      </c>
      <c r="BP24" s="106">
        <v>206454</v>
      </c>
      <c r="BQ24" s="100">
        <v>11410</v>
      </c>
      <c r="BR24" s="104">
        <v>25263</v>
      </c>
      <c r="BS24" s="103">
        <v>36673</v>
      </c>
      <c r="BT24" s="100">
        <v>0</v>
      </c>
      <c r="BU24" s="104">
        <v>131019</v>
      </c>
      <c r="BV24" s="104">
        <v>241157</v>
      </c>
      <c r="BW24" s="104">
        <v>176736</v>
      </c>
      <c r="BX24" s="104">
        <v>112511</v>
      </c>
      <c r="BY24" s="104">
        <v>90615</v>
      </c>
      <c r="BZ24" s="103">
        <v>752038</v>
      </c>
      <c r="CA24" s="106">
        <v>788711</v>
      </c>
      <c r="CB24" s="100">
        <v>0</v>
      </c>
      <c r="CC24" s="104">
        <v>207692</v>
      </c>
      <c r="CD24" s="103">
        <v>207692</v>
      </c>
      <c r="CE24" s="100">
        <v>0</v>
      </c>
      <c r="CF24" s="104">
        <v>797751</v>
      </c>
      <c r="CG24" s="104">
        <v>993095</v>
      </c>
      <c r="CH24" s="104">
        <v>508320</v>
      </c>
      <c r="CI24" s="104">
        <v>383760</v>
      </c>
      <c r="CJ24" s="104">
        <v>478149</v>
      </c>
      <c r="CK24" s="103">
        <v>3161075</v>
      </c>
      <c r="CL24" s="106">
        <v>3368767</v>
      </c>
      <c r="CM24" s="100">
        <v>0</v>
      </c>
      <c r="CN24" s="104">
        <v>0</v>
      </c>
      <c r="CO24" s="103">
        <v>0</v>
      </c>
      <c r="CP24" s="101">
        <v>0</v>
      </c>
      <c r="CQ24" s="104">
        <v>473198</v>
      </c>
      <c r="CR24" s="104">
        <v>683734</v>
      </c>
      <c r="CS24" s="104">
        <v>271679</v>
      </c>
      <c r="CT24" s="104">
        <v>148844</v>
      </c>
      <c r="CU24" s="104">
        <v>344540</v>
      </c>
      <c r="CV24" s="103">
        <v>1921995</v>
      </c>
      <c r="CW24" s="106">
        <v>1921995</v>
      </c>
      <c r="CX24" s="100">
        <v>0</v>
      </c>
      <c r="CY24" s="104">
        <v>207692</v>
      </c>
      <c r="CZ24" s="103">
        <v>207692</v>
      </c>
      <c r="DA24" s="100">
        <v>0</v>
      </c>
      <c r="DB24" s="104">
        <v>324553</v>
      </c>
      <c r="DC24" s="104">
        <v>309361</v>
      </c>
      <c r="DD24" s="104">
        <v>236641</v>
      </c>
      <c r="DE24" s="104">
        <v>234916</v>
      </c>
      <c r="DF24" s="104">
        <v>133609</v>
      </c>
      <c r="DG24" s="103">
        <v>1239080</v>
      </c>
      <c r="DH24" s="106">
        <v>1446772</v>
      </c>
      <c r="DI24" s="100">
        <v>0</v>
      </c>
      <c r="DJ24" s="104">
        <v>16262</v>
      </c>
      <c r="DK24" s="102">
        <v>16262</v>
      </c>
      <c r="DL24" s="101">
        <v>0</v>
      </c>
      <c r="DM24" s="104">
        <v>80053</v>
      </c>
      <c r="DN24" s="104">
        <v>0</v>
      </c>
      <c r="DO24" s="104">
        <v>293574</v>
      </c>
      <c r="DP24" s="104">
        <v>115075</v>
      </c>
      <c r="DQ24" s="104">
        <v>136570</v>
      </c>
      <c r="DR24" s="103">
        <v>625272</v>
      </c>
      <c r="DS24" s="106">
        <v>641534</v>
      </c>
      <c r="DT24" s="100">
        <v>0</v>
      </c>
      <c r="DU24" s="104">
        <v>16262</v>
      </c>
      <c r="DV24" s="103">
        <v>16262</v>
      </c>
      <c r="DW24" s="100">
        <v>0</v>
      </c>
      <c r="DX24" s="104">
        <v>80053</v>
      </c>
      <c r="DY24" s="104">
        <v>0</v>
      </c>
      <c r="DZ24" s="104">
        <v>202181</v>
      </c>
      <c r="EA24" s="104">
        <v>24436</v>
      </c>
      <c r="EB24" s="104">
        <v>136570</v>
      </c>
      <c r="EC24" s="103">
        <v>443240</v>
      </c>
      <c r="ED24" s="106">
        <v>459502</v>
      </c>
      <c r="EE24" s="100">
        <v>0</v>
      </c>
      <c r="EF24" s="102">
        <v>0</v>
      </c>
      <c r="EG24" s="103">
        <v>0</v>
      </c>
      <c r="EH24" s="100">
        <v>0</v>
      </c>
      <c r="EI24" s="104">
        <v>0</v>
      </c>
      <c r="EJ24" s="104">
        <v>0</v>
      </c>
      <c r="EK24" s="104">
        <v>91393</v>
      </c>
      <c r="EL24" s="104">
        <v>90639</v>
      </c>
      <c r="EM24" s="104">
        <v>0</v>
      </c>
      <c r="EN24" s="102">
        <v>182032</v>
      </c>
      <c r="EO24" s="106">
        <v>182032</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6460</v>
      </c>
      <c r="FM24" s="104">
        <v>32060</v>
      </c>
      <c r="FN24" s="103">
        <v>48520</v>
      </c>
      <c r="FO24" s="100">
        <v>0</v>
      </c>
      <c r="FP24" s="104">
        <v>152208</v>
      </c>
      <c r="FQ24" s="104">
        <v>237629</v>
      </c>
      <c r="FR24" s="104">
        <v>277823</v>
      </c>
      <c r="FS24" s="104">
        <v>267330</v>
      </c>
      <c r="FT24" s="104">
        <v>137151</v>
      </c>
      <c r="FU24" s="103">
        <v>1072141</v>
      </c>
      <c r="FV24" s="106">
        <v>1120661</v>
      </c>
      <c r="FW24" s="105">
        <v>16460</v>
      </c>
      <c r="FX24" s="104">
        <v>32060</v>
      </c>
      <c r="FY24" s="102">
        <v>48520</v>
      </c>
      <c r="FZ24" s="101">
        <v>0</v>
      </c>
      <c r="GA24" s="104">
        <v>152208</v>
      </c>
      <c r="GB24" s="104">
        <v>237629</v>
      </c>
      <c r="GC24" s="104">
        <v>256837</v>
      </c>
      <c r="GD24" s="104">
        <v>248850</v>
      </c>
      <c r="GE24" s="104">
        <v>137151</v>
      </c>
      <c r="GF24" s="103">
        <v>1032675</v>
      </c>
      <c r="GG24" s="296">
        <v>1081195</v>
      </c>
      <c r="GH24" s="105">
        <v>0</v>
      </c>
      <c r="GI24" s="104">
        <v>0</v>
      </c>
      <c r="GJ24" s="102">
        <v>0</v>
      </c>
      <c r="GK24" s="101">
        <v>0</v>
      </c>
      <c r="GL24" s="104">
        <v>0</v>
      </c>
      <c r="GM24" s="104">
        <v>0</v>
      </c>
      <c r="GN24" s="104">
        <v>0</v>
      </c>
      <c r="GO24" s="104">
        <v>18480</v>
      </c>
      <c r="GP24" s="104">
        <v>0</v>
      </c>
      <c r="GQ24" s="103">
        <v>18480</v>
      </c>
      <c r="GR24" s="106">
        <v>18480</v>
      </c>
      <c r="GS24" s="100">
        <v>0</v>
      </c>
      <c r="GT24" s="104">
        <v>0</v>
      </c>
      <c r="GU24" s="103">
        <v>0</v>
      </c>
      <c r="GV24" s="100">
        <v>0</v>
      </c>
      <c r="GW24" s="104">
        <v>0</v>
      </c>
      <c r="GX24" s="104">
        <v>0</v>
      </c>
      <c r="GY24" s="104">
        <v>20986</v>
      </c>
      <c r="GZ24" s="104">
        <v>0</v>
      </c>
      <c r="HA24" s="104">
        <v>0</v>
      </c>
      <c r="HB24" s="102">
        <v>20986</v>
      </c>
      <c r="HC24" s="106">
        <v>20986</v>
      </c>
      <c r="HD24" s="100">
        <v>101589</v>
      </c>
      <c r="HE24" s="104">
        <v>158507</v>
      </c>
      <c r="HF24" s="102">
        <v>260096</v>
      </c>
      <c r="HG24" s="101">
        <v>0</v>
      </c>
      <c r="HH24" s="104">
        <v>815246</v>
      </c>
      <c r="HI24" s="104">
        <v>1905373</v>
      </c>
      <c r="HJ24" s="104">
        <v>1225312</v>
      </c>
      <c r="HK24" s="104">
        <v>310887</v>
      </c>
      <c r="HL24" s="104">
        <v>400791</v>
      </c>
      <c r="HM24" s="103">
        <v>4657609</v>
      </c>
      <c r="HN24" s="99">
        <v>4917705</v>
      </c>
      <c r="HO24" s="306"/>
      <c r="HP24" s="307"/>
      <c r="HQ24" s="308"/>
      <c r="HR24" s="309"/>
      <c r="HS24" s="307"/>
      <c r="HT24" s="307"/>
      <c r="HU24" s="307"/>
      <c r="HV24" s="307"/>
      <c r="HW24" s="307"/>
      <c r="HX24" s="310"/>
      <c r="HY24" s="311"/>
      <c r="HZ24" s="137">
        <v>0</v>
      </c>
      <c r="IA24" s="122">
        <v>0</v>
      </c>
      <c r="IB24" s="137">
        <v>0</v>
      </c>
      <c r="IC24" s="121">
        <v>0</v>
      </c>
      <c r="ID24" s="122">
        <v>370841</v>
      </c>
      <c r="IE24" s="123">
        <v>379316</v>
      </c>
      <c r="IF24" s="124">
        <v>859500</v>
      </c>
      <c r="IG24" s="122">
        <v>476095</v>
      </c>
      <c r="IH24" s="124">
        <v>754565</v>
      </c>
      <c r="II24" s="125">
        <v>2840317</v>
      </c>
      <c r="IJ24" s="137">
        <v>2840317</v>
      </c>
      <c r="IK24" s="219">
        <v>0</v>
      </c>
      <c r="IL24" s="223">
        <v>0</v>
      </c>
      <c r="IM24" s="224">
        <v>0</v>
      </c>
      <c r="IN24" s="127"/>
      <c r="IO24" s="109">
        <v>0</v>
      </c>
      <c r="IP24" s="109">
        <v>97115</v>
      </c>
      <c r="IQ24" s="109">
        <v>0</v>
      </c>
      <c r="IR24" s="109">
        <v>358043</v>
      </c>
      <c r="IS24" s="109">
        <v>498697</v>
      </c>
      <c r="IT24" s="128">
        <v>953855</v>
      </c>
      <c r="IU24" s="298">
        <v>953855</v>
      </c>
      <c r="IV24" s="129">
        <v>0</v>
      </c>
      <c r="IW24" s="109">
        <v>0</v>
      </c>
      <c r="IX24" s="110">
        <v>0</v>
      </c>
      <c r="IY24" s="131"/>
      <c r="IZ24" s="109">
        <v>0</v>
      </c>
      <c r="JA24" s="109">
        <v>0</v>
      </c>
      <c r="JB24" s="109">
        <v>0</v>
      </c>
      <c r="JC24" s="109">
        <v>8913</v>
      </c>
      <c r="JD24" s="109">
        <v>0</v>
      </c>
      <c r="JE24" s="110">
        <v>8913</v>
      </c>
      <c r="JF24" s="111">
        <v>8913</v>
      </c>
      <c r="JG24" s="129">
        <v>0</v>
      </c>
      <c r="JH24" s="109">
        <v>0</v>
      </c>
      <c r="JI24" s="128">
        <v>0</v>
      </c>
      <c r="JJ24" s="108">
        <v>0</v>
      </c>
      <c r="JK24" s="109">
        <v>225993</v>
      </c>
      <c r="JL24" s="109">
        <v>177040</v>
      </c>
      <c r="JM24" s="109">
        <v>225064</v>
      </c>
      <c r="JN24" s="109">
        <v>109139</v>
      </c>
      <c r="JO24" s="109">
        <v>0</v>
      </c>
      <c r="JP24" s="110">
        <v>737236</v>
      </c>
      <c r="JQ24" s="298">
        <v>737236</v>
      </c>
      <c r="JR24" s="129">
        <v>0</v>
      </c>
      <c r="JS24" s="109">
        <v>0</v>
      </c>
      <c r="JT24" s="128">
        <v>0</v>
      </c>
      <c r="JU24" s="108">
        <v>0</v>
      </c>
      <c r="JV24" s="109">
        <v>35026</v>
      </c>
      <c r="JW24" s="109">
        <v>105161</v>
      </c>
      <c r="JX24" s="109">
        <v>0</v>
      </c>
      <c r="JY24" s="109">
        <v>0</v>
      </c>
      <c r="JZ24" s="109">
        <v>0</v>
      </c>
      <c r="KA24" s="110">
        <v>140187</v>
      </c>
      <c r="KB24" s="298">
        <v>140187</v>
      </c>
      <c r="KC24" s="221">
        <v>0</v>
      </c>
      <c r="KD24" s="217">
        <v>0</v>
      </c>
      <c r="KE24" s="110">
        <v>0</v>
      </c>
      <c r="KF24" s="108">
        <v>0</v>
      </c>
      <c r="KG24" s="109">
        <v>109822</v>
      </c>
      <c r="KH24" s="109">
        <v>0</v>
      </c>
      <c r="KI24" s="109">
        <v>418286</v>
      </c>
      <c r="KJ24" s="109">
        <v>0</v>
      </c>
      <c r="KK24" s="109">
        <v>0</v>
      </c>
      <c r="KL24" s="110">
        <v>528108</v>
      </c>
      <c r="KM24" s="130">
        <v>528108</v>
      </c>
      <c r="KN24" s="219">
        <v>0</v>
      </c>
      <c r="KO24" s="223">
        <v>0</v>
      </c>
      <c r="KP24" s="224">
        <v>0</v>
      </c>
      <c r="KQ24" s="127"/>
      <c r="KR24" s="109">
        <v>0</v>
      </c>
      <c r="KS24" s="109">
        <v>0</v>
      </c>
      <c r="KT24" s="109">
        <v>216150</v>
      </c>
      <c r="KU24" s="109">
        <v>0</v>
      </c>
      <c r="KV24" s="109">
        <v>219734</v>
      </c>
      <c r="KW24" s="110">
        <v>435884</v>
      </c>
      <c r="KX24" s="298">
        <v>435884</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0</v>
      </c>
      <c r="MB24" s="109">
        <v>0</v>
      </c>
      <c r="MC24" s="109">
        <v>36134</v>
      </c>
      <c r="MD24" s="110">
        <v>36134</v>
      </c>
      <c r="ME24" s="111">
        <v>36134</v>
      </c>
      <c r="MF24" s="129">
        <v>0</v>
      </c>
      <c r="MG24" s="109">
        <v>0</v>
      </c>
      <c r="MH24" s="110">
        <v>0</v>
      </c>
      <c r="MI24" s="132">
        <v>0</v>
      </c>
      <c r="MJ24" s="109">
        <v>0</v>
      </c>
      <c r="MK24" s="109">
        <v>721070</v>
      </c>
      <c r="ML24" s="109">
        <v>843710</v>
      </c>
      <c r="MM24" s="109">
        <v>916560</v>
      </c>
      <c r="MN24" s="109">
        <v>754687</v>
      </c>
      <c r="MO24" s="110">
        <v>3236027</v>
      </c>
      <c r="MP24" s="130">
        <v>3236027</v>
      </c>
      <c r="MQ24" s="129">
        <v>0</v>
      </c>
      <c r="MR24" s="109">
        <v>0</v>
      </c>
      <c r="MS24" s="110">
        <v>0</v>
      </c>
      <c r="MT24" s="132">
        <v>0</v>
      </c>
      <c r="MU24" s="109">
        <v>0</v>
      </c>
      <c r="MV24" s="109">
        <v>0</v>
      </c>
      <c r="MW24" s="109">
        <v>395104</v>
      </c>
      <c r="MX24" s="109">
        <v>433661</v>
      </c>
      <c r="MY24" s="109">
        <v>476666</v>
      </c>
      <c r="MZ24" s="110">
        <v>1305431</v>
      </c>
      <c r="NA24" s="130">
        <v>1305431</v>
      </c>
      <c r="NB24" s="129">
        <v>0</v>
      </c>
      <c r="NC24" s="109">
        <v>0</v>
      </c>
      <c r="ND24" s="110">
        <v>0</v>
      </c>
      <c r="NE24" s="132"/>
      <c r="NF24" s="109">
        <v>0</v>
      </c>
      <c r="NG24" s="109">
        <v>721070</v>
      </c>
      <c r="NH24" s="109">
        <v>448606</v>
      </c>
      <c r="NI24" s="109">
        <v>482899</v>
      </c>
      <c r="NJ24" s="109">
        <v>278021</v>
      </c>
      <c r="NK24" s="110">
        <v>1930596</v>
      </c>
      <c r="NL24" s="298">
        <v>1930596</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177744</v>
      </c>
      <c r="OJ24" s="109">
        <v>502731</v>
      </c>
      <c r="OK24" s="128">
        <v>680475</v>
      </c>
      <c r="OL24" s="108">
        <v>0</v>
      </c>
      <c r="OM24" s="109">
        <v>3230435</v>
      </c>
      <c r="ON24" s="109">
        <v>5133502</v>
      </c>
      <c r="OO24" s="109">
        <v>4744887</v>
      </c>
      <c r="OP24" s="109">
        <v>3452152</v>
      </c>
      <c r="OQ24" s="109">
        <v>3198831</v>
      </c>
      <c r="OR24" s="110">
        <v>19759807</v>
      </c>
      <c r="OS24" s="130">
        <v>20440282</v>
      </c>
    </row>
    <row r="25" spans="2:409" ht="21" customHeight="1" x14ac:dyDescent="0.2">
      <c r="B25" s="472" t="s">
        <v>20</v>
      </c>
      <c r="C25" s="100">
        <v>258671</v>
      </c>
      <c r="D25" s="104">
        <v>489698</v>
      </c>
      <c r="E25" s="103">
        <v>748369</v>
      </c>
      <c r="F25" s="100">
        <v>0</v>
      </c>
      <c r="G25" s="104">
        <v>2305898</v>
      </c>
      <c r="H25" s="104">
        <v>4031931</v>
      </c>
      <c r="I25" s="104">
        <v>3965275</v>
      </c>
      <c r="J25" s="104">
        <v>3692479</v>
      </c>
      <c r="K25" s="104">
        <v>2543123</v>
      </c>
      <c r="L25" s="160">
        <v>16538706</v>
      </c>
      <c r="M25" s="106">
        <v>17287075</v>
      </c>
      <c r="N25" s="100">
        <v>71442</v>
      </c>
      <c r="O25" s="104">
        <v>173965</v>
      </c>
      <c r="P25" s="103">
        <v>245407</v>
      </c>
      <c r="Q25" s="100">
        <v>0</v>
      </c>
      <c r="R25" s="104">
        <v>1005898</v>
      </c>
      <c r="S25" s="104">
        <v>1337841</v>
      </c>
      <c r="T25" s="104">
        <v>1446889</v>
      </c>
      <c r="U25" s="104">
        <v>1104204</v>
      </c>
      <c r="V25" s="104">
        <v>1068840</v>
      </c>
      <c r="W25" s="103">
        <v>5963672</v>
      </c>
      <c r="X25" s="106">
        <v>6209079</v>
      </c>
      <c r="Y25" s="100">
        <v>0</v>
      </c>
      <c r="Z25" s="104">
        <v>0</v>
      </c>
      <c r="AA25" s="103">
        <v>0</v>
      </c>
      <c r="AB25" s="100">
        <v>0</v>
      </c>
      <c r="AC25" s="104">
        <v>245660</v>
      </c>
      <c r="AD25" s="104">
        <v>467652</v>
      </c>
      <c r="AE25" s="104">
        <v>676711</v>
      </c>
      <c r="AF25" s="104">
        <v>515363</v>
      </c>
      <c r="AG25" s="104">
        <v>283605</v>
      </c>
      <c r="AH25" s="103">
        <v>2188991</v>
      </c>
      <c r="AI25" s="106">
        <v>2188991</v>
      </c>
      <c r="AJ25" s="100">
        <v>0</v>
      </c>
      <c r="AK25" s="104">
        <v>0</v>
      </c>
      <c r="AL25" s="103">
        <v>0</v>
      </c>
      <c r="AM25" s="100">
        <v>0</v>
      </c>
      <c r="AN25" s="104">
        <v>51818</v>
      </c>
      <c r="AO25" s="104">
        <v>41452</v>
      </c>
      <c r="AP25" s="104">
        <v>0</v>
      </c>
      <c r="AQ25" s="104">
        <v>112862</v>
      </c>
      <c r="AR25" s="104">
        <v>181902</v>
      </c>
      <c r="AS25" s="103">
        <v>388034</v>
      </c>
      <c r="AT25" s="106">
        <v>388034</v>
      </c>
      <c r="AU25" s="100">
        <v>25312</v>
      </c>
      <c r="AV25" s="104">
        <v>97783</v>
      </c>
      <c r="AW25" s="103">
        <v>123095</v>
      </c>
      <c r="AX25" s="100">
        <v>0</v>
      </c>
      <c r="AY25" s="104">
        <v>469759</v>
      </c>
      <c r="AZ25" s="104">
        <v>497008</v>
      </c>
      <c r="BA25" s="104">
        <v>498953</v>
      </c>
      <c r="BB25" s="104">
        <v>292702</v>
      </c>
      <c r="BC25" s="104">
        <v>432294</v>
      </c>
      <c r="BD25" s="103">
        <v>2190716</v>
      </c>
      <c r="BE25" s="106">
        <v>2313811</v>
      </c>
      <c r="BF25" s="100">
        <v>0</v>
      </c>
      <c r="BG25" s="104">
        <v>66515</v>
      </c>
      <c r="BH25" s="102">
        <v>66515</v>
      </c>
      <c r="BI25" s="101">
        <v>0</v>
      </c>
      <c r="BJ25" s="104">
        <v>137945</v>
      </c>
      <c r="BK25" s="104">
        <v>207556</v>
      </c>
      <c r="BL25" s="104">
        <v>104667</v>
      </c>
      <c r="BM25" s="104">
        <v>52776</v>
      </c>
      <c r="BN25" s="104">
        <v>23675</v>
      </c>
      <c r="BO25" s="103">
        <v>526619</v>
      </c>
      <c r="BP25" s="106">
        <v>593134</v>
      </c>
      <c r="BQ25" s="100">
        <v>46130</v>
      </c>
      <c r="BR25" s="104">
        <v>9667</v>
      </c>
      <c r="BS25" s="103">
        <v>55797</v>
      </c>
      <c r="BT25" s="100">
        <v>0</v>
      </c>
      <c r="BU25" s="104">
        <v>100716</v>
      </c>
      <c r="BV25" s="104">
        <v>124173</v>
      </c>
      <c r="BW25" s="104">
        <v>166558</v>
      </c>
      <c r="BX25" s="104">
        <v>130501</v>
      </c>
      <c r="BY25" s="104">
        <v>147364</v>
      </c>
      <c r="BZ25" s="103">
        <v>669312</v>
      </c>
      <c r="CA25" s="106">
        <v>725109</v>
      </c>
      <c r="CB25" s="100">
        <v>0</v>
      </c>
      <c r="CC25" s="104">
        <v>139161</v>
      </c>
      <c r="CD25" s="103">
        <v>139161</v>
      </c>
      <c r="CE25" s="100">
        <v>0</v>
      </c>
      <c r="CF25" s="104">
        <v>611778</v>
      </c>
      <c r="CG25" s="104">
        <v>1510465</v>
      </c>
      <c r="CH25" s="104">
        <v>1185862</v>
      </c>
      <c r="CI25" s="104">
        <v>567217</v>
      </c>
      <c r="CJ25" s="104">
        <v>600989</v>
      </c>
      <c r="CK25" s="103">
        <v>4476311</v>
      </c>
      <c r="CL25" s="106">
        <v>4615472</v>
      </c>
      <c r="CM25" s="100">
        <v>0</v>
      </c>
      <c r="CN25" s="104">
        <v>0</v>
      </c>
      <c r="CO25" s="103">
        <v>0</v>
      </c>
      <c r="CP25" s="101">
        <v>0</v>
      </c>
      <c r="CQ25" s="104">
        <v>379939</v>
      </c>
      <c r="CR25" s="104">
        <v>971435</v>
      </c>
      <c r="CS25" s="104">
        <v>838397</v>
      </c>
      <c r="CT25" s="104">
        <v>307586</v>
      </c>
      <c r="CU25" s="104">
        <v>426216</v>
      </c>
      <c r="CV25" s="103">
        <v>2923573</v>
      </c>
      <c r="CW25" s="106">
        <v>2923573</v>
      </c>
      <c r="CX25" s="100">
        <v>0</v>
      </c>
      <c r="CY25" s="104">
        <v>139161</v>
      </c>
      <c r="CZ25" s="103">
        <v>139161</v>
      </c>
      <c r="DA25" s="100">
        <v>0</v>
      </c>
      <c r="DB25" s="104">
        <v>231839</v>
      </c>
      <c r="DC25" s="104">
        <v>539030</v>
      </c>
      <c r="DD25" s="104">
        <v>347465</v>
      </c>
      <c r="DE25" s="104">
        <v>259631</v>
      </c>
      <c r="DF25" s="104">
        <v>174773</v>
      </c>
      <c r="DG25" s="103">
        <v>1552738</v>
      </c>
      <c r="DH25" s="106">
        <v>1691899</v>
      </c>
      <c r="DI25" s="100">
        <v>0</v>
      </c>
      <c r="DJ25" s="104">
        <v>0</v>
      </c>
      <c r="DK25" s="102">
        <v>0</v>
      </c>
      <c r="DL25" s="101">
        <v>0</v>
      </c>
      <c r="DM25" s="104">
        <v>195599</v>
      </c>
      <c r="DN25" s="104">
        <v>141671</v>
      </c>
      <c r="DO25" s="104">
        <v>261026</v>
      </c>
      <c r="DP25" s="104">
        <v>718220</v>
      </c>
      <c r="DQ25" s="104">
        <v>77888</v>
      </c>
      <c r="DR25" s="103">
        <v>1394404</v>
      </c>
      <c r="DS25" s="106">
        <v>1394404</v>
      </c>
      <c r="DT25" s="100">
        <v>0</v>
      </c>
      <c r="DU25" s="104">
        <v>0</v>
      </c>
      <c r="DV25" s="103">
        <v>0</v>
      </c>
      <c r="DW25" s="100">
        <v>0</v>
      </c>
      <c r="DX25" s="104">
        <v>195599</v>
      </c>
      <c r="DY25" s="104">
        <v>141671</v>
      </c>
      <c r="DZ25" s="104">
        <v>149700</v>
      </c>
      <c r="EA25" s="104">
        <v>639217</v>
      </c>
      <c r="EB25" s="104">
        <v>77888</v>
      </c>
      <c r="EC25" s="103">
        <v>1204075</v>
      </c>
      <c r="ED25" s="106">
        <v>1204075</v>
      </c>
      <c r="EE25" s="100">
        <v>0</v>
      </c>
      <c r="EF25" s="102">
        <v>0</v>
      </c>
      <c r="EG25" s="103">
        <v>0</v>
      </c>
      <c r="EH25" s="100">
        <v>0</v>
      </c>
      <c r="EI25" s="104">
        <v>0</v>
      </c>
      <c r="EJ25" s="104">
        <v>0</v>
      </c>
      <c r="EK25" s="104">
        <v>111326</v>
      </c>
      <c r="EL25" s="104">
        <v>79003</v>
      </c>
      <c r="EM25" s="104">
        <v>0</v>
      </c>
      <c r="EN25" s="102">
        <v>190329</v>
      </c>
      <c r="EO25" s="106">
        <v>190329</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37891</v>
      </c>
      <c r="FM25" s="104">
        <v>100118</v>
      </c>
      <c r="FN25" s="103">
        <v>138009</v>
      </c>
      <c r="FO25" s="100">
        <v>0</v>
      </c>
      <c r="FP25" s="104">
        <v>177142</v>
      </c>
      <c r="FQ25" s="104">
        <v>336976</v>
      </c>
      <c r="FR25" s="104">
        <v>406315</v>
      </c>
      <c r="FS25" s="104">
        <v>309015</v>
      </c>
      <c r="FT25" s="104">
        <v>259833</v>
      </c>
      <c r="FU25" s="103">
        <v>1489281</v>
      </c>
      <c r="FV25" s="106">
        <v>1627290</v>
      </c>
      <c r="FW25" s="105">
        <v>37891</v>
      </c>
      <c r="FX25" s="104">
        <v>100118</v>
      </c>
      <c r="FY25" s="102">
        <v>138009</v>
      </c>
      <c r="FZ25" s="101">
        <v>0</v>
      </c>
      <c r="GA25" s="104">
        <v>177142</v>
      </c>
      <c r="GB25" s="104">
        <v>326235</v>
      </c>
      <c r="GC25" s="104">
        <v>317415</v>
      </c>
      <c r="GD25" s="104">
        <v>281295</v>
      </c>
      <c r="GE25" s="104">
        <v>259833</v>
      </c>
      <c r="GF25" s="103">
        <v>1361920</v>
      </c>
      <c r="GG25" s="296">
        <v>1499929</v>
      </c>
      <c r="GH25" s="105">
        <v>0</v>
      </c>
      <c r="GI25" s="104">
        <v>0</v>
      </c>
      <c r="GJ25" s="102">
        <v>0</v>
      </c>
      <c r="GK25" s="101">
        <v>0</v>
      </c>
      <c r="GL25" s="104">
        <v>0</v>
      </c>
      <c r="GM25" s="104">
        <v>10741</v>
      </c>
      <c r="GN25" s="104">
        <v>0</v>
      </c>
      <c r="GO25" s="104">
        <v>27720</v>
      </c>
      <c r="GP25" s="104">
        <v>0</v>
      </c>
      <c r="GQ25" s="103">
        <v>38461</v>
      </c>
      <c r="GR25" s="106">
        <v>38461</v>
      </c>
      <c r="GS25" s="100">
        <v>0</v>
      </c>
      <c r="GT25" s="104">
        <v>0</v>
      </c>
      <c r="GU25" s="103">
        <v>0</v>
      </c>
      <c r="GV25" s="100">
        <v>0</v>
      </c>
      <c r="GW25" s="104">
        <v>0</v>
      </c>
      <c r="GX25" s="104">
        <v>0</v>
      </c>
      <c r="GY25" s="104">
        <v>88900</v>
      </c>
      <c r="GZ25" s="104">
        <v>0</v>
      </c>
      <c r="HA25" s="104">
        <v>0</v>
      </c>
      <c r="HB25" s="102">
        <v>88900</v>
      </c>
      <c r="HC25" s="106">
        <v>88900</v>
      </c>
      <c r="HD25" s="100">
        <v>149338</v>
      </c>
      <c r="HE25" s="104">
        <v>76454</v>
      </c>
      <c r="HF25" s="102">
        <v>225792</v>
      </c>
      <c r="HG25" s="101">
        <v>0</v>
      </c>
      <c r="HH25" s="104">
        <v>315481</v>
      </c>
      <c r="HI25" s="104">
        <v>704978</v>
      </c>
      <c r="HJ25" s="104">
        <v>665183</v>
      </c>
      <c r="HK25" s="104">
        <v>993823</v>
      </c>
      <c r="HL25" s="104">
        <v>535573</v>
      </c>
      <c r="HM25" s="103">
        <v>3215038</v>
      </c>
      <c r="HN25" s="99">
        <v>3440830</v>
      </c>
      <c r="HO25" s="306"/>
      <c r="HP25" s="307"/>
      <c r="HQ25" s="308"/>
      <c r="HR25" s="309"/>
      <c r="HS25" s="307"/>
      <c r="HT25" s="307"/>
      <c r="HU25" s="307"/>
      <c r="HV25" s="307"/>
      <c r="HW25" s="307"/>
      <c r="HX25" s="310"/>
      <c r="HY25" s="311"/>
      <c r="HZ25" s="118">
        <v>0</v>
      </c>
      <c r="IA25" s="119">
        <v>65135</v>
      </c>
      <c r="IB25" s="120">
        <v>65135</v>
      </c>
      <c r="IC25" s="133">
        <v>0</v>
      </c>
      <c r="ID25" s="119">
        <v>771573</v>
      </c>
      <c r="IE25" s="134">
        <v>548463</v>
      </c>
      <c r="IF25" s="120">
        <v>666751</v>
      </c>
      <c r="IG25" s="119">
        <v>0</v>
      </c>
      <c r="IH25" s="120">
        <v>234738</v>
      </c>
      <c r="II25" s="135">
        <v>2221525</v>
      </c>
      <c r="IJ25" s="126">
        <v>2286660</v>
      </c>
      <c r="IK25" s="219">
        <v>0</v>
      </c>
      <c r="IL25" s="223">
        <v>0</v>
      </c>
      <c r="IM25" s="224">
        <v>0</v>
      </c>
      <c r="IN25" s="127"/>
      <c r="IO25" s="109">
        <v>0</v>
      </c>
      <c r="IP25" s="109">
        <v>84598</v>
      </c>
      <c r="IQ25" s="109">
        <v>0</v>
      </c>
      <c r="IR25" s="109">
        <v>0</v>
      </c>
      <c r="IS25" s="109">
        <v>0</v>
      </c>
      <c r="IT25" s="128">
        <v>84598</v>
      </c>
      <c r="IU25" s="298">
        <v>8459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185149</v>
      </c>
      <c r="JL25" s="109">
        <v>251992</v>
      </c>
      <c r="JM25" s="109">
        <v>25083</v>
      </c>
      <c r="JN25" s="109">
        <v>0</v>
      </c>
      <c r="JO25" s="109">
        <v>0</v>
      </c>
      <c r="JP25" s="110">
        <v>462224</v>
      </c>
      <c r="JQ25" s="298">
        <v>462224</v>
      </c>
      <c r="JR25" s="129">
        <v>0</v>
      </c>
      <c r="JS25" s="109">
        <v>0</v>
      </c>
      <c r="JT25" s="128">
        <v>0</v>
      </c>
      <c r="JU25" s="108">
        <v>0</v>
      </c>
      <c r="JV25" s="109">
        <v>0</v>
      </c>
      <c r="JW25" s="109">
        <v>0</v>
      </c>
      <c r="JX25" s="109">
        <v>0</v>
      </c>
      <c r="JY25" s="109">
        <v>0</v>
      </c>
      <c r="JZ25" s="109">
        <v>0</v>
      </c>
      <c r="KA25" s="110">
        <v>0</v>
      </c>
      <c r="KB25" s="298">
        <v>0</v>
      </c>
      <c r="KC25" s="221">
        <v>0</v>
      </c>
      <c r="KD25" s="217">
        <v>65135</v>
      </c>
      <c r="KE25" s="110">
        <v>65135</v>
      </c>
      <c r="KF25" s="108">
        <v>0</v>
      </c>
      <c r="KG25" s="109">
        <v>180355</v>
      </c>
      <c r="KH25" s="109">
        <v>0</v>
      </c>
      <c r="KI25" s="109">
        <v>203674</v>
      </c>
      <c r="KJ25" s="109">
        <v>0</v>
      </c>
      <c r="KK25" s="109">
        <v>0</v>
      </c>
      <c r="KL25" s="110">
        <v>384029</v>
      </c>
      <c r="KM25" s="130">
        <v>449164</v>
      </c>
      <c r="KN25" s="219">
        <v>0</v>
      </c>
      <c r="KO25" s="223">
        <v>0</v>
      </c>
      <c r="KP25" s="224">
        <v>0</v>
      </c>
      <c r="KQ25" s="127"/>
      <c r="KR25" s="109">
        <v>406069</v>
      </c>
      <c r="KS25" s="109">
        <v>211873</v>
      </c>
      <c r="KT25" s="109">
        <v>437994</v>
      </c>
      <c r="KU25" s="109">
        <v>0</v>
      </c>
      <c r="KV25" s="109">
        <v>234738</v>
      </c>
      <c r="KW25" s="110">
        <v>1290674</v>
      </c>
      <c r="KX25" s="298">
        <v>1290674</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v>0</v>
      </c>
      <c r="MJ25" s="109">
        <v>386127</v>
      </c>
      <c r="MK25" s="109">
        <v>453510</v>
      </c>
      <c r="ML25" s="109">
        <v>257320</v>
      </c>
      <c r="MM25" s="109">
        <v>2804618</v>
      </c>
      <c r="MN25" s="109">
        <v>1521428</v>
      </c>
      <c r="MO25" s="110">
        <v>5423003</v>
      </c>
      <c r="MP25" s="130">
        <v>5423003</v>
      </c>
      <c r="MQ25" s="129">
        <v>0</v>
      </c>
      <c r="MR25" s="109">
        <v>0</v>
      </c>
      <c r="MS25" s="110">
        <v>0</v>
      </c>
      <c r="MT25" s="132">
        <v>0</v>
      </c>
      <c r="MU25" s="109">
        <v>0</v>
      </c>
      <c r="MV25" s="109">
        <v>212449</v>
      </c>
      <c r="MW25" s="109">
        <v>257320</v>
      </c>
      <c r="MX25" s="109">
        <v>2035583</v>
      </c>
      <c r="MY25" s="109">
        <v>1521428</v>
      </c>
      <c r="MZ25" s="110">
        <v>4026780</v>
      </c>
      <c r="NA25" s="130">
        <v>4026780</v>
      </c>
      <c r="NB25" s="129">
        <v>0</v>
      </c>
      <c r="NC25" s="109">
        <v>0</v>
      </c>
      <c r="ND25" s="110">
        <v>0</v>
      </c>
      <c r="NE25" s="132"/>
      <c r="NF25" s="109">
        <v>386127</v>
      </c>
      <c r="NG25" s="109">
        <v>241061</v>
      </c>
      <c r="NH25" s="109">
        <v>0</v>
      </c>
      <c r="NI25" s="109">
        <v>769035</v>
      </c>
      <c r="NJ25" s="109">
        <v>0</v>
      </c>
      <c r="NK25" s="110">
        <v>1396223</v>
      </c>
      <c r="NL25" s="298">
        <v>1396223</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58671</v>
      </c>
      <c r="OJ25" s="109">
        <v>554833</v>
      </c>
      <c r="OK25" s="128">
        <v>813504</v>
      </c>
      <c r="OL25" s="108">
        <v>0</v>
      </c>
      <c r="OM25" s="109">
        <v>3463598</v>
      </c>
      <c r="ON25" s="109">
        <v>5033904</v>
      </c>
      <c r="OO25" s="109">
        <v>4889346</v>
      </c>
      <c r="OP25" s="109">
        <v>6497097</v>
      </c>
      <c r="OQ25" s="109">
        <v>4299289</v>
      </c>
      <c r="OR25" s="110">
        <v>24183234</v>
      </c>
      <c r="OS25" s="130">
        <v>24996738</v>
      </c>
    </row>
    <row r="26" spans="2:409" ht="21" customHeight="1" x14ac:dyDescent="0.2">
      <c r="B26" s="472" t="s">
        <v>21</v>
      </c>
      <c r="C26" s="100">
        <v>205668</v>
      </c>
      <c r="D26" s="104">
        <v>353975</v>
      </c>
      <c r="E26" s="103">
        <v>559643</v>
      </c>
      <c r="F26" s="99">
        <v>0</v>
      </c>
      <c r="G26" s="104">
        <v>3330943</v>
      </c>
      <c r="H26" s="104">
        <v>2366924</v>
      </c>
      <c r="I26" s="104">
        <v>1867037</v>
      </c>
      <c r="J26" s="104">
        <v>2436879</v>
      </c>
      <c r="K26" s="104">
        <v>2382577</v>
      </c>
      <c r="L26" s="160">
        <v>12384360</v>
      </c>
      <c r="M26" s="106">
        <v>12944003</v>
      </c>
      <c r="N26" s="100">
        <v>74657</v>
      </c>
      <c r="O26" s="104">
        <v>72037</v>
      </c>
      <c r="P26" s="103">
        <v>146694</v>
      </c>
      <c r="Q26" s="100">
        <v>0</v>
      </c>
      <c r="R26" s="104">
        <v>1360618</v>
      </c>
      <c r="S26" s="104">
        <v>422396</v>
      </c>
      <c r="T26" s="104">
        <v>250065</v>
      </c>
      <c r="U26" s="104">
        <v>795359</v>
      </c>
      <c r="V26" s="104">
        <v>1708390</v>
      </c>
      <c r="W26" s="103">
        <v>4536828</v>
      </c>
      <c r="X26" s="106">
        <v>4683522</v>
      </c>
      <c r="Y26" s="100">
        <v>0</v>
      </c>
      <c r="Z26" s="104">
        <v>0</v>
      </c>
      <c r="AA26" s="103">
        <v>0</v>
      </c>
      <c r="AB26" s="100">
        <v>0</v>
      </c>
      <c r="AC26" s="104">
        <v>492177</v>
      </c>
      <c r="AD26" s="104">
        <v>262654</v>
      </c>
      <c r="AE26" s="104">
        <v>-23105</v>
      </c>
      <c r="AF26" s="104">
        <v>459541</v>
      </c>
      <c r="AG26" s="104">
        <v>1143220</v>
      </c>
      <c r="AH26" s="103">
        <v>2334487</v>
      </c>
      <c r="AI26" s="106">
        <v>2334487</v>
      </c>
      <c r="AJ26" s="100">
        <v>0</v>
      </c>
      <c r="AK26" s="104">
        <v>0</v>
      </c>
      <c r="AL26" s="103">
        <v>0</v>
      </c>
      <c r="AM26" s="100">
        <v>0</v>
      </c>
      <c r="AN26" s="104">
        <v>0</v>
      </c>
      <c r="AO26" s="104">
        <v>11856</v>
      </c>
      <c r="AP26" s="104">
        <v>0</v>
      </c>
      <c r="AQ26" s="104">
        <v>0</v>
      </c>
      <c r="AR26" s="104">
        <v>155350</v>
      </c>
      <c r="AS26" s="103">
        <v>167206</v>
      </c>
      <c r="AT26" s="106">
        <v>167206</v>
      </c>
      <c r="AU26" s="100">
        <v>16837</v>
      </c>
      <c r="AV26" s="104">
        <v>41524</v>
      </c>
      <c r="AW26" s="103">
        <v>58361</v>
      </c>
      <c r="AX26" s="100">
        <v>0</v>
      </c>
      <c r="AY26" s="104">
        <v>532861</v>
      </c>
      <c r="AZ26" s="104">
        <v>-143293</v>
      </c>
      <c r="BA26" s="104">
        <v>28874</v>
      </c>
      <c r="BB26" s="104">
        <v>181678</v>
      </c>
      <c r="BC26" s="104">
        <v>298683</v>
      </c>
      <c r="BD26" s="103">
        <v>898803</v>
      </c>
      <c r="BE26" s="106">
        <v>957164</v>
      </c>
      <c r="BF26" s="100">
        <v>0</v>
      </c>
      <c r="BG26" s="104">
        <v>0</v>
      </c>
      <c r="BH26" s="102">
        <v>0</v>
      </c>
      <c r="BI26" s="101">
        <v>0</v>
      </c>
      <c r="BJ26" s="104">
        <v>172298</v>
      </c>
      <c r="BK26" s="104">
        <v>0</v>
      </c>
      <c r="BL26" s="104">
        <v>78109</v>
      </c>
      <c r="BM26" s="104">
        <v>0</v>
      </c>
      <c r="BN26" s="104">
        <v>28026</v>
      </c>
      <c r="BO26" s="103">
        <v>278433</v>
      </c>
      <c r="BP26" s="106">
        <v>278433</v>
      </c>
      <c r="BQ26" s="100">
        <v>57820</v>
      </c>
      <c r="BR26" s="104">
        <v>30513</v>
      </c>
      <c r="BS26" s="103">
        <v>88333</v>
      </c>
      <c r="BT26" s="100">
        <v>0</v>
      </c>
      <c r="BU26" s="104">
        <v>163282</v>
      </c>
      <c r="BV26" s="104">
        <v>291179</v>
      </c>
      <c r="BW26" s="104">
        <v>166187</v>
      </c>
      <c r="BX26" s="104">
        <v>154140</v>
      </c>
      <c r="BY26" s="104">
        <v>83111</v>
      </c>
      <c r="BZ26" s="103">
        <v>857899</v>
      </c>
      <c r="CA26" s="106">
        <v>946232</v>
      </c>
      <c r="CB26" s="100">
        <v>0</v>
      </c>
      <c r="CC26" s="104">
        <v>33187</v>
      </c>
      <c r="CD26" s="103">
        <v>33187</v>
      </c>
      <c r="CE26" s="100">
        <v>0</v>
      </c>
      <c r="CF26" s="104">
        <v>869146</v>
      </c>
      <c r="CG26" s="104">
        <v>358079</v>
      </c>
      <c r="CH26" s="104">
        <v>677840</v>
      </c>
      <c r="CI26" s="104">
        <v>398350</v>
      </c>
      <c r="CJ26" s="104">
        <v>268147</v>
      </c>
      <c r="CK26" s="103">
        <v>2571562</v>
      </c>
      <c r="CL26" s="106">
        <v>2604749</v>
      </c>
      <c r="CM26" s="100">
        <v>0</v>
      </c>
      <c r="CN26" s="104">
        <v>0</v>
      </c>
      <c r="CO26" s="103">
        <v>0</v>
      </c>
      <c r="CP26" s="101">
        <v>0</v>
      </c>
      <c r="CQ26" s="104">
        <v>725813</v>
      </c>
      <c r="CR26" s="104">
        <v>176508</v>
      </c>
      <c r="CS26" s="104">
        <v>677840</v>
      </c>
      <c r="CT26" s="104">
        <v>229222</v>
      </c>
      <c r="CU26" s="104">
        <v>135354</v>
      </c>
      <c r="CV26" s="103">
        <v>1944737</v>
      </c>
      <c r="CW26" s="106">
        <v>1944737</v>
      </c>
      <c r="CX26" s="100">
        <v>0</v>
      </c>
      <c r="CY26" s="104">
        <v>33187</v>
      </c>
      <c r="CZ26" s="103">
        <v>33187</v>
      </c>
      <c r="DA26" s="100">
        <v>0</v>
      </c>
      <c r="DB26" s="104">
        <v>143333</v>
      </c>
      <c r="DC26" s="104">
        <v>181571</v>
      </c>
      <c r="DD26" s="104">
        <v>0</v>
      </c>
      <c r="DE26" s="104">
        <v>169128</v>
      </c>
      <c r="DF26" s="104">
        <v>132793</v>
      </c>
      <c r="DG26" s="103">
        <v>626825</v>
      </c>
      <c r="DH26" s="106">
        <v>660012</v>
      </c>
      <c r="DI26" s="100">
        <v>8669</v>
      </c>
      <c r="DJ26" s="104">
        <v>53555</v>
      </c>
      <c r="DK26" s="102">
        <v>62224</v>
      </c>
      <c r="DL26" s="101">
        <v>0</v>
      </c>
      <c r="DM26" s="104">
        <v>88759</v>
      </c>
      <c r="DN26" s="104">
        <v>112975</v>
      </c>
      <c r="DO26" s="104">
        <v>-390091</v>
      </c>
      <c r="DP26" s="104">
        <v>380231</v>
      </c>
      <c r="DQ26" s="104">
        <v>213883</v>
      </c>
      <c r="DR26" s="103">
        <v>405757</v>
      </c>
      <c r="DS26" s="106">
        <v>467981</v>
      </c>
      <c r="DT26" s="100">
        <v>8669</v>
      </c>
      <c r="DU26" s="104">
        <v>53555</v>
      </c>
      <c r="DV26" s="103">
        <v>62224</v>
      </c>
      <c r="DW26" s="100">
        <v>0</v>
      </c>
      <c r="DX26" s="104">
        <v>88759</v>
      </c>
      <c r="DY26" s="104">
        <v>29346</v>
      </c>
      <c r="DZ26" s="104">
        <v>-390091</v>
      </c>
      <c r="EA26" s="104">
        <v>380231</v>
      </c>
      <c r="EB26" s="104">
        <v>213883</v>
      </c>
      <c r="EC26" s="103">
        <v>322128</v>
      </c>
      <c r="ED26" s="106">
        <v>384352</v>
      </c>
      <c r="EE26" s="100">
        <v>0</v>
      </c>
      <c r="EF26" s="102">
        <v>0</v>
      </c>
      <c r="EG26" s="103">
        <v>0</v>
      </c>
      <c r="EH26" s="100">
        <v>0</v>
      </c>
      <c r="EI26" s="104">
        <v>0</v>
      </c>
      <c r="EJ26" s="104">
        <v>83629</v>
      </c>
      <c r="EK26" s="104">
        <v>0</v>
      </c>
      <c r="EL26" s="104">
        <v>0</v>
      </c>
      <c r="EM26" s="104">
        <v>0</v>
      </c>
      <c r="EN26" s="102">
        <v>83629</v>
      </c>
      <c r="EO26" s="106">
        <v>83629</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28000</v>
      </c>
      <c r="FM26" s="104">
        <v>36358</v>
      </c>
      <c r="FN26" s="103">
        <v>64358</v>
      </c>
      <c r="FO26" s="100">
        <v>0</v>
      </c>
      <c r="FP26" s="104">
        <v>206780</v>
      </c>
      <c r="FQ26" s="104">
        <v>242361</v>
      </c>
      <c r="FR26" s="104">
        <v>276934</v>
      </c>
      <c r="FS26" s="104">
        <v>106281</v>
      </c>
      <c r="FT26" s="104">
        <v>192157</v>
      </c>
      <c r="FU26" s="103">
        <v>1024513</v>
      </c>
      <c r="FV26" s="106">
        <v>1088871</v>
      </c>
      <c r="FW26" s="105">
        <v>28000</v>
      </c>
      <c r="FX26" s="104">
        <v>36358</v>
      </c>
      <c r="FY26" s="102">
        <v>64358</v>
      </c>
      <c r="FZ26" s="101">
        <v>0</v>
      </c>
      <c r="GA26" s="104">
        <v>70280</v>
      </c>
      <c r="GB26" s="104">
        <v>242361</v>
      </c>
      <c r="GC26" s="104">
        <v>125202</v>
      </c>
      <c r="GD26" s="104">
        <v>106281</v>
      </c>
      <c r="GE26" s="104">
        <v>192157</v>
      </c>
      <c r="GF26" s="103">
        <v>736281</v>
      </c>
      <c r="GG26" s="296">
        <v>800639</v>
      </c>
      <c r="GH26" s="105">
        <v>0</v>
      </c>
      <c r="GI26" s="104">
        <v>0</v>
      </c>
      <c r="GJ26" s="102">
        <v>0</v>
      </c>
      <c r="GK26" s="101">
        <v>0</v>
      </c>
      <c r="GL26" s="104">
        <v>0</v>
      </c>
      <c r="GM26" s="104">
        <v>0</v>
      </c>
      <c r="GN26" s="104">
        <v>16632</v>
      </c>
      <c r="GO26" s="104">
        <v>0</v>
      </c>
      <c r="GP26" s="104">
        <v>0</v>
      </c>
      <c r="GQ26" s="103">
        <v>16632</v>
      </c>
      <c r="GR26" s="106">
        <v>16632</v>
      </c>
      <c r="GS26" s="100">
        <v>0</v>
      </c>
      <c r="GT26" s="104">
        <v>0</v>
      </c>
      <c r="GU26" s="103">
        <v>0</v>
      </c>
      <c r="GV26" s="100">
        <v>0</v>
      </c>
      <c r="GW26" s="104">
        <v>136500</v>
      </c>
      <c r="GX26" s="104">
        <v>0</v>
      </c>
      <c r="GY26" s="104">
        <v>135100</v>
      </c>
      <c r="GZ26" s="104">
        <v>0</v>
      </c>
      <c r="HA26" s="104">
        <v>0</v>
      </c>
      <c r="HB26" s="102">
        <v>271600</v>
      </c>
      <c r="HC26" s="106">
        <v>271600</v>
      </c>
      <c r="HD26" s="100">
        <v>94342</v>
      </c>
      <c r="HE26" s="104">
        <v>158838</v>
      </c>
      <c r="HF26" s="102">
        <v>253180</v>
      </c>
      <c r="HG26" s="101">
        <v>0</v>
      </c>
      <c r="HH26" s="104">
        <v>805640</v>
      </c>
      <c r="HI26" s="104">
        <v>1231113</v>
      </c>
      <c r="HJ26" s="104">
        <v>1052289</v>
      </c>
      <c r="HK26" s="104">
        <v>756658</v>
      </c>
      <c r="HL26" s="104">
        <v>0</v>
      </c>
      <c r="HM26" s="103">
        <v>3845700</v>
      </c>
      <c r="HN26" s="99">
        <v>4098880</v>
      </c>
      <c r="HO26" s="306"/>
      <c r="HP26" s="307"/>
      <c r="HQ26" s="308"/>
      <c r="HR26" s="309"/>
      <c r="HS26" s="307"/>
      <c r="HT26" s="307"/>
      <c r="HU26" s="307"/>
      <c r="HV26" s="307"/>
      <c r="HW26" s="307"/>
      <c r="HX26" s="310"/>
      <c r="HY26" s="311"/>
      <c r="HZ26" s="137">
        <v>0</v>
      </c>
      <c r="IA26" s="122">
        <v>0</v>
      </c>
      <c r="IB26" s="137">
        <v>0</v>
      </c>
      <c r="IC26" s="121">
        <v>0</v>
      </c>
      <c r="ID26" s="122">
        <v>516768</v>
      </c>
      <c r="IE26" s="123">
        <v>778728</v>
      </c>
      <c r="IF26" s="124">
        <v>602863</v>
      </c>
      <c r="IG26" s="122">
        <v>708194</v>
      </c>
      <c r="IH26" s="124">
        <v>0</v>
      </c>
      <c r="II26" s="125">
        <v>2606553</v>
      </c>
      <c r="IJ26" s="137">
        <v>2606553</v>
      </c>
      <c r="IK26" s="219">
        <v>0</v>
      </c>
      <c r="IL26" s="223">
        <v>0</v>
      </c>
      <c r="IM26" s="224">
        <v>0</v>
      </c>
      <c r="IN26" s="127"/>
      <c r="IO26" s="109">
        <v>63042</v>
      </c>
      <c r="IP26" s="109">
        <v>0</v>
      </c>
      <c r="IQ26" s="109">
        <v>0</v>
      </c>
      <c r="IR26" s="109">
        <v>0</v>
      </c>
      <c r="IS26" s="109">
        <v>0</v>
      </c>
      <c r="IT26" s="128">
        <v>63042</v>
      </c>
      <c r="IU26" s="298">
        <v>63042</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360683</v>
      </c>
      <c r="JL26" s="109">
        <v>265232</v>
      </c>
      <c r="JM26" s="109">
        <v>170307</v>
      </c>
      <c r="JN26" s="109">
        <v>42171</v>
      </c>
      <c r="JO26" s="109">
        <v>0</v>
      </c>
      <c r="JP26" s="110">
        <v>838393</v>
      </c>
      <c r="JQ26" s="298">
        <v>838393</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93043</v>
      </c>
      <c r="KH26" s="109">
        <v>0</v>
      </c>
      <c r="KI26" s="109">
        <v>0</v>
      </c>
      <c r="KJ26" s="109">
        <v>223137</v>
      </c>
      <c r="KK26" s="109">
        <v>0</v>
      </c>
      <c r="KL26" s="110">
        <v>316180</v>
      </c>
      <c r="KM26" s="130">
        <v>316180</v>
      </c>
      <c r="KN26" s="219">
        <v>0</v>
      </c>
      <c r="KO26" s="223">
        <v>0</v>
      </c>
      <c r="KP26" s="224">
        <v>0</v>
      </c>
      <c r="KQ26" s="127"/>
      <c r="KR26" s="109">
        <v>0</v>
      </c>
      <c r="KS26" s="109">
        <v>513496</v>
      </c>
      <c r="KT26" s="109">
        <v>432556</v>
      </c>
      <c r="KU26" s="109">
        <v>442886</v>
      </c>
      <c r="KV26" s="109">
        <v>0</v>
      </c>
      <c r="KW26" s="110">
        <v>1388938</v>
      </c>
      <c r="KX26" s="298">
        <v>1388938</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v>0</v>
      </c>
      <c r="MJ26" s="109">
        <v>0</v>
      </c>
      <c r="MK26" s="109">
        <v>1164411</v>
      </c>
      <c r="ML26" s="109">
        <v>1156071</v>
      </c>
      <c r="MM26" s="109">
        <v>1707713</v>
      </c>
      <c r="MN26" s="109">
        <v>1689106</v>
      </c>
      <c r="MO26" s="110">
        <v>5717301</v>
      </c>
      <c r="MP26" s="130">
        <v>5717301</v>
      </c>
      <c r="MQ26" s="129">
        <v>0</v>
      </c>
      <c r="MR26" s="109">
        <v>0</v>
      </c>
      <c r="MS26" s="110">
        <v>0</v>
      </c>
      <c r="MT26" s="132">
        <v>0</v>
      </c>
      <c r="MU26" s="109">
        <v>0</v>
      </c>
      <c r="MV26" s="109">
        <v>0</v>
      </c>
      <c r="MW26" s="109">
        <v>805418</v>
      </c>
      <c r="MX26" s="109">
        <v>1707713</v>
      </c>
      <c r="MY26" s="109">
        <v>761797</v>
      </c>
      <c r="MZ26" s="110">
        <v>3274928</v>
      </c>
      <c r="NA26" s="130">
        <v>3274928</v>
      </c>
      <c r="NB26" s="129">
        <v>0</v>
      </c>
      <c r="NC26" s="109">
        <v>0</v>
      </c>
      <c r="ND26" s="110">
        <v>0</v>
      </c>
      <c r="NE26" s="132"/>
      <c r="NF26" s="109">
        <v>0</v>
      </c>
      <c r="NG26" s="109">
        <v>1164411</v>
      </c>
      <c r="NH26" s="109">
        <v>350653</v>
      </c>
      <c r="NI26" s="109">
        <v>0</v>
      </c>
      <c r="NJ26" s="109">
        <v>290080</v>
      </c>
      <c r="NK26" s="110">
        <v>1805144</v>
      </c>
      <c r="NL26" s="298">
        <v>1805144</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637229</v>
      </c>
      <c r="OG26" s="110">
        <v>637229</v>
      </c>
      <c r="OH26" s="111">
        <v>637229</v>
      </c>
      <c r="OI26" s="129">
        <v>205668</v>
      </c>
      <c r="OJ26" s="109">
        <v>353975</v>
      </c>
      <c r="OK26" s="128">
        <v>559643</v>
      </c>
      <c r="OL26" s="108">
        <v>0</v>
      </c>
      <c r="OM26" s="109">
        <v>3847711</v>
      </c>
      <c r="ON26" s="109">
        <v>4310063</v>
      </c>
      <c r="OO26" s="109">
        <v>3625971</v>
      </c>
      <c r="OP26" s="109">
        <v>4852786</v>
      </c>
      <c r="OQ26" s="109">
        <v>4071683</v>
      </c>
      <c r="OR26" s="110">
        <v>20708214</v>
      </c>
      <c r="OS26" s="130">
        <v>21267857</v>
      </c>
    </row>
    <row r="27" spans="2:409" ht="21" customHeight="1" x14ac:dyDescent="0.2">
      <c r="B27" s="472" t="s">
        <v>22</v>
      </c>
      <c r="C27" s="100">
        <v>72111</v>
      </c>
      <c r="D27" s="104">
        <v>107226</v>
      </c>
      <c r="E27" s="103">
        <v>179337</v>
      </c>
      <c r="F27" s="99">
        <v>0</v>
      </c>
      <c r="G27" s="104">
        <v>1091377</v>
      </c>
      <c r="H27" s="104">
        <v>1096633</v>
      </c>
      <c r="I27" s="104">
        <v>799059</v>
      </c>
      <c r="J27" s="104">
        <v>1470825</v>
      </c>
      <c r="K27" s="104">
        <v>1515542</v>
      </c>
      <c r="L27" s="160">
        <v>5973436</v>
      </c>
      <c r="M27" s="106">
        <v>6152773</v>
      </c>
      <c r="N27" s="100">
        <v>24567</v>
      </c>
      <c r="O27" s="104">
        <v>3619</v>
      </c>
      <c r="P27" s="103">
        <v>28186</v>
      </c>
      <c r="Q27" s="100">
        <v>0</v>
      </c>
      <c r="R27" s="104">
        <v>295694</v>
      </c>
      <c r="S27" s="104">
        <v>157951</v>
      </c>
      <c r="T27" s="104">
        <v>265507</v>
      </c>
      <c r="U27" s="104">
        <v>212445</v>
      </c>
      <c r="V27" s="104">
        <v>1007667</v>
      </c>
      <c r="W27" s="103">
        <v>1939264</v>
      </c>
      <c r="X27" s="106">
        <v>1967450</v>
      </c>
      <c r="Y27" s="100">
        <v>0</v>
      </c>
      <c r="Z27" s="104">
        <v>0</v>
      </c>
      <c r="AA27" s="103">
        <v>0</v>
      </c>
      <c r="AB27" s="100">
        <v>0</v>
      </c>
      <c r="AC27" s="104">
        <v>80941</v>
      </c>
      <c r="AD27" s="104">
        <v>0</v>
      </c>
      <c r="AE27" s="104">
        <v>155709</v>
      </c>
      <c r="AF27" s="104">
        <v>8421</v>
      </c>
      <c r="AG27" s="104">
        <v>340823</v>
      </c>
      <c r="AH27" s="103">
        <v>585894</v>
      </c>
      <c r="AI27" s="106">
        <v>585894</v>
      </c>
      <c r="AJ27" s="100">
        <v>0</v>
      </c>
      <c r="AK27" s="104">
        <v>0</v>
      </c>
      <c r="AL27" s="103">
        <v>0</v>
      </c>
      <c r="AM27" s="100">
        <v>0</v>
      </c>
      <c r="AN27" s="104">
        <v>0</v>
      </c>
      <c r="AO27" s="104">
        <v>0</v>
      </c>
      <c r="AP27" s="104">
        <v>20643</v>
      </c>
      <c r="AQ27" s="104">
        <v>0</v>
      </c>
      <c r="AR27" s="104">
        <v>378322</v>
      </c>
      <c r="AS27" s="103">
        <v>398965</v>
      </c>
      <c r="AT27" s="106">
        <v>398965</v>
      </c>
      <c r="AU27" s="100">
        <v>24567</v>
      </c>
      <c r="AV27" s="104">
        <v>0</v>
      </c>
      <c r="AW27" s="103">
        <v>24567</v>
      </c>
      <c r="AX27" s="100">
        <v>0</v>
      </c>
      <c r="AY27" s="104">
        <v>104209</v>
      </c>
      <c r="AZ27" s="104">
        <v>126304</v>
      </c>
      <c r="BA27" s="104">
        <v>72355</v>
      </c>
      <c r="BB27" s="104">
        <v>74461</v>
      </c>
      <c r="BC27" s="104">
        <v>280122</v>
      </c>
      <c r="BD27" s="103">
        <v>657451</v>
      </c>
      <c r="BE27" s="106">
        <v>682018</v>
      </c>
      <c r="BF27" s="100">
        <v>0</v>
      </c>
      <c r="BG27" s="104">
        <v>0</v>
      </c>
      <c r="BH27" s="102">
        <v>0</v>
      </c>
      <c r="BI27" s="101">
        <v>0</v>
      </c>
      <c r="BJ27" s="104">
        <v>60228</v>
      </c>
      <c r="BK27" s="104">
        <v>0</v>
      </c>
      <c r="BL27" s="104">
        <v>0</v>
      </c>
      <c r="BM27" s="104">
        <v>53536</v>
      </c>
      <c r="BN27" s="104">
        <v>0</v>
      </c>
      <c r="BO27" s="103">
        <v>113764</v>
      </c>
      <c r="BP27" s="106">
        <v>113764</v>
      </c>
      <c r="BQ27" s="100">
        <v>0</v>
      </c>
      <c r="BR27" s="104">
        <v>3619</v>
      </c>
      <c r="BS27" s="103">
        <v>3619</v>
      </c>
      <c r="BT27" s="100">
        <v>0</v>
      </c>
      <c r="BU27" s="104">
        <v>50316</v>
      </c>
      <c r="BV27" s="104">
        <v>31647</v>
      </c>
      <c r="BW27" s="104">
        <v>16800</v>
      </c>
      <c r="BX27" s="104">
        <v>76027</v>
      </c>
      <c r="BY27" s="104">
        <v>8400</v>
      </c>
      <c r="BZ27" s="103">
        <v>183190</v>
      </c>
      <c r="CA27" s="106">
        <v>186809</v>
      </c>
      <c r="CB27" s="100">
        <v>32452</v>
      </c>
      <c r="CC27" s="104">
        <v>0</v>
      </c>
      <c r="CD27" s="103">
        <v>32452</v>
      </c>
      <c r="CE27" s="100">
        <v>0</v>
      </c>
      <c r="CF27" s="104">
        <v>352100</v>
      </c>
      <c r="CG27" s="104">
        <v>200407</v>
      </c>
      <c r="CH27" s="104">
        <v>190393</v>
      </c>
      <c r="CI27" s="104">
        <v>405832</v>
      </c>
      <c r="CJ27" s="104">
        <v>160328</v>
      </c>
      <c r="CK27" s="103">
        <v>1309060</v>
      </c>
      <c r="CL27" s="106">
        <v>1341512</v>
      </c>
      <c r="CM27" s="100">
        <v>0</v>
      </c>
      <c r="CN27" s="104">
        <v>0</v>
      </c>
      <c r="CO27" s="103">
        <v>0</v>
      </c>
      <c r="CP27" s="101">
        <v>0</v>
      </c>
      <c r="CQ27" s="104">
        <v>226655</v>
      </c>
      <c r="CR27" s="104">
        <v>150353</v>
      </c>
      <c r="CS27" s="104">
        <v>104986</v>
      </c>
      <c r="CT27" s="104">
        <v>320201</v>
      </c>
      <c r="CU27" s="104">
        <v>148771</v>
      </c>
      <c r="CV27" s="103">
        <v>950966</v>
      </c>
      <c r="CW27" s="106">
        <v>950966</v>
      </c>
      <c r="CX27" s="100">
        <v>32452</v>
      </c>
      <c r="CY27" s="104">
        <v>0</v>
      </c>
      <c r="CZ27" s="103">
        <v>32452</v>
      </c>
      <c r="DA27" s="100">
        <v>0</v>
      </c>
      <c r="DB27" s="104">
        <v>125445</v>
      </c>
      <c r="DC27" s="104">
        <v>50054</v>
      </c>
      <c r="DD27" s="104">
        <v>85407</v>
      </c>
      <c r="DE27" s="104">
        <v>85631</v>
      </c>
      <c r="DF27" s="104">
        <v>11557</v>
      </c>
      <c r="DG27" s="103">
        <v>358094</v>
      </c>
      <c r="DH27" s="106">
        <v>390546</v>
      </c>
      <c r="DI27" s="100">
        <v>0</v>
      </c>
      <c r="DJ27" s="104">
        <v>0</v>
      </c>
      <c r="DK27" s="102">
        <v>0</v>
      </c>
      <c r="DL27" s="101">
        <v>0</v>
      </c>
      <c r="DM27" s="104">
        <v>0</v>
      </c>
      <c r="DN27" s="104">
        <v>106306</v>
      </c>
      <c r="DO27" s="104">
        <v>74431</v>
      </c>
      <c r="DP27" s="104">
        <v>91071</v>
      </c>
      <c r="DQ27" s="104">
        <v>0</v>
      </c>
      <c r="DR27" s="103">
        <v>271808</v>
      </c>
      <c r="DS27" s="106">
        <v>271808</v>
      </c>
      <c r="DT27" s="100">
        <v>0</v>
      </c>
      <c r="DU27" s="104">
        <v>0</v>
      </c>
      <c r="DV27" s="103">
        <v>0</v>
      </c>
      <c r="DW27" s="100">
        <v>0</v>
      </c>
      <c r="DX27" s="104">
        <v>0</v>
      </c>
      <c r="DY27" s="104">
        <v>106306</v>
      </c>
      <c r="DZ27" s="104">
        <v>35455</v>
      </c>
      <c r="EA27" s="104">
        <v>91071</v>
      </c>
      <c r="EB27" s="104">
        <v>0</v>
      </c>
      <c r="EC27" s="103">
        <v>232832</v>
      </c>
      <c r="ED27" s="106">
        <v>232832</v>
      </c>
      <c r="EE27" s="100">
        <v>0</v>
      </c>
      <c r="EF27" s="102">
        <v>0</v>
      </c>
      <c r="EG27" s="103">
        <v>0</v>
      </c>
      <c r="EH27" s="100">
        <v>0</v>
      </c>
      <c r="EI27" s="104">
        <v>0</v>
      </c>
      <c r="EJ27" s="104">
        <v>0</v>
      </c>
      <c r="EK27" s="104">
        <v>38976</v>
      </c>
      <c r="EL27" s="104">
        <v>0</v>
      </c>
      <c r="EM27" s="104">
        <v>0</v>
      </c>
      <c r="EN27" s="102">
        <v>38976</v>
      </c>
      <c r="EO27" s="106">
        <v>38976</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15092</v>
      </c>
      <c r="FM27" s="104">
        <v>103607</v>
      </c>
      <c r="FN27" s="103">
        <v>118699</v>
      </c>
      <c r="FO27" s="100">
        <v>0</v>
      </c>
      <c r="FP27" s="104">
        <v>53256</v>
      </c>
      <c r="FQ27" s="104">
        <v>25144</v>
      </c>
      <c r="FR27" s="104">
        <v>91413</v>
      </c>
      <c r="FS27" s="104">
        <v>67242</v>
      </c>
      <c r="FT27" s="104">
        <v>146356</v>
      </c>
      <c r="FU27" s="103">
        <v>383411</v>
      </c>
      <c r="FV27" s="106">
        <v>502110</v>
      </c>
      <c r="FW27" s="105">
        <v>15092</v>
      </c>
      <c r="FX27" s="104">
        <v>49455</v>
      </c>
      <c r="FY27" s="102">
        <v>64547</v>
      </c>
      <c r="FZ27" s="101">
        <v>0</v>
      </c>
      <c r="GA27" s="104">
        <v>53256</v>
      </c>
      <c r="GB27" s="104">
        <v>25144</v>
      </c>
      <c r="GC27" s="104">
        <v>91413</v>
      </c>
      <c r="GD27" s="104">
        <v>67242</v>
      </c>
      <c r="GE27" s="104">
        <v>146356</v>
      </c>
      <c r="GF27" s="103">
        <v>383411</v>
      </c>
      <c r="GG27" s="296">
        <v>447958</v>
      </c>
      <c r="GH27" s="105">
        <v>0</v>
      </c>
      <c r="GI27" s="104">
        <v>0</v>
      </c>
      <c r="GJ27" s="102">
        <v>0</v>
      </c>
      <c r="GK27" s="101">
        <v>0</v>
      </c>
      <c r="GL27" s="104">
        <v>0</v>
      </c>
      <c r="GM27" s="104">
        <v>0</v>
      </c>
      <c r="GN27" s="104">
        <v>0</v>
      </c>
      <c r="GO27" s="104">
        <v>0</v>
      </c>
      <c r="GP27" s="104">
        <v>0</v>
      </c>
      <c r="GQ27" s="103">
        <v>0</v>
      </c>
      <c r="GR27" s="106">
        <v>0</v>
      </c>
      <c r="GS27" s="100">
        <v>0</v>
      </c>
      <c r="GT27" s="104">
        <v>54152</v>
      </c>
      <c r="GU27" s="103">
        <v>54152</v>
      </c>
      <c r="GV27" s="100">
        <v>0</v>
      </c>
      <c r="GW27" s="104">
        <v>0</v>
      </c>
      <c r="GX27" s="104">
        <v>0</v>
      </c>
      <c r="GY27" s="104">
        <v>0</v>
      </c>
      <c r="GZ27" s="104">
        <v>0</v>
      </c>
      <c r="HA27" s="104">
        <v>0</v>
      </c>
      <c r="HB27" s="102">
        <v>0</v>
      </c>
      <c r="HC27" s="106">
        <v>54152</v>
      </c>
      <c r="HD27" s="100">
        <v>0</v>
      </c>
      <c r="HE27" s="104">
        <v>0</v>
      </c>
      <c r="HF27" s="102">
        <v>0</v>
      </c>
      <c r="HG27" s="101">
        <v>0</v>
      </c>
      <c r="HH27" s="104">
        <v>390327</v>
      </c>
      <c r="HI27" s="104">
        <v>606825</v>
      </c>
      <c r="HJ27" s="104">
        <v>177315</v>
      </c>
      <c r="HK27" s="104">
        <v>694235</v>
      </c>
      <c r="HL27" s="104">
        <v>201191</v>
      </c>
      <c r="HM27" s="103">
        <v>2069893</v>
      </c>
      <c r="HN27" s="99">
        <v>2069893</v>
      </c>
      <c r="HO27" s="306"/>
      <c r="HP27" s="307"/>
      <c r="HQ27" s="308"/>
      <c r="HR27" s="309"/>
      <c r="HS27" s="307"/>
      <c r="HT27" s="307"/>
      <c r="HU27" s="307"/>
      <c r="HV27" s="307"/>
      <c r="HW27" s="307"/>
      <c r="HX27" s="310"/>
      <c r="HY27" s="311"/>
      <c r="HZ27" s="118">
        <v>0</v>
      </c>
      <c r="IA27" s="119">
        <v>0</v>
      </c>
      <c r="IB27" s="120">
        <v>0</v>
      </c>
      <c r="IC27" s="133">
        <v>0</v>
      </c>
      <c r="ID27" s="119">
        <v>369943</v>
      </c>
      <c r="IE27" s="134">
        <v>731640</v>
      </c>
      <c r="IF27" s="120">
        <v>223314</v>
      </c>
      <c r="IG27" s="119">
        <v>152831</v>
      </c>
      <c r="IH27" s="120">
        <v>0</v>
      </c>
      <c r="II27" s="135">
        <v>1477728</v>
      </c>
      <c r="IJ27" s="126">
        <v>1477728</v>
      </c>
      <c r="IK27" s="219">
        <v>0</v>
      </c>
      <c r="IL27" s="223">
        <v>0</v>
      </c>
      <c r="IM27" s="224">
        <v>0</v>
      </c>
      <c r="IN27" s="127"/>
      <c r="IO27" s="109">
        <v>103761</v>
      </c>
      <c r="IP27" s="109">
        <v>0</v>
      </c>
      <c r="IQ27" s="109">
        <v>142527</v>
      </c>
      <c r="IR27" s="109">
        <v>0</v>
      </c>
      <c r="IS27" s="109">
        <v>0</v>
      </c>
      <c r="IT27" s="128">
        <v>246288</v>
      </c>
      <c r="IU27" s="298">
        <v>246288</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266182</v>
      </c>
      <c r="JL27" s="109">
        <v>42455</v>
      </c>
      <c r="JM27" s="109">
        <v>4403</v>
      </c>
      <c r="JN27" s="109">
        <v>152831</v>
      </c>
      <c r="JO27" s="109">
        <v>0</v>
      </c>
      <c r="JP27" s="110">
        <v>465871</v>
      </c>
      <c r="JQ27" s="298">
        <v>465871</v>
      </c>
      <c r="JR27" s="129">
        <v>0</v>
      </c>
      <c r="JS27" s="109">
        <v>0</v>
      </c>
      <c r="JT27" s="128">
        <v>0</v>
      </c>
      <c r="JU27" s="108">
        <v>0</v>
      </c>
      <c r="JV27" s="109">
        <v>0</v>
      </c>
      <c r="JW27" s="109">
        <v>0</v>
      </c>
      <c r="JX27" s="109">
        <v>76384</v>
      </c>
      <c r="JY27" s="109">
        <v>0</v>
      </c>
      <c r="JZ27" s="109">
        <v>0</v>
      </c>
      <c r="KA27" s="110">
        <v>76384</v>
      </c>
      <c r="KB27" s="298">
        <v>76384</v>
      </c>
      <c r="KC27" s="221">
        <v>0</v>
      </c>
      <c r="KD27" s="217">
        <v>0</v>
      </c>
      <c r="KE27" s="110">
        <v>0</v>
      </c>
      <c r="KF27" s="108">
        <v>0</v>
      </c>
      <c r="KG27" s="109">
        <v>0</v>
      </c>
      <c r="KH27" s="109">
        <v>264082</v>
      </c>
      <c r="KI27" s="109">
        <v>0</v>
      </c>
      <c r="KJ27" s="109">
        <v>0</v>
      </c>
      <c r="KK27" s="109">
        <v>0</v>
      </c>
      <c r="KL27" s="110">
        <v>264082</v>
      </c>
      <c r="KM27" s="130">
        <v>264082</v>
      </c>
      <c r="KN27" s="219">
        <v>0</v>
      </c>
      <c r="KO27" s="223">
        <v>0</v>
      </c>
      <c r="KP27" s="224">
        <v>0</v>
      </c>
      <c r="KQ27" s="127"/>
      <c r="KR27" s="109">
        <v>0</v>
      </c>
      <c r="KS27" s="109">
        <v>425103</v>
      </c>
      <c r="KT27" s="109">
        <v>0</v>
      </c>
      <c r="KU27" s="109">
        <v>0</v>
      </c>
      <c r="KV27" s="109">
        <v>0</v>
      </c>
      <c r="KW27" s="110">
        <v>425103</v>
      </c>
      <c r="KX27" s="298">
        <v>425103</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0</v>
      </c>
      <c r="LR27" s="109">
        <v>0</v>
      </c>
      <c r="LS27" s="110">
        <v>0</v>
      </c>
      <c r="LT27" s="298">
        <v>0</v>
      </c>
      <c r="LU27" s="129">
        <v>0</v>
      </c>
      <c r="LV27" s="109">
        <v>0</v>
      </c>
      <c r="LW27" s="110">
        <v>0</v>
      </c>
      <c r="LX27" s="132"/>
      <c r="LY27" s="109">
        <v>0</v>
      </c>
      <c r="LZ27" s="109">
        <v>0</v>
      </c>
      <c r="MA27" s="109">
        <v>0</v>
      </c>
      <c r="MB27" s="109">
        <v>0</v>
      </c>
      <c r="MC27" s="109">
        <v>0</v>
      </c>
      <c r="MD27" s="110">
        <v>0</v>
      </c>
      <c r="ME27" s="111">
        <v>0</v>
      </c>
      <c r="MF27" s="129">
        <v>0</v>
      </c>
      <c r="MG27" s="109">
        <v>0</v>
      </c>
      <c r="MH27" s="110">
        <v>0</v>
      </c>
      <c r="MI27" s="132">
        <v>0</v>
      </c>
      <c r="MJ27" s="109">
        <v>194527</v>
      </c>
      <c r="MK27" s="109">
        <v>0</v>
      </c>
      <c r="ML27" s="109">
        <v>656345</v>
      </c>
      <c r="MM27" s="109">
        <v>222509</v>
      </c>
      <c r="MN27" s="109">
        <v>238350</v>
      </c>
      <c r="MO27" s="110">
        <v>1311731</v>
      </c>
      <c r="MP27" s="130">
        <v>1311731</v>
      </c>
      <c r="MQ27" s="129">
        <v>0</v>
      </c>
      <c r="MR27" s="109">
        <v>0</v>
      </c>
      <c r="MS27" s="110">
        <v>0</v>
      </c>
      <c r="MT27" s="132">
        <v>0</v>
      </c>
      <c r="MU27" s="109">
        <v>0</v>
      </c>
      <c r="MV27" s="109">
        <v>0</v>
      </c>
      <c r="MW27" s="109">
        <v>215719</v>
      </c>
      <c r="MX27" s="109">
        <v>222509</v>
      </c>
      <c r="MY27" s="109">
        <v>238350</v>
      </c>
      <c r="MZ27" s="110">
        <v>676578</v>
      </c>
      <c r="NA27" s="130">
        <v>676578</v>
      </c>
      <c r="NB27" s="129">
        <v>0</v>
      </c>
      <c r="NC27" s="109">
        <v>0</v>
      </c>
      <c r="ND27" s="110">
        <v>0</v>
      </c>
      <c r="NE27" s="132"/>
      <c r="NF27" s="109">
        <v>194527</v>
      </c>
      <c r="NG27" s="109">
        <v>0</v>
      </c>
      <c r="NH27" s="109">
        <v>440626</v>
      </c>
      <c r="NI27" s="109">
        <v>0</v>
      </c>
      <c r="NJ27" s="109">
        <v>0</v>
      </c>
      <c r="NK27" s="110">
        <v>635153</v>
      </c>
      <c r="NL27" s="298">
        <v>635153</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72111</v>
      </c>
      <c r="OJ27" s="109">
        <v>107226</v>
      </c>
      <c r="OK27" s="128">
        <v>179337</v>
      </c>
      <c r="OL27" s="108">
        <v>0</v>
      </c>
      <c r="OM27" s="109">
        <v>1655847</v>
      </c>
      <c r="ON27" s="109">
        <v>1828273</v>
      </c>
      <c r="OO27" s="109">
        <v>1678718</v>
      </c>
      <c r="OP27" s="109">
        <v>1846165</v>
      </c>
      <c r="OQ27" s="109">
        <v>1753892</v>
      </c>
      <c r="OR27" s="110">
        <v>8762895</v>
      </c>
      <c r="OS27" s="130">
        <v>8942232</v>
      </c>
    </row>
    <row r="28" spans="2:409" ht="21" customHeight="1" x14ac:dyDescent="0.2">
      <c r="B28" s="472" t="s">
        <v>23</v>
      </c>
      <c r="C28" s="100">
        <v>69875</v>
      </c>
      <c r="D28" s="104">
        <v>80265</v>
      </c>
      <c r="E28" s="103">
        <v>150140</v>
      </c>
      <c r="F28" s="99">
        <v>0</v>
      </c>
      <c r="G28" s="104">
        <v>1336034</v>
      </c>
      <c r="H28" s="104">
        <v>1911299</v>
      </c>
      <c r="I28" s="104">
        <v>2129104</v>
      </c>
      <c r="J28" s="104">
        <v>3276156</v>
      </c>
      <c r="K28" s="104">
        <v>1898455</v>
      </c>
      <c r="L28" s="160">
        <v>10551048</v>
      </c>
      <c r="M28" s="106">
        <v>10701188</v>
      </c>
      <c r="N28" s="100">
        <v>56393</v>
      </c>
      <c r="O28" s="104">
        <v>68449</v>
      </c>
      <c r="P28" s="103">
        <v>124842</v>
      </c>
      <c r="Q28" s="100">
        <v>0</v>
      </c>
      <c r="R28" s="104">
        <v>247341</v>
      </c>
      <c r="S28" s="104">
        <v>425466</v>
      </c>
      <c r="T28" s="104">
        <v>1086384</v>
      </c>
      <c r="U28" s="104">
        <v>421401</v>
      </c>
      <c r="V28" s="104">
        <v>268466</v>
      </c>
      <c r="W28" s="103">
        <v>2449058</v>
      </c>
      <c r="X28" s="106">
        <v>2573900</v>
      </c>
      <c r="Y28" s="100">
        <v>0</v>
      </c>
      <c r="Z28" s="104">
        <v>0</v>
      </c>
      <c r="AA28" s="103">
        <v>0</v>
      </c>
      <c r="AB28" s="100">
        <v>0</v>
      </c>
      <c r="AC28" s="104">
        <v>19295</v>
      </c>
      <c r="AD28" s="104">
        <v>97109</v>
      </c>
      <c r="AE28" s="104">
        <v>531916</v>
      </c>
      <c r="AF28" s="104">
        <v>63201</v>
      </c>
      <c r="AG28" s="104">
        <v>0</v>
      </c>
      <c r="AH28" s="103">
        <v>711521</v>
      </c>
      <c r="AI28" s="106">
        <v>711521</v>
      </c>
      <c r="AJ28" s="100">
        <v>0</v>
      </c>
      <c r="AK28" s="104">
        <v>0</v>
      </c>
      <c r="AL28" s="103">
        <v>0</v>
      </c>
      <c r="AM28" s="100">
        <v>0</v>
      </c>
      <c r="AN28" s="104">
        <v>51149</v>
      </c>
      <c r="AO28" s="104">
        <v>0</v>
      </c>
      <c r="AP28" s="104">
        <v>20729</v>
      </c>
      <c r="AQ28" s="104">
        <v>0</v>
      </c>
      <c r="AR28" s="104">
        <v>50437</v>
      </c>
      <c r="AS28" s="103">
        <v>122315</v>
      </c>
      <c r="AT28" s="106">
        <v>122315</v>
      </c>
      <c r="AU28" s="100">
        <v>50688</v>
      </c>
      <c r="AV28" s="104">
        <v>34647</v>
      </c>
      <c r="AW28" s="103">
        <v>85335</v>
      </c>
      <c r="AX28" s="100">
        <v>0</v>
      </c>
      <c r="AY28" s="104">
        <v>147070</v>
      </c>
      <c r="AZ28" s="104">
        <v>255755</v>
      </c>
      <c r="BA28" s="104">
        <v>436169</v>
      </c>
      <c r="BB28" s="104">
        <v>129432</v>
      </c>
      <c r="BC28" s="104">
        <v>28896</v>
      </c>
      <c r="BD28" s="103">
        <v>997322</v>
      </c>
      <c r="BE28" s="106">
        <v>1082657</v>
      </c>
      <c r="BF28" s="100">
        <v>0</v>
      </c>
      <c r="BG28" s="104">
        <v>33802</v>
      </c>
      <c r="BH28" s="102">
        <v>33802</v>
      </c>
      <c r="BI28" s="101">
        <v>0</v>
      </c>
      <c r="BJ28" s="104">
        <v>0</v>
      </c>
      <c r="BK28" s="104">
        <v>57048</v>
      </c>
      <c r="BL28" s="104">
        <v>0</v>
      </c>
      <c r="BM28" s="104">
        <v>67106</v>
      </c>
      <c r="BN28" s="104">
        <v>0</v>
      </c>
      <c r="BO28" s="103">
        <v>124154</v>
      </c>
      <c r="BP28" s="106">
        <v>157956</v>
      </c>
      <c r="BQ28" s="100">
        <v>5705</v>
      </c>
      <c r="BR28" s="104">
        <v>0</v>
      </c>
      <c r="BS28" s="103">
        <v>5705</v>
      </c>
      <c r="BT28" s="100">
        <v>0</v>
      </c>
      <c r="BU28" s="104">
        <v>29827</v>
      </c>
      <c r="BV28" s="104">
        <v>15554</v>
      </c>
      <c r="BW28" s="104">
        <v>97570</v>
      </c>
      <c r="BX28" s="104">
        <v>161662</v>
      </c>
      <c r="BY28" s="104">
        <v>189133</v>
      </c>
      <c r="BZ28" s="103">
        <v>493746</v>
      </c>
      <c r="CA28" s="106">
        <v>499451</v>
      </c>
      <c r="CB28" s="100">
        <v>0</v>
      </c>
      <c r="CC28" s="104">
        <v>0</v>
      </c>
      <c r="CD28" s="103">
        <v>0</v>
      </c>
      <c r="CE28" s="100">
        <v>0</v>
      </c>
      <c r="CF28" s="104">
        <v>595075</v>
      </c>
      <c r="CG28" s="104">
        <v>1012568</v>
      </c>
      <c r="CH28" s="104">
        <v>587589</v>
      </c>
      <c r="CI28" s="104">
        <v>624534</v>
      </c>
      <c r="CJ28" s="104">
        <v>77224</v>
      </c>
      <c r="CK28" s="103">
        <v>2896990</v>
      </c>
      <c r="CL28" s="106">
        <v>2896990</v>
      </c>
      <c r="CM28" s="100">
        <v>0</v>
      </c>
      <c r="CN28" s="104">
        <v>0</v>
      </c>
      <c r="CO28" s="103">
        <v>0</v>
      </c>
      <c r="CP28" s="101">
        <v>0</v>
      </c>
      <c r="CQ28" s="104">
        <v>470129</v>
      </c>
      <c r="CR28" s="104">
        <v>851272</v>
      </c>
      <c r="CS28" s="104">
        <v>455174</v>
      </c>
      <c r="CT28" s="104">
        <v>317016</v>
      </c>
      <c r="CU28" s="104">
        <v>0</v>
      </c>
      <c r="CV28" s="103">
        <v>2093591</v>
      </c>
      <c r="CW28" s="106">
        <v>2093591</v>
      </c>
      <c r="CX28" s="100">
        <v>0</v>
      </c>
      <c r="CY28" s="104">
        <v>0</v>
      </c>
      <c r="CZ28" s="103">
        <v>0</v>
      </c>
      <c r="DA28" s="100">
        <v>0</v>
      </c>
      <c r="DB28" s="104">
        <v>124946</v>
      </c>
      <c r="DC28" s="104">
        <v>161296</v>
      </c>
      <c r="DD28" s="104">
        <v>132415</v>
      </c>
      <c r="DE28" s="104">
        <v>307518</v>
      </c>
      <c r="DF28" s="104">
        <v>77224</v>
      </c>
      <c r="DG28" s="103">
        <v>803399</v>
      </c>
      <c r="DH28" s="106">
        <v>803399</v>
      </c>
      <c r="DI28" s="100">
        <v>0</v>
      </c>
      <c r="DJ28" s="104">
        <v>0</v>
      </c>
      <c r="DK28" s="102">
        <v>0</v>
      </c>
      <c r="DL28" s="101">
        <v>0</v>
      </c>
      <c r="DM28" s="104">
        <v>112818</v>
      </c>
      <c r="DN28" s="104">
        <v>176946</v>
      </c>
      <c r="DO28" s="104">
        <v>257960</v>
      </c>
      <c r="DP28" s="104">
        <v>112413</v>
      </c>
      <c r="DQ28" s="104">
        <v>0</v>
      </c>
      <c r="DR28" s="103">
        <v>660137</v>
      </c>
      <c r="DS28" s="106">
        <v>660137</v>
      </c>
      <c r="DT28" s="100">
        <v>0</v>
      </c>
      <c r="DU28" s="104">
        <v>0</v>
      </c>
      <c r="DV28" s="103">
        <v>0</v>
      </c>
      <c r="DW28" s="100">
        <v>0</v>
      </c>
      <c r="DX28" s="104">
        <v>112818</v>
      </c>
      <c r="DY28" s="104">
        <v>176946</v>
      </c>
      <c r="DZ28" s="104">
        <v>239235</v>
      </c>
      <c r="EA28" s="104">
        <v>112413</v>
      </c>
      <c r="EB28" s="104">
        <v>0</v>
      </c>
      <c r="EC28" s="103">
        <v>641412</v>
      </c>
      <c r="ED28" s="106">
        <v>641412</v>
      </c>
      <c r="EE28" s="100">
        <v>0</v>
      </c>
      <c r="EF28" s="102">
        <v>0</v>
      </c>
      <c r="EG28" s="103">
        <v>0</v>
      </c>
      <c r="EH28" s="100">
        <v>0</v>
      </c>
      <c r="EI28" s="104">
        <v>0</v>
      </c>
      <c r="EJ28" s="104">
        <v>0</v>
      </c>
      <c r="EK28" s="104">
        <v>18725</v>
      </c>
      <c r="EL28" s="104">
        <v>0</v>
      </c>
      <c r="EM28" s="104">
        <v>0</v>
      </c>
      <c r="EN28" s="102">
        <v>18725</v>
      </c>
      <c r="EO28" s="106">
        <v>18725</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3482</v>
      </c>
      <c r="FM28" s="104">
        <v>11816</v>
      </c>
      <c r="FN28" s="103">
        <v>25298</v>
      </c>
      <c r="FO28" s="100">
        <v>0</v>
      </c>
      <c r="FP28" s="104">
        <v>72562</v>
      </c>
      <c r="FQ28" s="104">
        <v>296319</v>
      </c>
      <c r="FR28" s="104">
        <v>136024</v>
      </c>
      <c r="FS28" s="104">
        <v>146195</v>
      </c>
      <c r="FT28" s="104">
        <v>98126</v>
      </c>
      <c r="FU28" s="103">
        <v>749226</v>
      </c>
      <c r="FV28" s="106">
        <v>774524</v>
      </c>
      <c r="FW28" s="105">
        <v>13482</v>
      </c>
      <c r="FX28" s="104">
        <v>11816</v>
      </c>
      <c r="FY28" s="102">
        <v>25298</v>
      </c>
      <c r="FZ28" s="101">
        <v>0</v>
      </c>
      <c r="GA28" s="104">
        <v>72562</v>
      </c>
      <c r="GB28" s="104">
        <v>224567</v>
      </c>
      <c r="GC28" s="104">
        <v>136024</v>
      </c>
      <c r="GD28" s="104">
        <v>146195</v>
      </c>
      <c r="GE28" s="104">
        <v>98126</v>
      </c>
      <c r="GF28" s="103">
        <v>677474</v>
      </c>
      <c r="GG28" s="296">
        <v>702772</v>
      </c>
      <c r="GH28" s="105">
        <v>0</v>
      </c>
      <c r="GI28" s="104">
        <v>0</v>
      </c>
      <c r="GJ28" s="102">
        <v>0</v>
      </c>
      <c r="GK28" s="101">
        <v>0</v>
      </c>
      <c r="GL28" s="104">
        <v>0</v>
      </c>
      <c r="GM28" s="104">
        <v>14352</v>
      </c>
      <c r="GN28" s="104">
        <v>0</v>
      </c>
      <c r="GO28" s="104">
        <v>0</v>
      </c>
      <c r="GP28" s="104">
        <v>0</v>
      </c>
      <c r="GQ28" s="103">
        <v>14352</v>
      </c>
      <c r="GR28" s="106">
        <v>14352</v>
      </c>
      <c r="GS28" s="100">
        <v>0</v>
      </c>
      <c r="GT28" s="104">
        <v>0</v>
      </c>
      <c r="GU28" s="103">
        <v>0</v>
      </c>
      <c r="GV28" s="100">
        <v>0</v>
      </c>
      <c r="GW28" s="104">
        <v>0</v>
      </c>
      <c r="GX28" s="104">
        <v>57400</v>
      </c>
      <c r="GY28" s="104">
        <v>0</v>
      </c>
      <c r="GZ28" s="104">
        <v>0</v>
      </c>
      <c r="HA28" s="104">
        <v>0</v>
      </c>
      <c r="HB28" s="102">
        <v>57400</v>
      </c>
      <c r="HC28" s="106">
        <v>57400</v>
      </c>
      <c r="HD28" s="100">
        <v>0</v>
      </c>
      <c r="HE28" s="104">
        <v>0</v>
      </c>
      <c r="HF28" s="102">
        <v>0</v>
      </c>
      <c r="HG28" s="101">
        <v>0</v>
      </c>
      <c r="HH28" s="104">
        <v>308238</v>
      </c>
      <c r="HI28" s="104">
        <v>0</v>
      </c>
      <c r="HJ28" s="104">
        <v>61147</v>
      </c>
      <c r="HK28" s="104">
        <v>1971613</v>
      </c>
      <c r="HL28" s="104">
        <v>1454639</v>
      </c>
      <c r="HM28" s="103">
        <v>3795637</v>
      </c>
      <c r="HN28" s="99">
        <v>3795637</v>
      </c>
      <c r="HO28" s="306"/>
      <c r="HP28" s="307"/>
      <c r="HQ28" s="308"/>
      <c r="HR28" s="309"/>
      <c r="HS28" s="307"/>
      <c r="HT28" s="307"/>
      <c r="HU28" s="307"/>
      <c r="HV28" s="307"/>
      <c r="HW28" s="307"/>
      <c r="HX28" s="310"/>
      <c r="HY28" s="311"/>
      <c r="HZ28" s="137">
        <v>0</v>
      </c>
      <c r="IA28" s="122">
        <v>0</v>
      </c>
      <c r="IB28" s="137">
        <v>0</v>
      </c>
      <c r="IC28" s="121">
        <v>0</v>
      </c>
      <c r="ID28" s="122">
        <v>52675</v>
      </c>
      <c r="IE28" s="123">
        <v>109503</v>
      </c>
      <c r="IF28" s="124">
        <v>759668</v>
      </c>
      <c r="IG28" s="122">
        <v>200862</v>
      </c>
      <c r="IH28" s="124">
        <v>235783</v>
      </c>
      <c r="II28" s="125">
        <v>1358491</v>
      </c>
      <c r="IJ28" s="137">
        <v>1358491</v>
      </c>
      <c r="IK28" s="219">
        <v>0</v>
      </c>
      <c r="IL28" s="223">
        <v>0</v>
      </c>
      <c r="IM28" s="224">
        <v>0</v>
      </c>
      <c r="IN28" s="127"/>
      <c r="IO28" s="109">
        <v>0</v>
      </c>
      <c r="IP28" s="109">
        <v>0</v>
      </c>
      <c r="IQ28" s="109">
        <v>0</v>
      </c>
      <c r="IR28" s="109">
        <v>0</v>
      </c>
      <c r="IS28" s="109">
        <v>0</v>
      </c>
      <c r="IT28" s="128">
        <v>0</v>
      </c>
      <c r="IU28" s="298">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37833</v>
      </c>
      <c r="JL28" s="109">
        <v>109503</v>
      </c>
      <c r="JM28" s="109">
        <v>103500</v>
      </c>
      <c r="JN28" s="109">
        <v>0</v>
      </c>
      <c r="JO28" s="109">
        <v>235783</v>
      </c>
      <c r="JP28" s="110">
        <v>486619</v>
      </c>
      <c r="JQ28" s="298">
        <v>486619</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14842</v>
      </c>
      <c r="KS28" s="109">
        <v>0</v>
      </c>
      <c r="KT28" s="109">
        <v>656168</v>
      </c>
      <c r="KU28" s="109">
        <v>200862</v>
      </c>
      <c r="KV28" s="109">
        <v>0</v>
      </c>
      <c r="KW28" s="110">
        <v>871872</v>
      </c>
      <c r="KX28" s="298">
        <v>871872</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v>0</v>
      </c>
      <c r="MJ28" s="109">
        <v>0</v>
      </c>
      <c r="MK28" s="109">
        <v>62733</v>
      </c>
      <c r="ML28" s="109">
        <v>660752</v>
      </c>
      <c r="MM28" s="109">
        <v>1089472</v>
      </c>
      <c r="MN28" s="109">
        <v>1282793</v>
      </c>
      <c r="MO28" s="110">
        <v>3095750</v>
      </c>
      <c r="MP28" s="130">
        <v>3095750</v>
      </c>
      <c r="MQ28" s="129">
        <v>0</v>
      </c>
      <c r="MR28" s="109">
        <v>0</v>
      </c>
      <c r="MS28" s="110">
        <v>0</v>
      </c>
      <c r="MT28" s="132">
        <v>0</v>
      </c>
      <c r="MU28" s="109">
        <v>0</v>
      </c>
      <c r="MV28" s="109">
        <v>0</v>
      </c>
      <c r="MW28" s="109">
        <v>429767</v>
      </c>
      <c r="MX28" s="109">
        <v>593719</v>
      </c>
      <c r="MY28" s="109">
        <v>459936</v>
      </c>
      <c r="MZ28" s="110">
        <v>1483422</v>
      </c>
      <c r="NA28" s="130">
        <v>1483422</v>
      </c>
      <c r="NB28" s="129">
        <v>0</v>
      </c>
      <c r="NC28" s="109">
        <v>0</v>
      </c>
      <c r="ND28" s="110">
        <v>0</v>
      </c>
      <c r="NE28" s="132"/>
      <c r="NF28" s="109">
        <v>0</v>
      </c>
      <c r="NG28" s="109">
        <v>62733</v>
      </c>
      <c r="NH28" s="109">
        <v>230985</v>
      </c>
      <c r="NI28" s="109">
        <v>405718</v>
      </c>
      <c r="NJ28" s="109">
        <v>512078</v>
      </c>
      <c r="NK28" s="110">
        <v>1211514</v>
      </c>
      <c r="NL28" s="298">
        <v>1211514</v>
      </c>
      <c r="NM28" s="129">
        <v>0</v>
      </c>
      <c r="NN28" s="109">
        <v>0</v>
      </c>
      <c r="NO28" s="110">
        <v>0</v>
      </c>
      <c r="NP28" s="132"/>
      <c r="NQ28" s="109">
        <v>0</v>
      </c>
      <c r="NR28" s="109">
        <v>0</v>
      </c>
      <c r="NS28" s="109">
        <v>0</v>
      </c>
      <c r="NT28" s="109">
        <v>90035</v>
      </c>
      <c r="NU28" s="109">
        <v>0</v>
      </c>
      <c r="NV28" s="110">
        <v>90035</v>
      </c>
      <c r="NW28" s="111">
        <v>90035</v>
      </c>
      <c r="NX28" s="129">
        <v>0</v>
      </c>
      <c r="NY28" s="109">
        <v>0</v>
      </c>
      <c r="NZ28" s="110">
        <v>0</v>
      </c>
      <c r="OA28" s="132"/>
      <c r="OB28" s="109">
        <v>0</v>
      </c>
      <c r="OC28" s="109">
        <v>0</v>
      </c>
      <c r="OD28" s="109">
        <v>0</v>
      </c>
      <c r="OE28" s="109">
        <v>0</v>
      </c>
      <c r="OF28" s="109">
        <v>310779</v>
      </c>
      <c r="OG28" s="110">
        <v>310779</v>
      </c>
      <c r="OH28" s="111">
        <v>310779</v>
      </c>
      <c r="OI28" s="129">
        <v>69875</v>
      </c>
      <c r="OJ28" s="109">
        <v>80265</v>
      </c>
      <c r="OK28" s="128">
        <v>150140</v>
      </c>
      <c r="OL28" s="108">
        <v>0</v>
      </c>
      <c r="OM28" s="109">
        <v>1388709</v>
      </c>
      <c r="ON28" s="109">
        <v>2083535</v>
      </c>
      <c r="OO28" s="109">
        <v>3549524</v>
      </c>
      <c r="OP28" s="109">
        <v>4566490</v>
      </c>
      <c r="OQ28" s="109">
        <v>3417031</v>
      </c>
      <c r="OR28" s="110">
        <v>15005289</v>
      </c>
      <c r="OS28" s="130">
        <v>15155429</v>
      </c>
    </row>
    <row r="29" spans="2:409" ht="21" customHeight="1" x14ac:dyDescent="0.2">
      <c r="B29" s="472" t="s">
        <v>24</v>
      </c>
      <c r="C29" s="100">
        <v>285589</v>
      </c>
      <c r="D29" s="104">
        <v>409057</v>
      </c>
      <c r="E29" s="103">
        <v>694646</v>
      </c>
      <c r="F29" s="99">
        <v>0</v>
      </c>
      <c r="G29" s="104">
        <v>2014866</v>
      </c>
      <c r="H29" s="104">
        <v>2471755</v>
      </c>
      <c r="I29" s="104">
        <v>1766731</v>
      </c>
      <c r="J29" s="104">
        <v>2046542</v>
      </c>
      <c r="K29" s="104">
        <v>2695815</v>
      </c>
      <c r="L29" s="160">
        <v>10995709</v>
      </c>
      <c r="M29" s="106">
        <v>11690355</v>
      </c>
      <c r="N29" s="100">
        <v>42069</v>
      </c>
      <c r="O29" s="104">
        <v>177776</v>
      </c>
      <c r="P29" s="103">
        <v>219845</v>
      </c>
      <c r="Q29" s="100">
        <v>0</v>
      </c>
      <c r="R29" s="104">
        <v>649952</v>
      </c>
      <c r="S29" s="104">
        <v>492444</v>
      </c>
      <c r="T29" s="104">
        <v>820433</v>
      </c>
      <c r="U29" s="104">
        <v>574553</v>
      </c>
      <c r="V29" s="104">
        <v>1340292</v>
      </c>
      <c r="W29" s="103">
        <v>3877674</v>
      </c>
      <c r="X29" s="106">
        <v>4097519</v>
      </c>
      <c r="Y29" s="100">
        <v>0</v>
      </c>
      <c r="Z29" s="104">
        <v>0</v>
      </c>
      <c r="AA29" s="103">
        <v>0</v>
      </c>
      <c r="AB29" s="100">
        <v>0</v>
      </c>
      <c r="AC29" s="104">
        <v>267490</v>
      </c>
      <c r="AD29" s="104">
        <v>215215</v>
      </c>
      <c r="AE29" s="104">
        <v>408495</v>
      </c>
      <c r="AF29" s="104">
        <v>192680</v>
      </c>
      <c r="AG29" s="104">
        <v>733301</v>
      </c>
      <c r="AH29" s="103">
        <v>1817181</v>
      </c>
      <c r="AI29" s="106">
        <v>1817181</v>
      </c>
      <c r="AJ29" s="100">
        <v>0</v>
      </c>
      <c r="AK29" s="104">
        <v>0</v>
      </c>
      <c r="AL29" s="103">
        <v>0</v>
      </c>
      <c r="AM29" s="100">
        <v>0</v>
      </c>
      <c r="AN29" s="104">
        <v>0</v>
      </c>
      <c r="AO29" s="104">
        <v>0</v>
      </c>
      <c r="AP29" s="104">
        <v>0</v>
      </c>
      <c r="AQ29" s="104">
        <v>0</v>
      </c>
      <c r="AR29" s="104">
        <v>242984</v>
      </c>
      <c r="AS29" s="103">
        <v>242984</v>
      </c>
      <c r="AT29" s="106">
        <v>242984</v>
      </c>
      <c r="AU29" s="100">
        <v>10576</v>
      </c>
      <c r="AV29" s="104">
        <v>162796</v>
      </c>
      <c r="AW29" s="103">
        <v>173372</v>
      </c>
      <c r="AX29" s="100">
        <v>0</v>
      </c>
      <c r="AY29" s="104">
        <v>299442</v>
      </c>
      <c r="AZ29" s="104">
        <v>138433</v>
      </c>
      <c r="BA29" s="104">
        <v>307281</v>
      </c>
      <c r="BB29" s="104">
        <v>236971</v>
      </c>
      <c r="BC29" s="104">
        <v>186912</v>
      </c>
      <c r="BD29" s="103">
        <v>1169039</v>
      </c>
      <c r="BE29" s="106">
        <v>1342411</v>
      </c>
      <c r="BF29" s="100">
        <v>0</v>
      </c>
      <c r="BG29" s="104">
        <v>0</v>
      </c>
      <c r="BH29" s="102">
        <v>0</v>
      </c>
      <c r="BI29" s="101">
        <v>0</v>
      </c>
      <c r="BJ29" s="104">
        <v>0</v>
      </c>
      <c r="BK29" s="104">
        <v>21910</v>
      </c>
      <c r="BL29" s="104">
        <v>0</v>
      </c>
      <c r="BM29" s="104">
        <v>0</v>
      </c>
      <c r="BN29" s="104">
        <v>18993</v>
      </c>
      <c r="BO29" s="103">
        <v>40903</v>
      </c>
      <c r="BP29" s="106">
        <v>40903</v>
      </c>
      <c r="BQ29" s="100">
        <v>31493</v>
      </c>
      <c r="BR29" s="104">
        <v>14980</v>
      </c>
      <c r="BS29" s="103">
        <v>46473</v>
      </c>
      <c r="BT29" s="100">
        <v>0</v>
      </c>
      <c r="BU29" s="104">
        <v>83020</v>
      </c>
      <c r="BV29" s="104">
        <v>116886</v>
      </c>
      <c r="BW29" s="104">
        <v>104657</v>
      </c>
      <c r="BX29" s="104">
        <v>144902</v>
      </c>
      <c r="BY29" s="104">
        <v>158102</v>
      </c>
      <c r="BZ29" s="103">
        <v>607567</v>
      </c>
      <c r="CA29" s="106">
        <v>654040</v>
      </c>
      <c r="CB29" s="100">
        <v>17050</v>
      </c>
      <c r="CC29" s="104">
        <v>0</v>
      </c>
      <c r="CD29" s="103">
        <v>17050</v>
      </c>
      <c r="CE29" s="100">
        <v>0</v>
      </c>
      <c r="CF29" s="104">
        <v>597871</v>
      </c>
      <c r="CG29" s="104">
        <v>756284</v>
      </c>
      <c r="CH29" s="104">
        <v>291490</v>
      </c>
      <c r="CI29" s="104">
        <v>173751</v>
      </c>
      <c r="CJ29" s="104">
        <v>300250</v>
      </c>
      <c r="CK29" s="103">
        <v>2119646</v>
      </c>
      <c r="CL29" s="106">
        <v>2136696</v>
      </c>
      <c r="CM29" s="100">
        <v>0</v>
      </c>
      <c r="CN29" s="104">
        <v>0</v>
      </c>
      <c r="CO29" s="103">
        <v>0</v>
      </c>
      <c r="CP29" s="101">
        <v>0</v>
      </c>
      <c r="CQ29" s="104">
        <v>430895</v>
      </c>
      <c r="CR29" s="104">
        <v>352140</v>
      </c>
      <c r="CS29" s="104">
        <v>219923</v>
      </c>
      <c r="CT29" s="104">
        <v>59647</v>
      </c>
      <c r="CU29" s="104">
        <v>84283</v>
      </c>
      <c r="CV29" s="103">
        <v>1146888</v>
      </c>
      <c r="CW29" s="106">
        <v>1146888</v>
      </c>
      <c r="CX29" s="100">
        <v>17050</v>
      </c>
      <c r="CY29" s="104">
        <v>0</v>
      </c>
      <c r="CZ29" s="103">
        <v>17050</v>
      </c>
      <c r="DA29" s="100">
        <v>0</v>
      </c>
      <c r="DB29" s="104">
        <v>166976</v>
      </c>
      <c r="DC29" s="104">
        <v>404144</v>
      </c>
      <c r="DD29" s="104">
        <v>71567</v>
      </c>
      <c r="DE29" s="104">
        <v>114104</v>
      </c>
      <c r="DF29" s="104">
        <v>215967</v>
      </c>
      <c r="DG29" s="103">
        <v>972758</v>
      </c>
      <c r="DH29" s="106">
        <v>989808</v>
      </c>
      <c r="DI29" s="100">
        <v>0</v>
      </c>
      <c r="DJ29" s="104">
        <v>0</v>
      </c>
      <c r="DK29" s="102">
        <v>0</v>
      </c>
      <c r="DL29" s="101">
        <v>0</v>
      </c>
      <c r="DM29" s="104">
        <v>26356</v>
      </c>
      <c r="DN29" s="104">
        <v>105235</v>
      </c>
      <c r="DO29" s="104">
        <v>61918</v>
      </c>
      <c r="DP29" s="104">
        <v>25676</v>
      </c>
      <c r="DQ29" s="104">
        <v>148718</v>
      </c>
      <c r="DR29" s="103">
        <v>367903</v>
      </c>
      <c r="DS29" s="106">
        <v>367903</v>
      </c>
      <c r="DT29" s="100">
        <v>0</v>
      </c>
      <c r="DU29" s="104">
        <v>0</v>
      </c>
      <c r="DV29" s="103">
        <v>0</v>
      </c>
      <c r="DW29" s="100">
        <v>0</v>
      </c>
      <c r="DX29" s="104">
        <v>26356</v>
      </c>
      <c r="DY29" s="104">
        <v>105235</v>
      </c>
      <c r="DZ29" s="104">
        <v>61918</v>
      </c>
      <c r="EA29" s="104">
        <v>25676</v>
      </c>
      <c r="EB29" s="104">
        <v>148718</v>
      </c>
      <c r="EC29" s="103">
        <v>367903</v>
      </c>
      <c r="ED29" s="106">
        <v>367903</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134150</v>
      </c>
      <c r="FM29" s="104">
        <v>154266</v>
      </c>
      <c r="FN29" s="103">
        <v>288416</v>
      </c>
      <c r="FO29" s="100">
        <v>0</v>
      </c>
      <c r="FP29" s="104">
        <v>74018</v>
      </c>
      <c r="FQ29" s="104">
        <v>184744</v>
      </c>
      <c r="FR29" s="104">
        <v>141925</v>
      </c>
      <c r="FS29" s="104">
        <v>98770</v>
      </c>
      <c r="FT29" s="104">
        <v>193858</v>
      </c>
      <c r="FU29" s="103">
        <v>693315</v>
      </c>
      <c r="FV29" s="106">
        <v>981731</v>
      </c>
      <c r="FW29" s="105">
        <v>29430</v>
      </c>
      <c r="FX29" s="104">
        <v>36666</v>
      </c>
      <c r="FY29" s="102">
        <v>66096</v>
      </c>
      <c r="FZ29" s="101">
        <v>0</v>
      </c>
      <c r="GA29" s="104">
        <v>74018</v>
      </c>
      <c r="GB29" s="104">
        <v>184744</v>
      </c>
      <c r="GC29" s="104">
        <v>141925</v>
      </c>
      <c r="GD29" s="104">
        <v>98770</v>
      </c>
      <c r="GE29" s="104">
        <v>193858</v>
      </c>
      <c r="GF29" s="103">
        <v>693315</v>
      </c>
      <c r="GG29" s="296">
        <v>759411</v>
      </c>
      <c r="GH29" s="105">
        <v>0</v>
      </c>
      <c r="GI29" s="104">
        <v>0</v>
      </c>
      <c r="GJ29" s="102">
        <v>0</v>
      </c>
      <c r="GK29" s="101">
        <v>0</v>
      </c>
      <c r="GL29" s="104">
        <v>0</v>
      </c>
      <c r="GM29" s="104">
        <v>0</v>
      </c>
      <c r="GN29" s="104">
        <v>0</v>
      </c>
      <c r="GO29" s="104">
        <v>0</v>
      </c>
      <c r="GP29" s="104">
        <v>0</v>
      </c>
      <c r="GQ29" s="103">
        <v>0</v>
      </c>
      <c r="GR29" s="106">
        <v>0</v>
      </c>
      <c r="GS29" s="100">
        <v>104720</v>
      </c>
      <c r="GT29" s="104">
        <v>117600</v>
      </c>
      <c r="GU29" s="103">
        <v>222320</v>
      </c>
      <c r="GV29" s="100">
        <v>0</v>
      </c>
      <c r="GW29" s="104">
        <v>0</v>
      </c>
      <c r="GX29" s="104">
        <v>0</v>
      </c>
      <c r="GY29" s="104">
        <v>0</v>
      </c>
      <c r="GZ29" s="104">
        <v>0</v>
      </c>
      <c r="HA29" s="104">
        <v>0</v>
      </c>
      <c r="HB29" s="102">
        <v>0</v>
      </c>
      <c r="HC29" s="106">
        <v>222320</v>
      </c>
      <c r="HD29" s="100">
        <v>92320</v>
      </c>
      <c r="HE29" s="104">
        <v>77015</v>
      </c>
      <c r="HF29" s="102">
        <v>169335</v>
      </c>
      <c r="HG29" s="101">
        <v>0</v>
      </c>
      <c r="HH29" s="104">
        <v>666669</v>
      </c>
      <c r="HI29" s="104">
        <v>933048</v>
      </c>
      <c r="HJ29" s="104">
        <v>450965</v>
      </c>
      <c r="HK29" s="104">
        <v>1173792</v>
      </c>
      <c r="HL29" s="104">
        <v>712697</v>
      </c>
      <c r="HM29" s="103">
        <v>3937171</v>
      </c>
      <c r="HN29" s="99">
        <v>4106506</v>
      </c>
      <c r="HO29" s="306"/>
      <c r="HP29" s="307"/>
      <c r="HQ29" s="308"/>
      <c r="HR29" s="309"/>
      <c r="HS29" s="307"/>
      <c r="HT29" s="307"/>
      <c r="HU29" s="307"/>
      <c r="HV29" s="307"/>
      <c r="HW29" s="307"/>
      <c r="HX29" s="310"/>
      <c r="HY29" s="311"/>
      <c r="HZ29" s="118">
        <v>0</v>
      </c>
      <c r="IA29" s="119">
        <v>0</v>
      </c>
      <c r="IB29" s="120">
        <v>0</v>
      </c>
      <c r="IC29" s="133">
        <v>0</v>
      </c>
      <c r="ID29" s="119">
        <v>362716</v>
      </c>
      <c r="IE29" s="134">
        <v>35793</v>
      </c>
      <c r="IF29" s="120">
        <v>873933</v>
      </c>
      <c r="IG29" s="119">
        <v>189329</v>
      </c>
      <c r="IH29" s="120">
        <v>362574</v>
      </c>
      <c r="II29" s="135">
        <v>1824345</v>
      </c>
      <c r="IJ29" s="126">
        <v>1824345</v>
      </c>
      <c r="IK29" s="219">
        <v>0</v>
      </c>
      <c r="IL29" s="223">
        <v>0</v>
      </c>
      <c r="IM29" s="224">
        <v>0</v>
      </c>
      <c r="IN29" s="127"/>
      <c r="IO29" s="109">
        <v>0</v>
      </c>
      <c r="IP29" s="109">
        <v>0</v>
      </c>
      <c r="IQ29" s="109">
        <v>137411</v>
      </c>
      <c r="IR29" s="109">
        <v>189329</v>
      </c>
      <c r="IS29" s="109">
        <v>0</v>
      </c>
      <c r="IT29" s="128">
        <v>326740</v>
      </c>
      <c r="IU29" s="298">
        <v>326740</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0</v>
      </c>
      <c r="JL29" s="109">
        <v>0</v>
      </c>
      <c r="JM29" s="109">
        <v>0</v>
      </c>
      <c r="JN29" s="109">
        <v>0</v>
      </c>
      <c r="JO29" s="109">
        <v>0</v>
      </c>
      <c r="JP29" s="110">
        <v>0</v>
      </c>
      <c r="JQ29" s="298">
        <v>0</v>
      </c>
      <c r="JR29" s="129">
        <v>0</v>
      </c>
      <c r="JS29" s="109">
        <v>0</v>
      </c>
      <c r="JT29" s="128">
        <v>0</v>
      </c>
      <c r="JU29" s="108">
        <v>0</v>
      </c>
      <c r="JV29" s="109">
        <v>0</v>
      </c>
      <c r="JW29" s="109">
        <v>35793</v>
      </c>
      <c r="JX29" s="109">
        <v>171330</v>
      </c>
      <c r="JY29" s="109">
        <v>0</v>
      </c>
      <c r="JZ29" s="109">
        <v>149478</v>
      </c>
      <c r="KA29" s="110">
        <v>356601</v>
      </c>
      <c r="KB29" s="298">
        <v>356601</v>
      </c>
      <c r="KC29" s="221">
        <v>0</v>
      </c>
      <c r="KD29" s="217">
        <v>0</v>
      </c>
      <c r="KE29" s="110">
        <v>0</v>
      </c>
      <c r="KF29" s="108">
        <v>0</v>
      </c>
      <c r="KG29" s="109">
        <v>362716</v>
      </c>
      <c r="KH29" s="109">
        <v>0</v>
      </c>
      <c r="KI29" s="109">
        <v>358078</v>
      </c>
      <c r="KJ29" s="109">
        <v>0</v>
      </c>
      <c r="KK29" s="109">
        <v>0</v>
      </c>
      <c r="KL29" s="110">
        <v>720794</v>
      </c>
      <c r="KM29" s="130">
        <v>720794</v>
      </c>
      <c r="KN29" s="219">
        <v>0</v>
      </c>
      <c r="KO29" s="223">
        <v>0</v>
      </c>
      <c r="KP29" s="224">
        <v>0</v>
      </c>
      <c r="KQ29" s="127"/>
      <c r="KR29" s="109">
        <v>0</v>
      </c>
      <c r="KS29" s="109">
        <v>0</v>
      </c>
      <c r="KT29" s="109">
        <v>207114</v>
      </c>
      <c r="KU29" s="109">
        <v>0</v>
      </c>
      <c r="KV29" s="109">
        <v>213096</v>
      </c>
      <c r="KW29" s="110">
        <v>420210</v>
      </c>
      <c r="KX29" s="298">
        <v>420210</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v>0</v>
      </c>
      <c r="MJ29" s="109">
        <v>0</v>
      </c>
      <c r="MK29" s="109">
        <v>0</v>
      </c>
      <c r="ML29" s="109">
        <v>420598</v>
      </c>
      <c r="MM29" s="109">
        <v>866915</v>
      </c>
      <c r="MN29" s="109">
        <v>482962</v>
      </c>
      <c r="MO29" s="110">
        <v>1770475</v>
      </c>
      <c r="MP29" s="130">
        <v>1770475</v>
      </c>
      <c r="MQ29" s="129">
        <v>0</v>
      </c>
      <c r="MR29" s="109">
        <v>0</v>
      </c>
      <c r="MS29" s="110">
        <v>0</v>
      </c>
      <c r="MT29" s="132">
        <v>0</v>
      </c>
      <c r="MU29" s="109">
        <v>0</v>
      </c>
      <c r="MV29" s="109">
        <v>0</v>
      </c>
      <c r="MW29" s="109">
        <v>420598</v>
      </c>
      <c r="MX29" s="109">
        <v>677417</v>
      </c>
      <c r="MY29" s="109">
        <v>482962</v>
      </c>
      <c r="MZ29" s="110">
        <v>1580977</v>
      </c>
      <c r="NA29" s="130">
        <v>1580977</v>
      </c>
      <c r="NB29" s="129">
        <v>0</v>
      </c>
      <c r="NC29" s="109">
        <v>0</v>
      </c>
      <c r="ND29" s="110">
        <v>0</v>
      </c>
      <c r="NE29" s="132"/>
      <c r="NF29" s="109">
        <v>0</v>
      </c>
      <c r="NG29" s="109">
        <v>0</v>
      </c>
      <c r="NH29" s="109">
        <v>0</v>
      </c>
      <c r="NI29" s="109">
        <v>189498</v>
      </c>
      <c r="NJ29" s="109">
        <v>0</v>
      </c>
      <c r="NK29" s="110">
        <v>189498</v>
      </c>
      <c r="NL29" s="298">
        <v>189498</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285589</v>
      </c>
      <c r="OJ29" s="109">
        <v>409057</v>
      </c>
      <c r="OK29" s="128">
        <v>694646</v>
      </c>
      <c r="OL29" s="108">
        <v>0</v>
      </c>
      <c r="OM29" s="109">
        <v>2377582</v>
      </c>
      <c r="ON29" s="109">
        <v>2507548</v>
      </c>
      <c r="OO29" s="109">
        <v>3061262</v>
      </c>
      <c r="OP29" s="109">
        <v>3102786</v>
      </c>
      <c r="OQ29" s="109">
        <v>3541351</v>
      </c>
      <c r="OR29" s="110">
        <v>14590529</v>
      </c>
      <c r="OS29" s="130">
        <v>15285175</v>
      </c>
    </row>
    <row r="30" spans="2:409" ht="21" customHeight="1" x14ac:dyDescent="0.2">
      <c r="B30" s="472" t="s">
        <v>25</v>
      </c>
      <c r="C30" s="100">
        <v>57295</v>
      </c>
      <c r="D30" s="104">
        <v>177003</v>
      </c>
      <c r="E30" s="103">
        <v>234298</v>
      </c>
      <c r="F30" s="99">
        <v>0</v>
      </c>
      <c r="G30" s="104">
        <v>749572</v>
      </c>
      <c r="H30" s="104">
        <v>1144089</v>
      </c>
      <c r="I30" s="104">
        <v>964413</v>
      </c>
      <c r="J30" s="104">
        <v>945644</v>
      </c>
      <c r="K30" s="104">
        <v>744259</v>
      </c>
      <c r="L30" s="160">
        <v>4547977</v>
      </c>
      <c r="M30" s="106">
        <v>4782275</v>
      </c>
      <c r="N30" s="100">
        <v>47257</v>
      </c>
      <c r="O30" s="104">
        <v>63899</v>
      </c>
      <c r="P30" s="103">
        <v>111156</v>
      </c>
      <c r="Q30" s="100">
        <v>0</v>
      </c>
      <c r="R30" s="104">
        <v>297784</v>
      </c>
      <c r="S30" s="104">
        <v>304634</v>
      </c>
      <c r="T30" s="104">
        <v>125630</v>
      </c>
      <c r="U30" s="104">
        <v>284192</v>
      </c>
      <c r="V30" s="104">
        <v>295313</v>
      </c>
      <c r="W30" s="103">
        <v>1307553</v>
      </c>
      <c r="X30" s="106">
        <v>1418709</v>
      </c>
      <c r="Y30" s="100">
        <v>0</v>
      </c>
      <c r="Z30" s="104">
        <v>0</v>
      </c>
      <c r="AA30" s="103">
        <v>0</v>
      </c>
      <c r="AB30" s="100">
        <v>0</v>
      </c>
      <c r="AC30" s="104">
        <v>118180</v>
      </c>
      <c r="AD30" s="104">
        <v>66052</v>
      </c>
      <c r="AE30" s="104">
        <v>69976</v>
      </c>
      <c r="AF30" s="104">
        <v>31988</v>
      </c>
      <c r="AG30" s="104">
        <v>22297</v>
      </c>
      <c r="AH30" s="103">
        <v>308493</v>
      </c>
      <c r="AI30" s="106">
        <v>308493</v>
      </c>
      <c r="AJ30" s="100">
        <v>0</v>
      </c>
      <c r="AK30" s="104">
        <v>0</v>
      </c>
      <c r="AL30" s="103">
        <v>0</v>
      </c>
      <c r="AM30" s="100">
        <v>0</v>
      </c>
      <c r="AN30" s="104">
        <v>0</v>
      </c>
      <c r="AO30" s="104">
        <v>50729</v>
      </c>
      <c r="AP30" s="104">
        <v>0</v>
      </c>
      <c r="AQ30" s="104">
        <v>223567</v>
      </c>
      <c r="AR30" s="104">
        <v>156779</v>
      </c>
      <c r="AS30" s="103">
        <v>431075</v>
      </c>
      <c r="AT30" s="106">
        <v>431075</v>
      </c>
      <c r="AU30" s="100">
        <v>21525</v>
      </c>
      <c r="AV30" s="104">
        <v>52762</v>
      </c>
      <c r="AW30" s="103">
        <v>74287</v>
      </c>
      <c r="AX30" s="100">
        <v>0</v>
      </c>
      <c r="AY30" s="104">
        <v>160207</v>
      </c>
      <c r="AZ30" s="104">
        <v>183681</v>
      </c>
      <c r="BA30" s="104">
        <v>19968</v>
      </c>
      <c r="BB30" s="104">
        <v>0</v>
      </c>
      <c r="BC30" s="104">
        <v>81566</v>
      </c>
      <c r="BD30" s="103">
        <v>445422</v>
      </c>
      <c r="BE30" s="106">
        <v>519709</v>
      </c>
      <c r="BF30" s="100">
        <v>0</v>
      </c>
      <c r="BG30" s="104">
        <v>0</v>
      </c>
      <c r="BH30" s="102">
        <v>0</v>
      </c>
      <c r="BI30" s="101">
        <v>0</v>
      </c>
      <c r="BJ30" s="104">
        <v>0</v>
      </c>
      <c r="BK30" s="104">
        <v>0</v>
      </c>
      <c r="BL30" s="104">
        <v>0</v>
      </c>
      <c r="BM30" s="104">
        <v>0</v>
      </c>
      <c r="BN30" s="104">
        <v>0</v>
      </c>
      <c r="BO30" s="103">
        <v>0</v>
      </c>
      <c r="BP30" s="106">
        <v>0</v>
      </c>
      <c r="BQ30" s="100">
        <v>25732</v>
      </c>
      <c r="BR30" s="104">
        <v>11137</v>
      </c>
      <c r="BS30" s="103">
        <v>36869</v>
      </c>
      <c r="BT30" s="100">
        <v>0</v>
      </c>
      <c r="BU30" s="104">
        <v>19397</v>
      </c>
      <c r="BV30" s="104">
        <v>4172</v>
      </c>
      <c r="BW30" s="104">
        <v>35686</v>
      </c>
      <c r="BX30" s="104">
        <v>28637</v>
      </c>
      <c r="BY30" s="104">
        <v>34671</v>
      </c>
      <c r="BZ30" s="103">
        <v>122563</v>
      </c>
      <c r="CA30" s="106">
        <v>159432</v>
      </c>
      <c r="CB30" s="100">
        <v>0</v>
      </c>
      <c r="CC30" s="104">
        <v>63456</v>
      </c>
      <c r="CD30" s="103">
        <v>63456</v>
      </c>
      <c r="CE30" s="100">
        <v>0</v>
      </c>
      <c r="CF30" s="104">
        <v>213396</v>
      </c>
      <c r="CG30" s="104">
        <v>551864</v>
      </c>
      <c r="CH30" s="104">
        <v>439391</v>
      </c>
      <c r="CI30" s="104">
        <v>101501</v>
      </c>
      <c r="CJ30" s="104">
        <v>0</v>
      </c>
      <c r="CK30" s="103">
        <v>1306152</v>
      </c>
      <c r="CL30" s="106">
        <v>1369608</v>
      </c>
      <c r="CM30" s="100">
        <v>0</v>
      </c>
      <c r="CN30" s="104">
        <v>0</v>
      </c>
      <c r="CO30" s="103">
        <v>0</v>
      </c>
      <c r="CP30" s="101">
        <v>0</v>
      </c>
      <c r="CQ30" s="104">
        <v>116773</v>
      </c>
      <c r="CR30" s="104">
        <v>155065</v>
      </c>
      <c r="CS30" s="104">
        <v>362477</v>
      </c>
      <c r="CT30" s="104">
        <v>101501</v>
      </c>
      <c r="CU30" s="104">
        <v>0</v>
      </c>
      <c r="CV30" s="103">
        <v>735816</v>
      </c>
      <c r="CW30" s="106">
        <v>735816</v>
      </c>
      <c r="CX30" s="100">
        <v>0</v>
      </c>
      <c r="CY30" s="104">
        <v>63456</v>
      </c>
      <c r="CZ30" s="103">
        <v>63456</v>
      </c>
      <c r="DA30" s="100">
        <v>0</v>
      </c>
      <c r="DB30" s="104">
        <v>96623</v>
      </c>
      <c r="DC30" s="104">
        <v>396799</v>
      </c>
      <c r="DD30" s="104">
        <v>76914</v>
      </c>
      <c r="DE30" s="104">
        <v>0</v>
      </c>
      <c r="DF30" s="104">
        <v>0</v>
      </c>
      <c r="DG30" s="103">
        <v>570336</v>
      </c>
      <c r="DH30" s="106">
        <v>633792</v>
      </c>
      <c r="DI30" s="100">
        <v>0</v>
      </c>
      <c r="DJ30" s="104">
        <v>17686</v>
      </c>
      <c r="DK30" s="102">
        <v>17686</v>
      </c>
      <c r="DL30" s="101">
        <v>0</v>
      </c>
      <c r="DM30" s="104">
        <v>28587</v>
      </c>
      <c r="DN30" s="104">
        <v>102677</v>
      </c>
      <c r="DO30" s="104">
        <v>0</v>
      </c>
      <c r="DP30" s="104">
        <v>22036</v>
      </c>
      <c r="DQ30" s="104">
        <v>0</v>
      </c>
      <c r="DR30" s="103">
        <v>153300</v>
      </c>
      <c r="DS30" s="106">
        <v>170986</v>
      </c>
      <c r="DT30" s="100">
        <v>0</v>
      </c>
      <c r="DU30" s="104">
        <v>17686</v>
      </c>
      <c r="DV30" s="103">
        <v>17686</v>
      </c>
      <c r="DW30" s="100">
        <v>0</v>
      </c>
      <c r="DX30" s="104">
        <v>28587</v>
      </c>
      <c r="DY30" s="104">
        <v>69255</v>
      </c>
      <c r="DZ30" s="104">
        <v>0</v>
      </c>
      <c r="EA30" s="104">
        <v>22036</v>
      </c>
      <c r="EB30" s="104">
        <v>0</v>
      </c>
      <c r="EC30" s="103">
        <v>119878</v>
      </c>
      <c r="ED30" s="106">
        <v>137564</v>
      </c>
      <c r="EE30" s="100">
        <v>0</v>
      </c>
      <c r="EF30" s="102">
        <v>0</v>
      </c>
      <c r="EG30" s="103">
        <v>0</v>
      </c>
      <c r="EH30" s="100">
        <v>0</v>
      </c>
      <c r="EI30" s="104">
        <v>0</v>
      </c>
      <c r="EJ30" s="104">
        <v>33422</v>
      </c>
      <c r="EK30" s="104">
        <v>0</v>
      </c>
      <c r="EL30" s="104">
        <v>0</v>
      </c>
      <c r="EM30" s="104">
        <v>0</v>
      </c>
      <c r="EN30" s="102">
        <v>33422</v>
      </c>
      <c r="EO30" s="106">
        <v>3342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0038</v>
      </c>
      <c r="FM30" s="104">
        <v>31962</v>
      </c>
      <c r="FN30" s="103">
        <v>42000</v>
      </c>
      <c r="FO30" s="100">
        <v>0</v>
      </c>
      <c r="FP30" s="104">
        <v>112063</v>
      </c>
      <c r="FQ30" s="104">
        <v>106281</v>
      </c>
      <c r="FR30" s="104">
        <v>62244</v>
      </c>
      <c r="FS30" s="104">
        <v>175378</v>
      </c>
      <c r="FT30" s="104">
        <v>49490</v>
      </c>
      <c r="FU30" s="103">
        <v>505456</v>
      </c>
      <c r="FV30" s="106">
        <v>547456</v>
      </c>
      <c r="FW30" s="105">
        <v>10038</v>
      </c>
      <c r="FX30" s="104">
        <v>31962</v>
      </c>
      <c r="FY30" s="102">
        <v>42000</v>
      </c>
      <c r="FZ30" s="101">
        <v>0</v>
      </c>
      <c r="GA30" s="104">
        <v>58835</v>
      </c>
      <c r="GB30" s="104">
        <v>106281</v>
      </c>
      <c r="GC30" s="104">
        <v>62244</v>
      </c>
      <c r="GD30" s="104">
        <v>175378</v>
      </c>
      <c r="GE30" s="104">
        <v>49490</v>
      </c>
      <c r="GF30" s="103">
        <v>452228</v>
      </c>
      <c r="GG30" s="296">
        <v>494228</v>
      </c>
      <c r="GH30" s="105">
        <v>0</v>
      </c>
      <c r="GI30" s="104">
        <v>0</v>
      </c>
      <c r="GJ30" s="102">
        <v>0</v>
      </c>
      <c r="GK30" s="101">
        <v>0</v>
      </c>
      <c r="GL30" s="104">
        <v>20328</v>
      </c>
      <c r="GM30" s="104">
        <v>0</v>
      </c>
      <c r="GN30" s="104">
        <v>0</v>
      </c>
      <c r="GO30" s="104">
        <v>0</v>
      </c>
      <c r="GP30" s="104">
        <v>0</v>
      </c>
      <c r="GQ30" s="103">
        <v>20328</v>
      </c>
      <c r="GR30" s="106">
        <v>20328</v>
      </c>
      <c r="GS30" s="100">
        <v>0</v>
      </c>
      <c r="GT30" s="104">
        <v>0</v>
      </c>
      <c r="GU30" s="103">
        <v>0</v>
      </c>
      <c r="GV30" s="100">
        <v>0</v>
      </c>
      <c r="GW30" s="104">
        <v>32900</v>
      </c>
      <c r="GX30" s="104">
        <v>0</v>
      </c>
      <c r="GY30" s="104">
        <v>0</v>
      </c>
      <c r="GZ30" s="104">
        <v>0</v>
      </c>
      <c r="HA30" s="104">
        <v>0</v>
      </c>
      <c r="HB30" s="102">
        <v>32900</v>
      </c>
      <c r="HC30" s="106">
        <v>32900</v>
      </c>
      <c r="HD30" s="100">
        <v>0</v>
      </c>
      <c r="HE30" s="104">
        <v>0</v>
      </c>
      <c r="HF30" s="102">
        <v>0</v>
      </c>
      <c r="HG30" s="101">
        <v>0</v>
      </c>
      <c r="HH30" s="104">
        <v>97742</v>
      </c>
      <c r="HI30" s="104">
        <v>78633</v>
      </c>
      <c r="HJ30" s="104">
        <v>337148</v>
      </c>
      <c r="HK30" s="104">
        <v>362537</v>
      </c>
      <c r="HL30" s="104">
        <v>399456</v>
      </c>
      <c r="HM30" s="103">
        <v>1275516</v>
      </c>
      <c r="HN30" s="99">
        <v>1275516</v>
      </c>
      <c r="HO30" s="306"/>
      <c r="HP30" s="307"/>
      <c r="HQ30" s="308"/>
      <c r="HR30" s="309"/>
      <c r="HS30" s="307"/>
      <c r="HT30" s="307"/>
      <c r="HU30" s="307"/>
      <c r="HV30" s="307"/>
      <c r="HW30" s="307"/>
      <c r="HX30" s="310"/>
      <c r="HY30" s="311"/>
      <c r="HZ30" s="137">
        <v>0</v>
      </c>
      <c r="IA30" s="122">
        <v>0</v>
      </c>
      <c r="IB30" s="137">
        <v>0</v>
      </c>
      <c r="IC30" s="121">
        <v>0</v>
      </c>
      <c r="ID30" s="122">
        <v>397080</v>
      </c>
      <c r="IE30" s="123">
        <v>21630</v>
      </c>
      <c r="IF30" s="124">
        <v>0</v>
      </c>
      <c r="IG30" s="122">
        <v>0</v>
      </c>
      <c r="IH30" s="124">
        <v>0</v>
      </c>
      <c r="II30" s="125">
        <v>418710</v>
      </c>
      <c r="IJ30" s="137">
        <v>418710</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204228</v>
      </c>
      <c r="JL30" s="109">
        <v>21630</v>
      </c>
      <c r="JM30" s="109">
        <v>0</v>
      </c>
      <c r="JN30" s="109">
        <v>0</v>
      </c>
      <c r="JO30" s="109">
        <v>0</v>
      </c>
      <c r="JP30" s="110">
        <v>225858</v>
      </c>
      <c r="JQ30" s="298">
        <v>225858</v>
      </c>
      <c r="JR30" s="129">
        <v>0</v>
      </c>
      <c r="JS30" s="109">
        <v>0</v>
      </c>
      <c r="JT30" s="128">
        <v>0</v>
      </c>
      <c r="JU30" s="108">
        <v>0</v>
      </c>
      <c r="JV30" s="109">
        <v>0</v>
      </c>
      <c r="JW30" s="109">
        <v>0</v>
      </c>
      <c r="JX30" s="109">
        <v>0</v>
      </c>
      <c r="JY30" s="109">
        <v>0</v>
      </c>
      <c r="JZ30" s="109">
        <v>0</v>
      </c>
      <c r="KA30" s="110">
        <v>0</v>
      </c>
      <c r="KB30" s="298">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127"/>
      <c r="KR30" s="109">
        <v>192852</v>
      </c>
      <c r="KS30" s="109">
        <v>0</v>
      </c>
      <c r="KT30" s="109">
        <v>0</v>
      </c>
      <c r="KU30" s="109">
        <v>0</v>
      </c>
      <c r="KV30" s="109">
        <v>0</v>
      </c>
      <c r="KW30" s="110">
        <v>192852</v>
      </c>
      <c r="KX30" s="298">
        <v>192852</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v>0</v>
      </c>
      <c r="MJ30" s="109">
        <v>0</v>
      </c>
      <c r="MK30" s="109">
        <v>281411</v>
      </c>
      <c r="ML30" s="109">
        <v>605416</v>
      </c>
      <c r="MM30" s="109">
        <v>627063</v>
      </c>
      <c r="MN30" s="109">
        <v>338303</v>
      </c>
      <c r="MO30" s="110">
        <v>1852193</v>
      </c>
      <c r="MP30" s="130">
        <v>1852193</v>
      </c>
      <c r="MQ30" s="129">
        <v>0</v>
      </c>
      <c r="MR30" s="109">
        <v>0</v>
      </c>
      <c r="MS30" s="110">
        <v>0</v>
      </c>
      <c r="MT30" s="132">
        <v>0</v>
      </c>
      <c r="MU30" s="109">
        <v>0</v>
      </c>
      <c r="MV30" s="109">
        <v>0</v>
      </c>
      <c r="MW30" s="109">
        <v>605416</v>
      </c>
      <c r="MX30" s="109">
        <v>334784</v>
      </c>
      <c r="MY30" s="109">
        <v>338303</v>
      </c>
      <c r="MZ30" s="110">
        <v>1278503</v>
      </c>
      <c r="NA30" s="130">
        <v>1278503</v>
      </c>
      <c r="NB30" s="129">
        <v>0</v>
      </c>
      <c r="NC30" s="109">
        <v>0</v>
      </c>
      <c r="ND30" s="110">
        <v>0</v>
      </c>
      <c r="NE30" s="132"/>
      <c r="NF30" s="109">
        <v>0</v>
      </c>
      <c r="NG30" s="109">
        <v>281411</v>
      </c>
      <c r="NH30" s="109">
        <v>0</v>
      </c>
      <c r="NI30" s="109">
        <v>238522</v>
      </c>
      <c r="NJ30" s="109">
        <v>0</v>
      </c>
      <c r="NK30" s="110">
        <v>519933</v>
      </c>
      <c r="NL30" s="298">
        <v>519933</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53757</v>
      </c>
      <c r="OF30" s="109">
        <v>0</v>
      </c>
      <c r="OG30" s="110">
        <v>53757</v>
      </c>
      <c r="OH30" s="111">
        <v>53757</v>
      </c>
      <c r="OI30" s="129">
        <v>57295</v>
      </c>
      <c r="OJ30" s="109">
        <v>177003</v>
      </c>
      <c r="OK30" s="128">
        <v>234298</v>
      </c>
      <c r="OL30" s="108">
        <v>0</v>
      </c>
      <c r="OM30" s="109">
        <v>1146652</v>
      </c>
      <c r="ON30" s="109">
        <v>1447130</v>
      </c>
      <c r="OO30" s="109">
        <v>1569829</v>
      </c>
      <c r="OP30" s="109">
        <v>1572707</v>
      </c>
      <c r="OQ30" s="109">
        <v>1082562</v>
      </c>
      <c r="OR30" s="110">
        <v>6818880</v>
      </c>
      <c r="OS30" s="130">
        <v>7053178</v>
      </c>
    </row>
    <row r="31" spans="2:409" ht="21" customHeight="1" x14ac:dyDescent="0.2">
      <c r="B31" s="472" t="s">
        <v>26</v>
      </c>
      <c r="C31" s="100">
        <v>192232</v>
      </c>
      <c r="D31" s="104">
        <v>52445</v>
      </c>
      <c r="E31" s="103">
        <v>244677</v>
      </c>
      <c r="F31" s="99">
        <v>0</v>
      </c>
      <c r="G31" s="104">
        <v>946486</v>
      </c>
      <c r="H31" s="104">
        <v>1956623</v>
      </c>
      <c r="I31" s="104">
        <v>825040</v>
      </c>
      <c r="J31" s="104">
        <v>1017321</v>
      </c>
      <c r="K31" s="104">
        <v>1035749</v>
      </c>
      <c r="L31" s="160">
        <v>5781219</v>
      </c>
      <c r="M31" s="106">
        <v>6025896</v>
      </c>
      <c r="N31" s="100">
        <v>44366</v>
      </c>
      <c r="O31" s="104">
        <v>27619</v>
      </c>
      <c r="P31" s="103">
        <v>71985</v>
      </c>
      <c r="Q31" s="100">
        <v>0</v>
      </c>
      <c r="R31" s="104">
        <v>303330</v>
      </c>
      <c r="S31" s="104">
        <v>400700</v>
      </c>
      <c r="T31" s="104">
        <v>359639</v>
      </c>
      <c r="U31" s="104">
        <v>458362</v>
      </c>
      <c r="V31" s="104">
        <v>755873</v>
      </c>
      <c r="W31" s="103">
        <v>2277904</v>
      </c>
      <c r="X31" s="106">
        <v>2349889</v>
      </c>
      <c r="Y31" s="100">
        <v>0</v>
      </c>
      <c r="Z31" s="104">
        <v>0</v>
      </c>
      <c r="AA31" s="103">
        <v>0</v>
      </c>
      <c r="AB31" s="100">
        <v>0</v>
      </c>
      <c r="AC31" s="104">
        <v>130027</v>
      </c>
      <c r="AD31" s="104">
        <v>82435</v>
      </c>
      <c r="AE31" s="104">
        <v>72205</v>
      </c>
      <c r="AF31" s="104">
        <v>111050</v>
      </c>
      <c r="AG31" s="104">
        <v>425018</v>
      </c>
      <c r="AH31" s="103">
        <v>820735</v>
      </c>
      <c r="AI31" s="106">
        <v>820735</v>
      </c>
      <c r="AJ31" s="100">
        <v>0</v>
      </c>
      <c r="AK31" s="104">
        <v>0</v>
      </c>
      <c r="AL31" s="103">
        <v>0</v>
      </c>
      <c r="AM31" s="100">
        <v>0</v>
      </c>
      <c r="AN31" s="104">
        <v>0</v>
      </c>
      <c r="AO31" s="104">
        <v>0</v>
      </c>
      <c r="AP31" s="104">
        <v>0</v>
      </c>
      <c r="AQ31" s="104">
        <v>92950</v>
      </c>
      <c r="AR31" s="104">
        <v>42588</v>
      </c>
      <c r="AS31" s="103">
        <v>135538</v>
      </c>
      <c r="AT31" s="106">
        <v>135538</v>
      </c>
      <c r="AU31" s="100">
        <v>0</v>
      </c>
      <c r="AV31" s="104">
        <v>8285</v>
      </c>
      <c r="AW31" s="103">
        <v>8285</v>
      </c>
      <c r="AX31" s="100">
        <v>0</v>
      </c>
      <c r="AY31" s="104">
        <v>154039</v>
      </c>
      <c r="AZ31" s="104">
        <v>231087</v>
      </c>
      <c r="BA31" s="104">
        <v>249046</v>
      </c>
      <c r="BB31" s="104">
        <v>224864</v>
      </c>
      <c r="BC31" s="104">
        <v>250355</v>
      </c>
      <c r="BD31" s="103">
        <v>1109391</v>
      </c>
      <c r="BE31" s="106">
        <v>1117676</v>
      </c>
      <c r="BF31" s="100">
        <v>0</v>
      </c>
      <c r="BG31" s="104">
        <v>0</v>
      </c>
      <c r="BH31" s="102">
        <v>0</v>
      </c>
      <c r="BI31" s="101">
        <v>0</v>
      </c>
      <c r="BJ31" s="104">
        <v>0</v>
      </c>
      <c r="BK31" s="104">
        <v>0</v>
      </c>
      <c r="BL31" s="104">
        <v>0</v>
      </c>
      <c r="BM31" s="104">
        <v>0</v>
      </c>
      <c r="BN31" s="104">
        <v>0</v>
      </c>
      <c r="BO31" s="103">
        <v>0</v>
      </c>
      <c r="BP31" s="106">
        <v>0</v>
      </c>
      <c r="BQ31" s="100">
        <v>44366</v>
      </c>
      <c r="BR31" s="104">
        <v>19334</v>
      </c>
      <c r="BS31" s="103">
        <v>63700</v>
      </c>
      <c r="BT31" s="100">
        <v>0</v>
      </c>
      <c r="BU31" s="104">
        <v>19264</v>
      </c>
      <c r="BV31" s="104">
        <v>87178</v>
      </c>
      <c r="BW31" s="104">
        <v>38388</v>
      </c>
      <c r="BX31" s="104">
        <v>29498</v>
      </c>
      <c r="BY31" s="104">
        <v>37912</v>
      </c>
      <c r="BZ31" s="103">
        <v>212240</v>
      </c>
      <c r="CA31" s="106">
        <v>275940</v>
      </c>
      <c r="CB31" s="100">
        <v>0</v>
      </c>
      <c r="CC31" s="104">
        <v>-63906</v>
      </c>
      <c r="CD31" s="103">
        <v>-63906</v>
      </c>
      <c r="CE31" s="100">
        <v>0</v>
      </c>
      <c r="CF31" s="104">
        <v>472464</v>
      </c>
      <c r="CG31" s="104">
        <v>543643</v>
      </c>
      <c r="CH31" s="104">
        <v>261385</v>
      </c>
      <c r="CI31" s="104">
        <v>63981</v>
      </c>
      <c r="CJ31" s="104">
        <v>0</v>
      </c>
      <c r="CK31" s="103">
        <v>1341473</v>
      </c>
      <c r="CL31" s="106">
        <v>1277567</v>
      </c>
      <c r="CM31" s="100">
        <v>0</v>
      </c>
      <c r="CN31" s="104">
        <v>0</v>
      </c>
      <c r="CO31" s="103">
        <v>0</v>
      </c>
      <c r="CP31" s="101">
        <v>0</v>
      </c>
      <c r="CQ31" s="104">
        <v>268921</v>
      </c>
      <c r="CR31" s="104">
        <v>270857</v>
      </c>
      <c r="CS31" s="104">
        <v>220263</v>
      </c>
      <c r="CT31" s="104">
        <v>63981</v>
      </c>
      <c r="CU31" s="104">
        <v>0</v>
      </c>
      <c r="CV31" s="103">
        <v>824022</v>
      </c>
      <c r="CW31" s="106">
        <v>824022</v>
      </c>
      <c r="CX31" s="100">
        <v>0</v>
      </c>
      <c r="CY31" s="104">
        <v>-63906</v>
      </c>
      <c r="CZ31" s="103">
        <v>-63906</v>
      </c>
      <c r="DA31" s="100">
        <v>0</v>
      </c>
      <c r="DB31" s="104">
        <v>203543</v>
      </c>
      <c r="DC31" s="104">
        <v>272786</v>
      </c>
      <c r="DD31" s="104">
        <v>41122</v>
      </c>
      <c r="DE31" s="104">
        <v>0</v>
      </c>
      <c r="DF31" s="104">
        <v>0</v>
      </c>
      <c r="DG31" s="103">
        <v>517451</v>
      </c>
      <c r="DH31" s="106">
        <v>453545</v>
      </c>
      <c r="DI31" s="100">
        <v>0</v>
      </c>
      <c r="DJ31" s="104">
        <v>0</v>
      </c>
      <c r="DK31" s="102">
        <v>0</v>
      </c>
      <c r="DL31" s="101">
        <v>0</v>
      </c>
      <c r="DM31" s="104">
        <v>0</v>
      </c>
      <c r="DN31" s="104">
        <v>14614</v>
      </c>
      <c r="DO31" s="104">
        <v>115742</v>
      </c>
      <c r="DP31" s="104">
        <v>215128</v>
      </c>
      <c r="DQ31" s="104">
        <v>0</v>
      </c>
      <c r="DR31" s="103">
        <v>345484</v>
      </c>
      <c r="DS31" s="106">
        <v>345484</v>
      </c>
      <c r="DT31" s="100">
        <v>0</v>
      </c>
      <c r="DU31" s="104">
        <v>0</v>
      </c>
      <c r="DV31" s="103">
        <v>0</v>
      </c>
      <c r="DW31" s="100">
        <v>0</v>
      </c>
      <c r="DX31" s="104">
        <v>0</v>
      </c>
      <c r="DY31" s="104">
        <v>0</v>
      </c>
      <c r="DZ31" s="104">
        <v>115742</v>
      </c>
      <c r="EA31" s="104">
        <v>215128</v>
      </c>
      <c r="EB31" s="104">
        <v>0</v>
      </c>
      <c r="EC31" s="103">
        <v>330870</v>
      </c>
      <c r="ED31" s="106">
        <v>330870</v>
      </c>
      <c r="EE31" s="100">
        <v>0</v>
      </c>
      <c r="EF31" s="102">
        <v>0</v>
      </c>
      <c r="EG31" s="103">
        <v>0</v>
      </c>
      <c r="EH31" s="100">
        <v>0</v>
      </c>
      <c r="EI31" s="104">
        <v>0</v>
      </c>
      <c r="EJ31" s="104">
        <v>14614</v>
      </c>
      <c r="EK31" s="104">
        <v>0</v>
      </c>
      <c r="EL31" s="104">
        <v>0</v>
      </c>
      <c r="EM31" s="104">
        <v>0</v>
      </c>
      <c r="EN31" s="102">
        <v>14614</v>
      </c>
      <c r="EO31" s="106">
        <v>14614</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7700</v>
      </c>
      <c r="FM31" s="104">
        <v>11830</v>
      </c>
      <c r="FN31" s="103">
        <v>19530</v>
      </c>
      <c r="FO31" s="100">
        <v>0</v>
      </c>
      <c r="FP31" s="104">
        <v>38430</v>
      </c>
      <c r="FQ31" s="104">
        <v>117663</v>
      </c>
      <c r="FR31" s="104">
        <v>31262</v>
      </c>
      <c r="FS31" s="104">
        <v>85645</v>
      </c>
      <c r="FT31" s="104">
        <v>83272</v>
      </c>
      <c r="FU31" s="103">
        <v>356272</v>
      </c>
      <c r="FV31" s="106">
        <v>375802</v>
      </c>
      <c r="FW31" s="105">
        <v>7700</v>
      </c>
      <c r="FX31" s="104">
        <v>11830</v>
      </c>
      <c r="FY31" s="102">
        <v>19530</v>
      </c>
      <c r="FZ31" s="101">
        <v>0</v>
      </c>
      <c r="GA31" s="104">
        <v>38430</v>
      </c>
      <c r="GB31" s="104">
        <v>117663</v>
      </c>
      <c r="GC31" s="104">
        <v>31262</v>
      </c>
      <c r="GD31" s="104">
        <v>85645</v>
      </c>
      <c r="GE31" s="104">
        <v>83272</v>
      </c>
      <c r="GF31" s="103">
        <v>356272</v>
      </c>
      <c r="GG31" s="296">
        <v>375802</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140166</v>
      </c>
      <c r="HE31" s="104">
        <v>76902</v>
      </c>
      <c r="HF31" s="102">
        <v>217068</v>
      </c>
      <c r="HG31" s="101">
        <v>0</v>
      </c>
      <c r="HH31" s="104">
        <v>132262</v>
      </c>
      <c r="HI31" s="104">
        <v>880003</v>
      </c>
      <c r="HJ31" s="104">
        <v>57012</v>
      </c>
      <c r="HK31" s="104">
        <v>194205</v>
      </c>
      <c r="HL31" s="104">
        <v>196604</v>
      </c>
      <c r="HM31" s="103">
        <v>1460086</v>
      </c>
      <c r="HN31" s="99">
        <v>1677154</v>
      </c>
      <c r="HO31" s="306"/>
      <c r="HP31" s="307"/>
      <c r="HQ31" s="308"/>
      <c r="HR31" s="309"/>
      <c r="HS31" s="307"/>
      <c r="HT31" s="307"/>
      <c r="HU31" s="307"/>
      <c r="HV31" s="307"/>
      <c r="HW31" s="307"/>
      <c r="HX31" s="310"/>
      <c r="HY31" s="311"/>
      <c r="HZ31" s="118">
        <v>0</v>
      </c>
      <c r="IA31" s="119">
        <v>0</v>
      </c>
      <c r="IB31" s="120">
        <v>0</v>
      </c>
      <c r="IC31" s="133">
        <v>0</v>
      </c>
      <c r="ID31" s="119">
        <v>188292</v>
      </c>
      <c r="IE31" s="134">
        <v>95555</v>
      </c>
      <c r="IF31" s="120">
        <v>443272</v>
      </c>
      <c r="IG31" s="119">
        <v>214001</v>
      </c>
      <c r="IH31" s="120">
        <v>11193</v>
      </c>
      <c r="II31" s="135">
        <v>952313</v>
      </c>
      <c r="IJ31" s="126">
        <v>952313</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80269</v>
      </c>
      <c r="JL31" s="109">
        <v>95555</v>
      </c>
      <c r="JM31" s="109">
        <v>18267</v>
      </c>
      <c r="JN31" s="109">
        <v>0</v>
      </c>
      <c r="JO31" s="109">
        <v>11193</v>
      </c>
      <c r="JP31" s="110">
        <v>205284</v>
      </c>
      <c r="JQ31" s="298">
        <v>205284</v>
      </c>
      <c r="JR31" s="129">
        <v>0</v>
      </c>
      <c r="JS31" s="109">
        <v>0</v>
      </c>
      <c r="JT31" s="128">
        <v>0</v>
      </c>
      <c r="JU31" s="108">
        <v>0</v>
      </c>
      <c r="JV31" s="109">
        <v>0</v>
      </c>
      <c r="JW31" s="109">
        <v>0</v>
      </c>
      <c r="JX31" s="109">
        <v>0</v>
      </c>
      <c r="JY31" s="109">
        <v>0</v>
      </c>
      <c r="JZ31" s="109">
        <v>0</v>
      </c>
      <c r="KA31" s="110">
        <v>0</v>
      </c>
      <c r="KB31" s="298">
        <v>0</v>
      </c>
      <c r="KC31" s="221">
        <v>0</v>
      </c>
      <c r="KD31" s="217">
        <v>0</v>
      </c>
      <c r="KE31" s="110">
        <v>0</v>
      </c>
      <c r="KF31" s="108">
        <v>0</v>
      </c>
      <c r="KG31" s="109">
        <v>108023</v>
      </c>
      <c r="KH31" s="109">
        <v>0</v>
      </c>
      <c r="KI31" s="109">
        <v>0</v>
      </c>
      <c r="KJ31" s="109">
        <v>0</v>
      </c>
      <c r="KK31" s="109">
        <v>0</v>
      </c>
      <c r="KL31" s="110">
        <v>108023</v>
      </c>
      <c r="KM31" s="130">
        <v>108023</v>
      </c>
      <c r="KN31" s="219">
        <v>0</v>
      </c>
      <c r="KO31" s="223">
        <v>0</v>
      </c>
      <c r="KP31" s="224">
        <v>0</v>
      </c>
      <c r="KQ31" s="127"/>
      <c r="KR31" s="109">
        <v>0</v>
      </c>
      <c r="KS31" s="109">
        <v>0</v>
      </c>
      <c r="KT31" s="109">
        <v>425005</v>
      </c>
      <c r="KU31" s="109">
        <v>214001</v>
      </c>
      <c r="KV31" s="109">
        <v>0</v>
      </c>
      <c r="KW31" s="110">
        <v>639006</v>
      </c>
      <c r="KX31" s="298">
        <v>639006</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v>0</v>
      </c>
      <c r="MJ31" s="109">
        <v>193020</v>
      </c>
      <c r="MK31" s="109">
        <v>273953</v>
      </c>
      <c r="ML31" s="109">
        <v>542891</v>
      </c>
      <c r="MM31" s="109">
        <v>491462</v>
      </c>
      <c r="MN31" s="109">
        <v>0</v>
      </c>
      <c r="MO31" s="110">
        <v>1501326</v>
      </c>
      <c r="MP31" s="130">
        <v>1501326</v>
      </c>
      <c r="MQ31" s="129">
        <v>0</v>
      </c>
      <c r="MR31" s="109">
        <v>0</v>
      </c>
      <c r="MS31" s="110">
        <v>0</v>
      </c>
      <c r="MT31" s="132">
        <v>0</v>
      </c>
      <c r="MU31" s="109">
        <v>0</v>
      </c>
      <c r="MV31" s="109">
        <v>0</v>
      </c>
      <c r="MW31" s="109">
        <v>201785</v>
      </c>
      <c r="MX31" s="109">
        <v>194979</v>
      </c>
      <c r="MY31" s="109">
        <v>0</v>
      </c>
      <c r="MZ31" s="110">
        <v>396764</v>
      </c>
      <c r="NA31" s="130">
        <v>396764</v>
      </c>
      <c r="NB31" s="129">
        <v>0</v>
      </c>
      <c r="NC31" s="109">
        <v>0</v>
      </c>
      <c r="ND31" s="110">
        <v>0</v>
      </c>
      <c r="NE31" s="132"/>
      <c r="NF31" s="109">
        <v>193020</v>
      </c>
      <c r="NG31" s="109">
        <v>273953</v>
      </c>
      <c r="NH31" s="109">
        <v>341106</v>
      </c>
      <c r="NI31" s="109">
        <v>296483</v>
      </c>
      <c r="NJ31" s="109">
        <v>0</v>
      </c>
      <c r="NK31" s="110">
        <v>1104562</v>
      </c>
      <c r="NL31" s="298">
        <v>1104562</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92232</v>
      </c>
      <c r="OJ31" s="109">
        <v>52445</v>
      </c>
      <c r="OK31" s="128">
        <v>244677</v>
      </c>
      <c r="OL31" s="108">
        <v>0</v>
      </c>
      <c r="OM31" s="109">
        <v>1327798</v>
      </c>
      <c r="ON31" s="109">
        <v>2326131</v>
      </c>
      <c r="OO31" s="109">
        <v>1811203</v>
      </c>
      <c r="OP31" s="109">
        <v>1722784</v>
      </c>
      <c r="OQ31" s="109">
        <v>1046942</v>
      </c>
      <c r="OR31" s="110">
        <v>8234858</v>
      </c>
      <c r="OS31" s="130">
        <v>8479535</v>
      </c>
    </row>
    <row r="32" spans="2:409" ht="21" customHeight="1" x14ac:dyDescent="0.2">
      <c r="B32" s="472" t="s">
        <v>27</v>
      </c>
      <c r="C32" s="100">
        <v>137926</v>
      </c>
      <c r="D32" s="104">
        <v>97423</v>
      </c>
      <c r="E32" s="103">
        <v>235349</v>
      </c>
      <c r="F32" s="99">
        <v>0</v>
      </c>
      <c r="G32" s="104">
        <v>899220</v>
      </c>
      <c r="H32" s="104">
        <v>844813</v>
      </c>
      <c r="I32" s="104">
        <v>1974233</v>
      </c>
      <c r="J32" s="104">
        <v>1464141</v>
      </c>
      <c r="K32" s="104">
        <v>660261</v>
      </c>
      <c r="L32" s="160">
        <v>5842668</v>
      </c>
      <c r="M32" s="106">
        <v>6078017</v>
      </c>
      <c r="N32" s="100">
        <v>62931</v>
      </c>
      <c r="O32" s="104">
        <v>49473</v>
      </c>
      <c r="P32" s="103">
        <v>112404</v>
      </c>
      <c r="Q32" s="100">
        <v>0</v>
      </c>
      <c r="R32" s="104">
        <v>243227</v>
      </c>
      <c r="S32" s="104">
        <v>367239</v>
      </c>
      <c r="T32" s="104">
        <v>554424</v>
      </c>
      <c r="U32" s="104">
        <v>186728</v>
      </c>
      <c r="V32" s="104">
        <v>59542</v>
      </c>
      <c r="W32" s="103">
        <v>1411160</v>
      </c>
      <c r="X32" s="106">
        <v>1523564</v>
      </c>
      <c r="Y32" s="100">
        <v>0</v>
      </c>
      <c r="Z32" s="104">
        <v>0</v>
      </c>
      <c r="AA32" s="103">
        <v>0</v>
      </c>
      <c r="AB32" s="100">
        <v>0</v>
      </c>
      <c r="AC32" s="104">
        <v>209438</v>
      </c>
      <c r="AD32" s="104">
        <v>159421</v>
      </c>
      <c r="AE32" s="104">
        <v>175360</v>
      </c>
      <c r="AF32" s="104">
        <v>0</v>
      </c>
      <c r="AG32" s="104">
        <v>0</v>
      </c>
      <c r="AH32" s="103">
        <v>544219</v>
      </c>
      <c r="AI32" s="106">
        <v>544219</v>
      </c>
      <c r="AJ32" s="100">
        <v>0</v>
      </c>
      <c r="AK32" s="104">
        <v>0</v>
      </c>
      <c r="AL32" s="103">
        <v>0</v>
      </c>
      <c r="AM32" s="100">
        <v>0</v>
      </c>
      <c r="AN32" s="104">
        <v>0</v>
      </c>
      <c r="AO32" s="104">
        <v>0</v>
      </c>
      <c r="AP32" s="104">
        <v>0</v>
      </c>
      <c r="AQ32" s="104">
        <v>72292</v>
      </c>
      <c r="AR32" s="104">
        <v>0</v>
      </c>
      <c r="AS32" s="103">
        <v>72292</v>
      </c>
      <c r="AT32" s="106">
        <v>72292</v>
      </c>
      <c r="AU32" s="100">
        <v>62931</v>
      </c>
      <c r="AV32" s="104">
        <v>49473</v>
      </c>
      <c r="AW32" s="103">
        <v>112404</v>
      </c>
      <c r="AX32" s="100">
        <v>0</v>
      </c>
      <c r="AY32" s="104">
        <v>0</v>
      </c>
      <c r="AZ32" s="104">
        <v>199418</v>
      </c>
      <c r="BA32" s="104">
        <v>256578</v>
      </c>
      <c r="BB32" s="104">
        <v>30968</v>
      </c>
      <c r="BC32" s="104">
        <v>0</v>
      </c>
      <c r="BD32" s="103">
        <v>486964</v>
      </c>
      <c r="BE32" s="106">
        <v>599368</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33789</v>
      </c>
      <c r="BV32" s="104">
        <v>8400</v>
      </c>
      <c r="BW32" s="104">
        <v>122486</v>
      </c>
      <c r="BX32" s="104">
        <v>83468</v>
      </c>
      <c r="BY32" s="104">
        <v>59542</v>
      </c>
      <c r="BZ32" s="103">
        <v>307685</v>
      </c>
      <c r="CA32" s="106">
        <v>307685</v>
      </c>
      <c r="CB32" s="100">
        <v>19205</v>
      </c>
      <c r="CC32" s="104">
        <v>0</v>
      </c>
      <c r="CD32" s="103">
        <v>19205</v>
      </c>
      <c r="CE32" s="100">
        <v>0</v>
      </c>
      <c r="CF32" s="104">
        <v>139790</v>
      </c>
      <c r="CG32" s="104">
        <v>236274</v>
      </c>
      <c r="CH32" s="104">
        <v>181597</v>
      </c>
      <c r="CI32" s="104">
        <v>66526</v>
      </c>
      <c r="CJ32" s="104">
        <v>0</v>
      </c>
      <c r="CK32" s="103">
        <v>624187</v>
      </c>
      <c r="CL32" s="106">
        <v>643392</v>
      </c>
      <c r="CM32" s="100">
        <v>0</v>
      </c>
      <c r="CN32" s="104">
        <v>0</v>
      </c>
      <c r="CO32" s="103">
        <v>0</v>
      </c>
      <c r="CP32" s="101">
        <v>0</v>
      </c>
      <c r="CQ32" s="104">
        <v>23996</v>
      </c>
      <c r="CR32" s="104">
        <v>146257</v>
      </c>
      <c r="CS32" s="104">
        <v>107582</v>
      </c>
      <c r="CT32" s="104">
        <v>66526</v>
      </c>
      <c r="CU32" s="104">
        <v>0</v>
      </c>
      <c r="CV32" s="103">
        <v>344361</v>
      </c>
      <c r="CW32" s="106">
        <v>344361</v>
      </c>
      <c r="CX32" s="100">
        <v>19205</v>
      </c>
      <c r="CY32" s="104">
        <v>0</v>
      </c>
      <c r="CZ32" s="103">
        <v>19205</v>
      </c>
      <c r="DA32" s="100">
        <v>0</v>
      </c>
      <c r="DB32" s="104">
        <v>115794</v>
      </c>
      <c r="DC32" s="104">
        <v>90017</v>
      </c>
      <c r="DD32" s="104">
        <v>74015</v>
      </c>
      <c r="DE32" s="104">
        <v>0</v>
      </c>
      <c r="DF32" s="104">
        <v>0</v>
      </c>
      <c r="DG32" s="103">
        <v>279826</v>
      </c>
      <c r="DH32" s="106">
        <v>299031</v>
      </c>
      <c r="DI32" s="100">
        <v>0</v>
      </c>
      <c r="DJ32" s="104">
        <v>0</v>
      </c>
      <c r="DK32" s="102">
        <v>0</v>
      </c>
      <c r="DL32" s="101">
        <v>0</v>
      </c>
      <c r="DM32" s="104">
        <v>0</v>
      </c>
      <c r="DN32" s="104">
        <v>28171</v>
      </c>
      <c r="DO32" s="104">
        <v>169456</v>
      </c>
      <c r="DP32" s="104">
        <v>65999</v>
      </c>
      <c r="DQ32" s="104">
        <v>0</v>
      </c>
      <c r="DR32" s="103">
        <v>263626</v>
      </c>
      <c r="DS32" s="106">
        <v>263626</v>
      </c>
      <c r="DT32" s="100">
        <v>0</v>
      </c>
      <c r="DU32" s="104">
        <v>0</v>
      </c>
      <c r="DV32" s="103">
        <v>0</v>
      </c>
      <c r="DW32" s="100">
        <v>0</v>
      </c>
      <c r="DX32" s="104">
        <v>0</v>
      </c>
      <c r="DY32" s="104">
        <v>28171</v>
      </c>
      <c r="DZ32" s="104">
        <v>169456</v>
      </c>
      <c r="EA32" s="104">
        <v>65999</v>
      </c>
      <c r="EB32" s="104">
        <v>0</v>
      </c>
      <c r="EC32" s="103">
        <v>263626</v>
      </c>
      <c r="ED32" s="106">
        <v>263626</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55790</v>
      </c>
      <c r="FM32" s="104">
        <v>47950</v>
      </c>
      <c r="FN32" s="103">
        <v>103740</v>
      </c>
      <c r="FO32" s="100">
        <v>0</v>
      </c>
      <c r="FP32" s="104">
        <v>4550</v>
      </c>
      <c r="FQ32" s="104">
        <v>65072</v>
      </c>
      <c r="FR32" s="104">
        <v>69216</v>
      </c>
      <c r="FS32" s="104">
        <v>46718</v>
      </c>
      <c r="FT32" s="104">
        <v>0</v>
      </c>
      <c r="FU32" s="103">
        <v>185556</v>
      </c>
      <c r="FV32" s="106">
        <v>289296</v>
      </c>
      <c r="FW32" s="105">
        <v>27300</v>
      </c>
      <c r="FX32" s="104">
        <v>47950</v>
      </c>
      <c r="FY32" s="102">
        <v>75250</v>
      </c>
      <c r="FZ32" s="101">
        <v>0</v>
      </c>
      <c r="GA32" s="104">
        <v>4550</v>
      </c>
      <c r="GB32" s="104">
        <v>65072</v>
      </c>
      <c r="GC32" s="104">
        <v>69216</v>
      </c>
      <c r="GD32" s="104">
        <v>46718</v>
      </c>
      <c r="GE32" s="104">
        <v>0</v>
      </c>
      <c r="GF32" s="103">
        <v>185556</v>
      </c>
      <c r="GG32" s="296">
        <v>260806</v>
      </c>
      <c r="GH32" s="105">
        <v>0</v>
      </c>
      <c r="GI32" s="104">
        <v>0</v>
      </c>
      <c r="GJ32" s="102">
        <v>0</v>
      </c>
      <c r="GK32" s="101">
        <v>0</v>
      </c>
      <c r="GL32" s="104">
        <v>0</v>
      </c>
      <c r="GM32" s="104">
        <v>0</v>
      </c>
      <c r="GN32" s="104">
        <v>0</v>
      </c>
      <c r="GO32" s="104">
        <v>0</v>
      </c>
      <c r="GP32" s="104">
        <v>0</v>
      </c>
      <c r="GQ32" s="103">
        <v>0</v>
      </c>
      <c r="GR32" s="106">
        <v>0</v>
      </c>
      <c r="GS32" s="100">
        <v>28490</v>
      </c>
      <c r="GT32" s="104">
        <v>0</v>
      </c>
      <c r="GU32" s="103">
        <v>28490</v>
      </c>
      <c r="GV32" s="100">
        <v>0</v>
      </c>
      <c r="GW32" s="104">
        <v>0</v>
      </c>
      <c r="GX32" s="104">
        <v>0</v>
      </c>
      <c r="GY32" s="104">
        <v>0</v>
      </c>
      <c r="GZ32" s="104">
        <v>0</v>
      </c>
      <c r="HA32" s="104">
        <v>0</v>
      </c>
      <c r="HB32" s="102">
        <v>0</v>
      </c>
      <c r="HC32" s="106">
        <v>28490</v>
      </c>
      <c r="HD32" s="100">
        <v>0</v>
      </c>
      <c r="HE32" s="104">
        <v>0</v>
      </c>
      <c r="HF32" s="102">
        <v>0</v>
      </c>
      <c r="HG32" s="101">
        <v>0</v>
      </c>
      <c r="HH32" s="104">
        <v>511653</v>
      </c>
      <c r="HI32" s="104">
        <v>148057</v>
      </c>
      <c r="HJ32" s="104">
        <v>999540</v>
      </c>
      <c r="HK32" s="104">
        <v>1098170</v>
      </c>
      <c r="HL32" s="104">
        <v>600719</v>
      </c>
      <c r="HM32" s="103">
        <v>3358139</v>
      </c>
      <c r="HN32" s="99">
        <v>3358139</v>
      </c>
      <c r="HO32" s="306"/>
      <c r="HP32" s="307"/>
      <c r="HQ32" s="308"/>
      <c r="HR32" s="309"/>
      <c r="HS32" s="307"/>
      <c r="HT32" s="307"/>
      <c r="HU32" s="307"/>
      <c r="HV32" s="307"/>
      <c r="HW32" s="307"/>
      <c r="HX32" s="310"/>
      <c r="HY32" s="311"/>
      <c r="HZ32" s="137">
        <v>0</v>
      </c>
      <c r="IA32" s="122">
        <v>0</v>
      </c>
      <c r="IB32" s="137">
        <v>0</v>
      </c>
      <c r="IC32" s="121">
        <v>0</v>
      </c>
      <c r="ID32" s="122">
        <v>67776</v>
      </c>
      <c r="IE32" s="123">
        <v>74351</v>
      </c>
      <c r="IF32" s="124">
        <v>0</v>
      </c>
      <c r="IG32" s="122">
        <v>0</v>
      </c>
      <c r="IH32" s="124">
        <v>0</v>
      </c>
      <c r="II32" s="125">
        <v>142127</v>
      </c>
      <c r="IJ32" s="137">
        <v>142127</v>
      </c>
      <c r="IK32" s="219">
        <v>0</v>
      </c>
      <c r="IL32" s="223">
        <v>0</v>
      </c>
      <c r="IM32" s="224">
        <v>0</v>
      </c>
      <c r="IN32" s="127"/>
      <c r="IO32" s="109">
        <v>0</v>
      </c>
      <c r="IP32" s="109">
        <v>0</v>
      </c>
      <c r="IQ32" s="109">
        <v>0</v>
      </c>
      <c r="IR32" s="109">
        <v>0</v>
      </c>
      <c r="IS32" s="109">
        <v>0</v>
      </c>
      <c r="IT32" s="128">
        <v>0</v>
      </c>
      <c r="IU32" s="298">
        <v>0</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67776</v>
      </c>
      <c r="JL32" s="109">
        <v>36677</v>
      </c>
      <c r="JM32" s="109">
        <v>0</v>
      </c>
      <c r="JN32" s="109">
        <v>0</v>
      </c>
      <c r="JO32" s="109">
        <v>0</v>
      </c>
      <c r="JP32" s="110">
        <v>104453</v>
      </c>
      <c r="JQ32" s="298">
        <v>104453</v>
      </c>
      <c r="JR32" s="129">
        <v>0</v>
      </c>
      <c r="JS32" s="109">
        <v>0</v>
      </c>
      <c r="JT32" s="128">
        <v>0</v>
      </c>
      <c r="JU32" s="108">
        <v>0</v>
      </c>
      <c r="JV32" s="109">
        <v>0</v>
      </c>
      <c r="JW32" s="109">
        <v>37674</v>
      </c>
      <c r="JX32" s="109">
        <v>0</v>
      </c>
      <c r="JY32" s="109">
        <v>0</v>
      </c>
      <c r="JZ32" s="109">
        <v>0</v>
      </c>
      <c r="KA32" s="110">
        <v>37674</v>
      </c>
      <c r="KB32" s="298">
        <v>37674</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c r="KR32" s="109">
        <v>0</v>
      </c>
      <c r="KS32" s="109">
        <v>0</v>
      </c>
      <c r="KT32" s="109">
        <v>0</v>
      </c>
      <c r="KU32" s="109">
        <v>0</v>
      </c>
      <c r="KV32" s="109">
        <v>0</v>
      </c>
      <c r="KW32" s="110">
        <v>0</v>
      </c>
      <c r="KX32" s="298">
        <v>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0</v>
      </c>
      <c r="LQ32" s="109">
        <v>0</v>
      </c>
      <c r="LR32" s="109">
        <v>0</v>
      </c>
      <c r="LS32" s="110">
        <v>0</v>
      </c>
      <c r="LT32" s="298">
        <v>0</v>
      </c>
      <c r="LU32" s="129">
        <v>0</v>
      </c>
      <c r="LV32" s="109">
        <v>0</v>
      </c>
      <c r="LW32" s="110">
        <v>0</v>
      </c>
      <c r="LX32" s="132"/>
      <c r="LY32" s="109">
        <v>0</v>
      </c>
      <c r="LZ32" s="109">
        <v>0</v>
      </c>
      <c r="MA32" s="109">
        <v>0</v>
      </c>
      <c r="MB32" s="109">
        <v>0</v>
      </c>
      <c r="MC32" s="109">
        <v>0</v>
      </c>
      <c r="MD32" s="110">
        <v>0</v>
      </c>
      <c r="ME32" s="111">
        <v>0</v>
      </c>
      <c r="MF32" s="129">
        <v>0</v>
      </c>
      <c r="MG32" s="109">
        <v>0</v>
      </c>
      <c r="MH32" s="110">
        <v>0</v>
      </c>
      <c r="MI32" s="132">
        <v>0</v>
      </c>
      <c r="MJ32" s="109">
        <v>174132</v>
      </c>
      <c r="MK32" s="109">
        <v>0</v>
      </c>
      <c r="ML32" s="109">
        <v>136209</v>
      </c>
      <c r="MM32" s="109">
        <v>407650</v>
      </c>
      <c r="MN32" s="109">
        <v>0</v>
      </c>
      <c r="MO32" s="110">
        <v>717991</v>
      </c>
      <c r="MP32" s="130">
        <v>717991</v>
      </c>
      <c r="MQ32" s="129">
        <v>0</v>
      </c>
      <c r="MR32" s="109">
        <v>0</v>
      </c>
      <c r="MS32" s="110">
        <v>0</v>
      </c>
      <c r="MT32" s="132">
        <v>0</v>
      </c>
      <c r="MU32" s="109">
        <v>0</v>
      </c>
      <c r="MV32" s="109">
        <v>0</v>
      </c>
      <c r="MW32" s="109">
        <v>136209</v>
      </c>
      <c r="MX32" s="109">
        <v>407650</v>
      </c>
      <c r="MY32" s="109">
        <v>0</v>
      </c>
      <c r="MZ32" s="110">
        <v>543859</v>
      </c>
      <c r="NA32" s="130">
        <v>543859</v>
      </c>
      <c r="NB32" s="129">
        <v>0</v>
      </c>
      <c r="NC32" s="109">
        <v>0</v>
      </c>
      <c r="ND32" s="110">
        <v>0</v>
      </c>
      <c r="NE32" s="132"/>
      <c r="NF32" s="109">
        <v>174132</v>
      </c>
      <c r="NG32" s="109">
        <v>0</v>
      </c>
      <c r="NH32" s="109">
        <v>0</v>
      </c>
      <c r="NI32" s="109">
        <v>0</v>
      </c>
      <c r="NJ32" s="109">
        <v>0</v>
      </c>
      <c r="NK32" s="110">
        <v>174132</v>
      </c>
      <c r="NL32" s="298">
        <v>174132</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137926</v>
      </c>
      <c r="OJ32" s="109">
        <v>97423</v>
      </c>
      <c r="OK32" s="128">
        <v>235349</v>
      </c>
      <c r="OL32" s="108">
        <v>0</v>
      </c>
      <c r="OM32" s="109">
        <v>1141128</v>
      </c>
      <c r="ON32" s="109">
        <v>919164</v>
      </c>
      <c r="OO32" s="109">
        <v>2110442</v>
      </c>
      <c r="OP32" s="109">
        <v>1871791</v>
      </c>
      <c r="OQ32" s="109">
        <v>660261</v>
      </c>
      <c r="OR32" s="110">
        <v>6702786</v>
      </c>
      <c r="OS32" s="130">
        <v>6938135</v>
      </c>
    </row>
    <row r="33" spans="2:409" ht="21" customHeight="1" x14ac:dyDescent="0.2">
      <c r="B33" s="472" t="s">
        <v>28</v>
      </c>
      <c r="C33" s="100">
        <v>0</v>
      </c>
      <c r="D33" s="104">
        <v>7700</v>
      </c>
      <c r="E33" s="103">
        <v>7700</v>
      </c>
      <c r="F33" s="99">
        <v>0</v>
      </c>
      <c r="G33" s="104">
        <v>44482</v>
      </c>
      <c r="H33" s="104">
        <v>220492</v>
      </c>
      <c r="I33" s="104">
        <v>438375</v>
      </c>
      <c r="J33" s="104">
        <v>399499</v>
      </c>
      <c r="K33" s="104">
        <v>0</v>
      </c>
      <c r="L33" s="160">
        <v>1102848</v>
      </c>
      <c r="M33" s="106">
        <v>1110548</v>
      </c>
      <c r="N33" s="100">
        <v>0</v>
      </c>
      <c r="O33" s="104">
        <v>0</v>
      </c>
      <c r="P33" s="103">
        <v>0</v>
      </c>
      <c r="Q33" s="100">
        <v>0</v>
      </c>
      <c r="R33" s="104">
        <v>35032</v>
      </c>
      <c r="S33" s="104">
        <v>99237</v>
      </c>
      <c r="T33" s="104">
        <v>58233</v>
      </c>
      <c r="U33" s="104">
        <v>80815</v>
      </c>
      <c r="V33" s="104">
        <v>0</v>
      </c>
      <c r="W33" s="103">
        <v>273317</v>
      </c>
      <c r="X33" s="106">
        <v>273317</v>
      </c>
      <c r="Y33" s="100">
        <v>0</v>
      </c>
      <c r="Z33" s="104">
        <v>0</v>
      </c>
      <c r="AA33" s="103">
        <v>0</v>
      </c>
      <c r="AB33" s="100">
        <v>0</v>
      </c>
      <c r="AC33" s="104">
        <v>35032</v>
      </c>
      <c r="AD33" s="104">
        <v>40262</v>
      </c>
      <c r="AE33" s="104">
        <v>0</v>
      </c>
      <c r="AF33" s="104">
        <v>65177</v>
      </c>
      <c r="AG33" s="104">
        <v>0</v>
      </c>
      <c r="AH33" s="103">
        <v>140471</v>
      </c>
      <c r="AI33" s="106">
        <v>140471</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51779</v>
      </c>
      <c r="BA33" s="104">
        <v>29064</v>
      </c>
      <c r="BB33" s="104">
        <v>0</v>
      </c>
      <c r="BC33" s="104">
        <v>0</v>
      </c>
      <c r="BD33" s="103">
        <v>80843</v>
      </c>
      <c r="BE33" s="106">
        <v>80843</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0</v>
      </c>
      <c r="BV33" s="104">
        <v>7196</v>
      </c>
      <c r="BW33" s="104">
        <v>29169</v>
      </c>
      <c r="BX33" s="104">
        <v>15638</v>
      </c>
      <c r="BY33" s="104">
        <v>0</v>
      </c>
      <c r="BZ33" s="103">
        <v>52003</v>
      </c>
      <c r="CA33" s="106">
        <v>52003</v>
      </c>
      <c r="CB33" s="100">
        <v>0</v>
      </c>
      <c r="CC33" s="104">
        <v>0</v>
      </c>
      <c r="CD33" s="103">
        <v>0</v>
      </c>
      <c r="CE33" s="100">
        <v>0</v>
      </c>
      <c r="CF33" s="104">
        <v>0</v>
      </c>
      <c r="CG33" s="104">
        <v>47472</v>
      </c>
      <c r="CH33" s="104">
        <v>172074</v>
      </c>
      <c r="CI33" s="104">
        <v>112938</v>
      </c>
      <c r="CJ33" s="104">
        <v>0</v>
      </c>
      <c r="CK33" s="103">
        <v>332484</v>
      </c>
      <c r="CL33" s="106">
        <v>332484</v>
      </c>
      <c r="CM33" s="100">
        <v>0</v>
      </c>
      <c r="CN33" s="104">
        <v>0</v>
      </c>
      <c r="CO33" s="103">
        <v>0</v>
      </c>
      <c r="CP33" s="101">
        <v>0</v>
      </c>
      <c r="CQ33" s="104">
        <v>0</v>
      </c>
      <c r="CR33" s="104">
        <v>27776</v>
      </c>
      <c r="CS33" s="104">
        <v>142842</v>
      </c>
      <c r="CT33" s="104">
        <v>112938</v>
      </c>
      <c r="CU33" s="104">
        <v>0</v>
      </c>
      <c r="CV33" s="103">
        <v>283556</v>
      </c>
      <c r="CW33" s="106">
        <v>283556</v>
      </c>
      <c r="CX33" s="100">
        <v>0</v>
      </c>
      <c r="CY33" s="104">
        <v>0</v>
      </c>
      <c r="CZ33" s="103">
        <v>0</v>
      </c>
      <c r="DA33" s="100">
        <v>0</v>
      </c>
      <c r="DB33" s="104">
        <v>0</v>
      </c>
      <c r="DC33" s="104">
        <v>19696</v>
      </c>
      <c r="DD33" s="104">
        <v>29232</v>
      </c>
      <c r="DE33" s="104">
        <v>0</v>
      </c>
      <c r="DF33" s="104">
        <v>0</v>
      </c>
      <c r="DG33" s="103">
        <v>48928</v>
      </c>
      <c r="DH33" s="106">
        <v>48928</v>
      </c>
      <c r="DI33" s="100">
        <v>0</v>
      </c>
      <c r="DJ33" s="104">
        <v>0</v>
      </c>
      <c r="DK33" s="102">
        <v>0</v>
      </c>
      <c r="DL33" s="101">
        <v>0</v>
      </c>
      <c r="DM33" s="104">
        <v>0</v>
      </c>
      <c r="DN33" s="104">
        <v>48107</v>
      </c>
      <c r="DO33" s="104">
        <v>38556</v>
      </c>
      <c r="DP33" s="104">
        <v>0</v>
      </c>
      <c r="DQ33" s="104">
        <v>0</v>
      </c>
      <c r="DR33" s="103">
        <v>86663</v>
      </c>
      <c r="DS33" s="106">
        <v>86663</v>
      </c>
      <c r="DT33" s="100">
        <v>0</v>
      </c>
      <c r="DU33" s="104">
        <v>0</v>
      </c>
      <c r="DV33" s="103">
        <v>0</v>
      </c>
      <c r="DW33" s="100">
        <v>0</v>
      </c>
      <c r="DX33" s="104">
        <v>0</v>
      </c>
      <c r="DY33" s="104">
        <v>48107</v>
      </c>
      <c r="DZ33" s="104">
        <v>38556</v>
      </c>
      <c r="EA33" s="104">
        <v>0</v>
      </c>
      <c r="EB33" s="104">
        <v>0</v>
      </c>
      <c r="EC33" s="103">
        <v>86663</v>
      </c>
      <c r="ED33" s="106">
        <v>86663</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7700</v>
      </c>
      <c r="FN33" s="103">
        <v>7700</v>
      </c>
      <c r="FO33" s="100">
        <v>0</v>
      </c>
      <c r="FP33" s="104">
        <v>9450</v>
      </c>
      <c r="FQ33" s="104">
        <v>25676</v>
      </c>
      <c r="FR33" s="104">
        <v>7350</v>
      </c>
      <c r="FS33" s="104">
        <v>21350</v>
      </c>
      <c r="FT33" s="104">
        <v>0</v>
      </c>
      <c r="FU33" s="103">
        <v>63826</v>
      </c>
      <c r="FV33" s="106">
        <v>71526</v>
      </c>
      <c r="FW33" s="105">
        <v>0</v>
      </c>
      <c r="FX33" s="104">
        <v>7700</v>
      </c>
      <c r="FY33" s="102">
        <v>7700</v>
      </c>
      <c r="FZ33" s="101">
        <v>0</v>
      </c>
      <c r="GA33" s="104">
        <v>9450</v>
      </c>
      <c r="GB33" s="104">
        <v>25676</v>
      </c>
      <c r="GC33" s="104">
        <v>7350</v>
      </c>
      <c r="GD33" s="104">
        <v>21350</v>
      </c>
      <c r="GE33" s="104">
        <v>0</v>
      </c>
      <c r="GF33" s="103">
        <v>63826</v>
      </c>
      <c r="GG33" s="296">
        <v>7152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62162</v>
      </c>
      <c r="HK33" s="104">
        <v>184396</v>
      </c>
      <c r="HL33" s="104">
        <v>0</v>
      </c>
      <c r="HM33" s="103">
        <v>346558</v>
      </c>
      <c r="HN33" s="99">
        <v>346558</v>
      </c>
      <c r="HO33" s="306"/>
      <c r="HP33" s="307"/>
      <c r="HQ33" s="308"/>
      <c r="HR33" s="309"/>
      <c r="HS33" s="307"/>
      <c r="HT33" s="307"/>
      <c r="HU33" s="307"/>
      <c r="HV33" s="307"/>
      <c r="HW33" s="307"/>
      <c r="HX33" s="310"/>
      <c r="HY33" s="311"/>
      <c r="HZ33" s="118">
        <v>0</v>
      </c>
      <c r="IA33" s="119">
        <v>0</v>
      </c>
      <c r="IB33" s="120">
        <v>0</v>
      </c>
      <c r="IC33" s="133">
        <v>0</v>
      </c>
      <c r="ID33" s="119">
        <v>98245</v>
      </c>
      <c r="IE33" s="134">
        <v>14693</v>
      </c>
      <c r="IF33" s="120">
        <v>0</v>
      </c>
      <c r="IG33" s="119">
        <v>0</v>
      </c>
      <c r="IH33" s="120">
        <v>0</v>
      </c>
      <c r="II33" s="135">
        <v>112938</v>
      </c>
      <c r="IJ33" s="126">
        <v>112938</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98245</v>
      </c>
      <c r="JL33" s="109">
        <v>14693</v>
      </c>
      <c r="JM33" s="109">
        <v>0</v>
      </c>
      <c r="JN33" s="109">
        <v>0</v>
      </c>
      <c r="JO33" s="109">
        <v>0</v>
      </c>
      <c r="JP33" s="110">
        <v>112938</v>
      </c>
      <c r="JQ33" s="298">
        <v>112938</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0</v>
      </c>
      <c r="KW33" s="110">
        <v>0</v>
      </c>
      <c r="KX33" s="298">
        <v>0</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v>0</v>
      </c>
      <c r="MJ33" s="109">
        <v>0</v>
      </c>
      <c r="MK33" s="109">
        <v>0</v>
      </c>
      <c r="ML33" s="109">
        <v>166036</v>
      </c>
      <c r="MM33" s="109">
        <v>0</v>
      </c>
      <c r="MN33" s="109">
        <v>0</v>
      </c>
      <c r="MO33" s="110">
        <v>166036</v>
      </c>
      <c r="MP33" s="130">
        <v>166036</v>
      </c>
      <c r="MQ33" s="129">
        <v>0</v>
      </c>
      <c r="MR33" s="109">
        <v>0</v>
      </c>
      <c r="MS33" s="110">
        <v>0</v>
      </c>
      <c r="MT33" s="132">
        <v>0</v>
      </c>
      <c r="MU33" s="109">
        <v>0</v>
      </c>
      <c r="MV33" s="109">
        <v>0</v>
      </c>
      <c r="MW33" s="109">
        <v>0</v>
      </c>
      <c r="MX33" s="109">
        <v>0</v>
      </c>
      <c r="MY33" s="109">
        <v>0</v>
      </c>
      <c r="MZ33" s="110">
        <v>0</v>
      </c>
      <c r="NA33" s="130">
        <v>0</v>
      </c>
      <c r="NB33" s="129">
        <v>0</v>
      </c>
      <c r="NC33" s="109">
        <v>0</v>
      </c>
      <c r="ND33" s="110">
        <v>0</v>
      </c>
      <c r="NE33" s="132"/>
      <c r="NF33" s="109">
        <v>0</v>
      </c>
      <c r="NG33" s="109">
        <v>0</v>
      </c>
      <c r="NH33" s="109">
        <v>166036</v>
      </c>
      <c r="NI33" s="109">
        <v>0</v>
      </c>
      <c r="NJ33" s="109">
        <v>0</v>
      </c>
      <c r="NK33" s="110">
        <v>166036</v>
      </c>
      <c r="NL33" s="298">
        <v>166036</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7700</v>
      </c>
      <c r="OK33" s="128">
        <v>7700</v>
      </c>
      <c r="OL33" s="108">
        <v>0</v>
      </c>
      <c r="OM33" s="109">
        <v>142727</v>
      </c>
      <c r="ON33" s="109">
        <v>235185</v>
      </c>
      <c r="OO33" s="109">
        <v>604411</v>
      </c>
      <c r="OP33" s="109">
        <v>399499</v>
      </c>
      <c r="OQ33" s="109">
        <v>0</v>
      </c>
      <c r="OR33" s="110">
        <v>1381822</v>
      </c>
      <c r="OS33" s="130">
        <v>1389522</v>
      </c>
    </row>
    <row r="34" spans="2:409" ht="21" customHeight="1" x14ac:dyDescent="0.2">
      <c r="B34" s="472" t="s">
        <v>29</v>
      </c>
      <c r="C34" s="100">
        <v>2100</v>
      </c>
      <c r="D34" s="104">
        <v>90356</v>
      </c>
      <c r="E34" s="103">
        <v>92456</v>
      </c>
      <c r="F34" s="99">
        <v>0</v>
      </c>
      <c r="G34" s="104">
        <v>487264</v>
      </c>
      <c r="H34" s="104">
        <v>132661</v>
      </c>
      <c r="I34" s="104">
        <v>276976</v>
      </c>
      <c r="J34" s="104">
        <v>1239724</v>
      </c>
      <c r="K34" s="104">
        <v>0</v>
      </c>
      <c r="L34" s="160">
        <v>2136625</v>
      </c>
      <c r="M34" s="106">
        <v>2229081</v>
      </c>
      <c r="N34" s="100">
        <v>0</v>
      </c>
      <c r="O34" s="104">
        <v>77756</v>
      </c>
      <c r="P34" s="103">
        <v>77756</v>
      </c>
      <c r="Q34" s="100">
        <v>0</v>
      </c>
      <c r="R34" s="104">
        <v>158913</v>
      </c>
      <c r="S34" s="104">
        <v>120572</v>
      </c>
      <c r="T34" s="104">
        <v>98014</v>
      </c>
      <c r="U34" s="104">
        <v>657224</v>
      </c>
      <c r="V34" s="104">
        <v>0</v>
      </c>
      <c r="W34" s="103">
        <v>1034723</v>
      </c>
      <c r="X34" s="106">
        <v>1112479</v>
      </c>
      <c r="Y34" s="100">
        <v>0</v>
      </c>
      <c r="Z34" s="104">
        <v>0</v>
      </c>
      <c r="AA34" s="103">
        <v>0</v>
      </c>
      <c r="AB34" s="100">
        <v>0</v>
      </c>
      <c r="AC34" s="104">
        <v>40397</v>
      </c>
      <c r="AD34" s="104">
        <v>76304</v>
      </c>
      <c r="AE34" s="104">
        <v>0</v>
      </c>
      <c r="AF34" s="104">
        <v>371309</v>
      </c>
      <c r="AG34" s="104">
        <v>0</v>
      </c>
      <c r="AH34" s="103">
        <v>488010</v>
      </c>
      <c r="AI34" s="106">
        <v>488010</v>
      </c>
      <c r="AJ34" s="100">
        <v>0</v>
      </c>
      <c r="AK34" s="104">
        <v>0</v>
      </c>
      <c r="AL34" s="103">
        <v>0</v>
      </c>
      <c r="AM34" s="100">
        <v>0</v>
      </c>
      <c r="AN34" s="104">
        <v>0</v>
      </c>
      <c r="AO34" s="104">
        <v>0</v>
      </c>
      <c r="AP34" s="104">
        <v>0</v>
      </c>
      <c r="AQ34" s="104">
        <v>0</v>
      </c>
      <c r="AR34" s="104">
        <v>0</v>
      </c>
      <c r="AS34" s="103">
        <v>0</v>
      </c>
      <c r="AT34" s="106">
        <v>0</v>
      </c>
      <c r="AU34" s="100">
        <v>0</v>
      </c>
      <c r="AV34" s="104">
        <v>77756</v>
      </c>
      <c r="AW34" s="103">
        <v>77756</v>
      </c>
      <c r="AX34" s="100">
        <v>0</v>
      </c>
      <c r="AY34" s="104">
        <v>78084</v>
      </c>
      <c r="AZ34" s="104">
        <v>44268</v>
      </c>
      <c r="BA34" s="104">
        <v>75747</v>
      </c>
      <c r="BB34" s="104">
        <v>27174</v>
      </c>
      <c r="BC34" s="104">
        <v>0</v>
      </c>
      <c r="BD34" s="103">
        <v>225273</v>
      </c>
      <c r="BE34" s="106">
        <v>303029</v>
      </c>
      <c r="BF34" s="100">
        <v>0</v>
      </c>
      <c r="BG34" s="104">
        <v>0</v>
      </c>
      <c r="BH34" s="102">
        <v>0</v>
      </c>
      <c r="BI34" s="101">
        <v>0</v>
      </c>
      <c r="BJ34" s="104">
        <v>13384</v>
      </c>
      <c r="BK34" s="104">
        <v>0</v>
      </c>
      <c r="BL34" s="104">
        <v>0</v>
      </c>
      <c r="BM34" s="104">
        <v>243236</v>
      </c>
      <c r="BN34" s="104">
        <v>0</v>
      </c>
      <c r="BO34" s="103">
        <v>256620</v>
      </c>
      <c r="BP34" s="106">
        <v>256620</v>
      </c>
      <c r="BQ34" s="100">
        <v>0</v>
      </c>
      <c r="BR34" s="104">
        <v>0</v>
      </c>
      <c r="BS34" s="103">
        <v>0</v>
      </c>
      <c r="BT34" s="100">
        <v>0</v>
      </c>
      <c r="BU34" s="104">
        <v>27048</v>
      </c>
      <c r="BV34" s="104">
        <v>0</v>
      </c>
      <c r="BW34" s="104">
        <v>22267</v>
      </c>
      <c r="BX34" s="104">
        <v>15505</v>
      </c>
      <c r="BY34" s="104">
        <v>0</v>
      </c>
      <c r="BZ34" s="103">
        <v>64820</v>
      </c>
      <c r="CA34" s="106">
        <v>64820</v>
      </c>
      <c r="CB34" s="100">
        <v>0</v>
      </c>
      <c r="CC34" s="104">
        <v>0</v>
      </c>
      <c r="CD34" s="103">
        <v>0</v>
      </c>
      <c r="CE34" s="100">
        <v>0</v>
      </c>
      <c r="CF34" s="104">
        <v>147338</v>
      </c>
      <c r="CG34" s="104">
        <v>11389</v>
      </c>
      <c r="CH34" s="104">
        <v>99022</v>
      </c>
      <c r="CI34" s="104">
        <v>151303</v>
      </c>
      <c r="CJ34" s="104">
        <v>0</v>
      </c>
      <c r="CK34" s="103">
        <v>409052</v>
      </c>
      <c r="CL34" s="106">
        <v>409052</v>
      </c>
      <c r="CM34" s="100">
        <v>0</v>
      </c>
      <c r="CN34" s="104">
        <v>0</v>
      </c>
      <c r="CO34" s="103">
        <v>0</v>
      </c>
      <c r="CP34" s="101">
        <v>0</v>
      </c>
      <c r="CQ34" s="104">
        <v>83146</v>
      </c>
      <c r="CR34" s="104">
        <v>11389</v>
      </c>
      <c r="CS34" s="104">
        <v>21231</v>
      </c>
      <c r="CT34" s="104">
        <v>88765</v>
      </c>
      <c r="CU34" s="104">
        <v>0</v>
      </c>
      <c r="CV34" s="103">
        <v>204531</v>
      </c>
      <c r="CW34" s="106">
        <v>204531</v>
      </c>
      <c r="CX34" s="100">
        <v>0</v>
      </c>
      <c r="CY34" s="104">
        <v>0</v>
      </c>
      <c r="CZ34" s="103">
        <v>0</v>
      </c>
      <c r="DA34" s="100">
        <v>0</v>
      </c>
      <c r="DB34" s="104">
        <v>64192</v>
      </c>
      <c r="DC34" s="104">
        <v>0</v>
      </c>
      <c r="DD34" s="104">
        <v>77791</v>
      </c>
      <c r="DE34" s="104">
        <v>62538</v>
      </c>
      <c r="DF34" s="104">
        <v>0</v>
      </c>
      <c r="DG34" s="103">
        <v>204521</v>
      </c>
      <c r="DH34" s="106">
        <v>204521</v>
      </c>
      <c r="DI34" s="100">
        <v>0</v>
      </c>
      <c r="DJ34" s="104">
        <v>0</v>
      </c>
      <c r="DK34" s="102">
        <v>0</v>
      </c>
      <c r="DL34" s="101">
        <v>0</v>
      </c>
      <c r="DM34" s="104">
        <v>16681</v>
      </c>
      <c r="DN34" s="104">
        <v>0</v>
      </c>
      <c r="DO34" s="104">
        <v>0</v>
      </c>
      <c r="DP34" s="104">
        <v>0</v>
      </c>
      <c r="DQ34" s="104">
        <v>0</v>
      </c>
      <c r="DR34" s="103">
        <v>16681</v>
      </c>
      <c r="DS34" s="106">
        <v>16681</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6681</v>
      </c>
      <c r="EJ34" s="104">
        <v>0</v>
      </c>
      <c r="EK34" s="104">
        <v>0</v>
      </c>
      <c r="EL34" s="104">
        <v>0</v>
      </c>
      <c r="EM34" s="104">
        <v>0</v>
      </c>
      <c r="EN34" s="102">
        <v>16681</v>
      </c>
      <c r="EO34" s="106">
        <v>16681</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100</v>
      </c>
      <c r="FM34" s="104">
        <v>12600</v>
      </c>
      <c r="FN34" s="103">
        <v>14700</v>
      </c>
      <c r="FO34" s="100">
        <v>0</v>
      </c>
      <c r="FP34" s="104">
        <v>35000</v>
      </c>
      <c r="FQ34" s="104">
        <v>700</v>
      </c>
      <c r="FR34" s="104">
        <v>79940</v>
      </c>
      <c r="FS34" s="104">
        <v>64680</v>
      </c>
      <c r="FT34" s="104">
        <v>0</v>
      </c>
      <c r="FU34" s="103">
        <v>180320</v>
      </c>
      <c r="FV34" s="106">
        <v>195020</v>
      </c>
      <c r="FW34" s="105">
        <v>2100</v>
      </c>
      <c r="FX34" s="104">
        <v>12600</v>
      </c>
      <c r="FY34" s="102">
        <v>14700</v>
      </c>
      <c r="FZ34" s="101">
        <v>0</v>
      </c>
      <c r="GA34" s="104">
        <v>35000</v>
      </c>
      <c r="GB34" s="104">
        <v>700</v>
      </c>
      <c r="GC34" s="104">
        <v>79940</v>
      </c>
      <c r="GD34" s="104">
        <v>64680</v>
      </c>
      <c r="GE34" s="104">
        <v>0</v>
      </c>
      <c r="GF34" s="103">
        <v>180320</v>
      </c>
      <c r="GG34" s="296">
        <v>195020</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129332</v>
      </c>
      <c r="HI34" s="104">
        <v>0</v>
      </c>
      <c r="HJ34" s="104">
        <v>0</v>
      </c>
      <c r="HK34" s="104">
        <v>366517</v>
      </c>
      <c r="HL34" s="104">
        <v>0</v>
      </c>
      <c r="HM34" s="103">
        <v>495849</v>
      </c>
      <c r="HN34" s="99">
        <v>495849</v>
      </c>
      <c r="HO34" s="306"/>
      <c r="HP34" s="307"/>
      <c r="HQ34" s="308"/>
      <c r="HR34" s="309"/>
      <c r="HS34" s="307"/>
      <c r="HT34" s="307"/>
      <c r="HU34" s="307"/>
      <c r="HV34" s="307"/>
      <c r="HW34" s="307"/>
      <c r="HX34" s="310"/>
      <c r="HY34" s="311"/>
      <c r="HZ34" s="137">
        <v>0</v>
      </c>
      <c r="IA34" s="122">
        <v>0</v>
      </c>
      <c r="IB34" s="137">
        <v>0</v>
      </c>
      <c r="IC34" s="121">
        <v>0</v>
      </c>
      <c r="ID34" s="122">
        <v>403699</v>
      </c>
      <c r="IE34" s="123">
        <v>0</v>
      </c>
      <c r="IF34" s="124">
        <v>205303</v>
      </c>
      <c r="IG34" s="122">
        <v>219989</v>
      </c>
      <c r="IH34" s="124">
        <v>0</v>
      </c>
      <c r="II34" s="125">
        <v>828991</v>
      </c>
      <c r="IJ34" s="137">
        <v>828991</v>
      </c>
      <c r="IK34" s="219">
        <v>0</v>
      </c>
      <c r="IL34" s="223">
        <v>0</v>
      </c>
      <c r="IM34" s="224">
        <v>0</v>
      </c>
      <c r="IN34" s="127"/>
      <c r="IO34" s="109">
        <v>52941</v>
      </c>
      <c r="IP34" s="109">
        <v>0</v>
      </c>
      <c r="IQ34" s="109">
        <v>0</v>
      </c>
      <c r="IR34" s="109">
        <v>0</v>
      </c>
      <c r="IS34" s="109">
        <v>0</v>
      </c>
      <c r="IT34" s="128">
        <v>52941</v>
      </c>
      <c r="IU34" s="298">
        <v>52941</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10943</v>
      </c>
      <c r="JL34" s="109">
        <v>0</v>
      </c>
      <c r="JM34" s="109">
        <v>0</v>
      </c>
      <c r="JN34" s="109">
        <v>0</v>
      </c>
      <c r="JO34" s="109">
        <v>0</v>
      </c>
      <c r="JP34" s="110">
        <v>10943</v>
      </c>
      <c r="JQ34" s="298">
        <v>10943</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339815</v>
      </c>
      <c r="KH34" s="109">
        <v>0</v>
      </c>
      <c r="KI34" s="109">
        <v>205303</v>
      </c>
      <c r="KJ34" s="109">
        <v>0</v>
      </c>
      <c r="KK34" s="109">
        <v>0</v>
      </c>
      <c r="KL34" s="110">
        <v>545118</v>
      </c>
      <c r="KM34" s="130">
        <v>545118</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19989</v>
      </c>
      <c r="LR34" s="109">
        <v>0</v>
      </c>
      <c r="LS34" s="110">
        <v>219989</v>
      </c>
      <c r="LT34" s="298">
        <v>219989</v>
      </c>
      <c r="LU34" s="129">
        <v>0</v>
      </c>
      <c r="LV34" s="109">
        <v>0</v>
      </c>
      <c r="LW34" s="110">
        <v>0</v>
      </c>
      <c r="LX34" s="132"/>
      <c r="LY34" s="109">
        <v>0</v>
      </c>
      <c r="LZ34" s="109">
        <v>0</v>
      </c>
      <c r="MA34" s="109">
        <v>0</v>
      </c>
      <c r="MB34" s="109">
        <v>0</v>
      </c>
      <c r="MC34" s="109">
        <v>0</v>
      </c>
      <c r="MD34" s="110">
        <v>0</v>
      </c>
      <c r="ME34" s="111">
        <v>0</v>
      </c>
      <c r="MF34" s="129">
        <v>0</v>
      </c>
      <c r="MG34" s="109">
        <v>0</v>
      </c>
      <c r="MH34" s="110">
        <v>0</v>
      </c>
      <c r="MI34" s="132">
        <v>0</v>
      </c>
      <c r="MJ34" s="109">
        <v>0</v>
      </c>
      <c r="MK34" s="109">
        <v>0</v>
      </c>
      <c r="ML34" s="109">
        <v>0</v>
      </c>
      <c r="MM34" s="109">
        <v>241284</v>
      </c>
      <c r="MN34" s="109">
        <v>0</v>
      </c>
      <c r="MO34" s="110">
        <v>241284</v>
      </c>
      <c r="MP34" s="130">
        <v>241284</v>
      </c>
      <c r="MQ34" s="129">
        <v>0</v>
      </c>
      <c r="MR34" s="109">
        <v>0</v>
      </c>
      <c r="MS34" s="110">
        <v>0</v>
      </c>
      <c r="MT34" s="132">
        <v>0</v>
      </c>
      <c r="MU34" s="109">
        <v>0</v>
      </c>
      <c r="MV34" s="109">
        <v>0</v>
      </c>
      <c r="MW34" s="109">
        <v>0</v>
      </c>
      <c r="MX34" s="109">
        <v>0</v>
      </c>
      <c r="MY34" s="109">
        <v>0</v>
      </c>
      <c r="MZ34" s="110">
        <v>0</v>
      </c>
      <c r="NA34" s="130">
        <v>0</v>
      </c>
      <c r="NB34" s="129">
        <v>0</v>
      </c>
      <c r="NC34" s="109">
        <v>0</v>
      </c>
      <c r="ND34" s="110">
        <v>0</v>
      </c>
      <c r="NE34" s="132"/>
      <c r="NF34" s="109">
        <v>0</v>
      </c>
      <c r="NG34" s="109">
        <v>0</v>
      </c>
      <c r="NH34" s="109">
        <v>0</v>
      </c>
      <c r="NI34" s="109">
        <v>241284</v>
      </c>
      <c r="NJ34" s="109">
        <v>0</v>
      </c>
      <c r="NK34" s="110">
        <v>241284</v>
      </c>
      <c r="NL34" s="298">
        <v>241284</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2100</v>
      </c>
      <c r="OJ34" s="109">
        <v>90356</v>
      </c>
      <c r="OK34" s="128">
        <v>92456</v>
      </c>
      <c r="OL34" s="108">
        <v>0</v>
      </c>
      <c r="OM34" s="109">
        <v>890963</v>
      </c>
      <c r="ON34" s="109">
        <v>132661</v>
      </c>
      <c r="OO34" s="109">
        <v>482279</v>
      </c>
      <c r="OP34" s="109">
        <v>1700997</v>
      </c>
      <c r="OQ34" s="109">
        <v>0</v>
      </c>
      <c r="OR34" s="110">
        <v>3206900</v>
      </c>
      <c r="OS34" s="130">
        <v>3299356</v>
      </c>
    </row>
    <row r="35" spans="2:409" ht="21" customHeight="1" x14ac:dyDescent="0.2">
      <c r="B35" s="472" t="s">
        <v>30</v>
      </c>
      <c r="C35" s="100">
        <v>16310</v>
      </c>
      <c r="D35" s="104">
        <v>0</v>
      </c>
      <c r="E35" s="161">
        <v>16310</v>
      </c>
      <c r="F35" s="162">
        <v>0</v>
      </c>
      <c r="G35" s="163">
        <v>452160</v>
      </c>
      <c r="H35" s="163">
        <v>411435</v>
      </c>
      <c r="I35" s="163">
        <v>528375</v>
      </c>
      <c r="J35" s="163">
        <v>611255</v>
      </c>
      <c r="K35" s="163">
        <v>0</v>
      </c>
      <c r="L35" s="164">
        <v>2003225</v>
      </c>
      <c r="M35" s="106">
        <v>2019535</v>
      </c>
      <c r="N35" s="100">
        <v>0</v>
      </c>
      <c r="O35" s="104">
        <v>0</v>
      </c>
      <c r="P35" s="103">
        <v>0</v>
      </c>
      <c r="Q35" s="100">
        <v>0</v>
      </c>
      <c r="R35" s="104">
        <v>111188</v>
      </c>
      <c r="S35" s="104">
        <v>2086</v>
      </c>
      <c r="T35" s="104">
        <v>190863</v>
      </c>
      <c r="U35" s="104">
        <v>411956</v>
      </c>
      <c r="V35" s="104">
        <v>0</v>
      </c>
      <c r="W35" s="103">
        <v>716093</v>
      </c>
      <c r="X35" s="106">
        <v>716093</v>
      </c>
      <c r="Y35" s="100">
        <v>0</v>
      </c>
      <c r="Z35" s="104">
        <v>0</v>
      </c>
      <c r="AA35" s="103">
        <v>0</v>
      </c>
      <c r="AB35" s="100">
        <v>0</v>
      </c>
      <c r="AC35" s="104">
        <v>32466</v>
      </c>
      <c r="AD35" s="104">
        <v>0</v>
      </c>
      <c r="AE35" s="104">
        <v>182463</v>
      </c>
      <c r="AF35" s="104">
        <v>268657</v>
      </c>
      <c r="AG35" s="104">
        <v>0</v>
      </c>
      <c r="AH35" s="103">
        <v>483586</v>
      </c>
      <c r="AI35" s="106">
        <v>483586</v>
      </c>
      <c r="AJ35" s="100">
        <v>0</v>
      </c>
      <c r="AK35" s="104">
        <v>0</v>
      </c>
      <c r="AL35" s="103">
        <v>0</v>
      </c>
      <c r="AM35" s="100">
        <v>0</v>
      </c>
      <c r="AN35" s="104">
        <v>29890</v>
      </c>
      <c r="AO35" s="104">
        <v>0</v>
      </c>
      <c r="AP35" s="104">
        <v>0</v>
      </c>
      <c r="AQ35" s="104">
        <v>38241</v>
      </c>
      <c r="AR35" s="104">
        <v>0</v>
      </c>
      <c r="AS35" s="103">
        <v>68131</v>
      </c>
      <c r="AT35" s="106">
        <v>68131</v>
      </c>
      <c r="AU35" s="100">
        <v>0</v>
      </c>
      <c r="AV35" s="104">
        <v>0</v>
      </c>
      <c r="AW35" s="103">
        <v>0</v>
      </c>
      <c r="AX35" s="100">
        <v>0</v>
      </c>
      <c r="AY35" s="104">
        <v>20678</v>
      </c>
      <c r="AZ35" s="104">
        <v>0</v>
      </c>
      <c r="BA35" s="104">
        <v>0</v>
      </c>
      <c r="BB35" s="104">
        <v>100886</v>
      </c>
      <c r="BC35" s="104">
        <v>0</v>
      </c>
      <c r="BD35" s="103">
        <v>121564</v>
      </c>
      <c r="BE35" s="106">
        <v>121564</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8154</v>
      </c>
      <c r="BV35" s="104">
        <v>2086</v>
      </c>
      <c r="BW35" s="104">
        <v>8400</v>
      </c>
      <c r="BX35" s="104">
        <v>4172</v>
      </c>
      <c r="BY35" s="104">
        <v>0</v>
      </c>
      <c r="BZ35" s="103">
        <v>42812</v>
      </c>
      <c r="CA35" s="106">
        <v>42812</v>
      </c>
      <c r="CB35" s="100">
        <v>0</v>
      </c>
      <c r="CC35" s="104">
        <v>0</v>
      </c>
      <c r="CD35" s="103">
        <v>0</v>
      </c>
      <c r="CE35" s="100">
        <v>0</v>
      </c>
      <c r="CF35" s="104">
        <v>72725</v>
      </c>
      <c r="CG35" s="104">
        <v>162895</v>
      </c>
      <c r="CH35" s="104">
        <v>0</v>
      </c>
      <c r="CI35" s="104">
        <v>102186</v>
      </c>
      <c r="CJ35" s="104">
        <v>0</v>
      </c>
      <c r="CK35" s="103">
        <v>337806</v>
      </c>
      <c r="CL35" s="106">
        <v>337806</v>
      </c>
      <c r="CM35" s="100">
        <v>0</v>
      </c>
      <c r="CN35" s="104">
        <v>0</v>
      </c>
      <c r="CO35" s="103">
        <v>0</v>
      </c>
      <c r="CP35" s="101">
        <v>0</v>
      </c>
      <c r="CQ35" s="104">
        <v>72725</v>
      </c>
      <c r="CR35" s="104">
        <v>122568</v>
      </c>
      <c r="CS35" s="104">
        <v>0</v>
      </c>
      <c r="CT35" s="104">
        <v>0</v>
      </c>
      <c r="CU35" s="104">
        <v>0</v>
      </c>
      <c r="CV35" s="103">
        <v>195293</v>
      </c>
      <c r="CW35" s="106">
        <v>195293</v>
      </c>
      <c r="CX35" s="100">
        <v>0</v>
      </c>
      <c r="CY35" s="104">
        <v>0</v>
      </c>
      <c r="CZ35" s="103">
        <v>0</v>
      </c>
      <c r="DA35" s="100">
        <v>0</v>
      </c>
      <c r="DB35" s="104">
        <v>0</v>
      </c>
      <c r="DC35" s="104">
        <v>40327</v>
      </c>
      <c r="DD35" s="104">
        <v>0</v>
      </c>
      <c r="DE35" s="104">
        <v>102186</v>
      </c>
      <c r="DF35" s="104">
        <v>0</v>
      </c>
      <c r="DG35" s="103">
        <v>142513</v>
      </c>
      <c r="DH35" s="106">
        <v>142513</v>
      </c>
      <c r="DI35" s="100">
        <v>0</v>
      </c>
      <c r="DJ35" s="104">
        <v>0</v>
      </c>
      <c r="DK35" s="102">
        <v>0</v>
      </c>
      <c r="DL35" s="101">
        <v>0</v>
      </c>
      <c r="DM35" s="104">
        <v>0</v>
      </c>
      <c r="DN35" s="104">
        <v>86637</v>
      </c>
      <c r="DO35" s="104">
        <v>0</v>
      </c>
      <c r="DP35" s="104">
        <v>16963</v>
      </c>
      <c r="DQ35" s="104">
        <v>0</v>
      </c>
      <c r="DR35" s="103">
        <v>103600</v>
      </c>
      <c r="DS35" s="106">
        <v>103600</v>
      </c>
      <c r="DT35" s="100">
        <v>0</v>
      </c>
      <c r="DU35" s="104">
        <v>0</v>
      </c>
      <c r="DV35" s="103">
        <v>0</v>
      </c>
      <c r="DW35" s="100">
        <v>0</v>
      </c>
      <c r="DX35" s="104">
        <v>0</v>
      </c>
      <c r="DY35" s="104">
        <v>86637</v>
      </c>
      <c r="DZ35" s="104">
        <v>0</v>
      </c>
      <c r="EA35" s="104">
        <v>16963</v>
      </c>
      <c r="EB35" s="104">
        <v>0</v>
      </c>
      <c r="EC35" s="103">
        <v>103600</v>
      </c>
      <c r="ED35" s="106">
        <v>103600</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6310</v>
      </c>
      <c r="FM35" s="104">
        <v>0</v>
      </c>
      <c r="FN35" s="103">
        <v>16310</v>
      </c>
      <c r="FO35" s="100">
        <v>0</v>
      </c>
      <c r="FP35" s="104">
        <v>4200</v>
      </c>
      <c r="FQ35" s="104">
        <v>14490</v>
      </c>
      <c r="FR35" s="104">
        <v>3010</v>
      </c>
      <c r="FS35" s="104">
        <v>80150</v>
      </c>
      <c r="FT35" s="104">
        <v>0</v>
      </c>
      <c r="FU35" s="103">
        <v>101850</v>
      </c>
      <c r="FV35" s="106">
        <v>118160</v>
      </c>
      <c r="FW35" s="105">
        <v>16310</v>
      </c>
      <c r="FX35" s="104">
        <v>0</v>
      </c>
      <c r="FY35" s="102">
        <v>16310</v>
      </c>
      <c r="FZ35" s="101">
        <v>0</v>
      </c>
      <c r="GA35" s="104">
        <v>4200</v>
      </c>
      <c r="GB35" s="104">
        <v>14490</v>
      </c>
      <c r="GC35" s="104">
        <v>3010</v>
      </c>
      <c r="GD35" s="104">
        <v>80150</v>
      </c>
      <c r="GE35" s="104">
        <v>0</v>
      </c>
      <c r="GF35" s="103">
        <v>101850</v>
      </c>
      <c r="GG35" s="296">
        <v>118160</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264047</v>
      </c>
      <c r="HI35" s="104">
        <v>145327</v>
      </c>
      <c r="HJ35" s="104">
        <v>334502</v>
      </c>
      <c r="HK35" s="104">
        <v>0</v>
      </c>
      <c r="HL35" s="104">
        <v>0</v>
      </c>
      <c r="HM35" s="103">
        <v>743876</v>
      </c>
      <c r="HN35" s="99">
        <v>743876</v>
      </c>
      <c r="HO35" s="306"/>
      <c r="HP35" s="307"/>
      <c r="HQ35" s="308"/>
      <c r="HR35" s="309"/>
      <c r="HS35" s="307"/>
      <c r="HT35" s="307"/>
      <c r="HU35" s="307"/>
      <c r="HV35" s="307"/>
      <c r="HW35" s="307"/>
      <c r="HX35" s="310"/>
      <c r="HY35" s="311"/>
      <c r="HZ35" s="118">
        <v>0</v>
      </c>
      <c r="IA35" s="119">
        <v>0</v>
      </c>
      <c r="IB35" s="120">
        <v>0</v>
      </c>
      <c r="IC35" s="133">
        <v>0</v>
      </c>
      <c r="ID35" s="119">
        <v>53088</v>
      </c>
      <c r="IE35" s="134">
        <v>47096</v>
      </c>
      <c r="IF35" s="120">
        <v>0</v>
      </c>
      <c r="IG35" s="119">
        <v>0</v>
      </c>
      <c r="IH35" s="120">
        <v>0</v>
      </c>
      <c r="II35" s="135">
        <v>100184</v>
      </c>
      <c r="IJ35" s="126">
        <v>100184</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53088</v>
      </c>
      <c r="JL35" s="109">
        <v>0</v>
      </c>
      <c r="JM35" s="109">
        <v>0</v>
      </c>
      <c r="JN35" s="109">
        <v>0</v>
      </c>
      <c r="JO35" s="109">
        <v>0</v>
      </c>
      <c r="JP35" s="110">
        <v>53088</v>
      </c>
      <c r="JQ35" s="298">
        <v>53088</v>
      </c>
      <c r="JR35" s="129">
        <v>0</v>
      </c>
      <c r="JS35" s="109">
        <v>0</v>
      </c>
      <c r="JT35" s="128">
        <v>0</v>
      </c>
      <c r="JU35" s="108">
        <v>0</v>
      </c>
      <c r="JV35" s="109">
        <v>0</v>
      </c>
      <c r="JW35" s="109">
        <v>47096</v>
      </c>
      <c r="JX35" s="109">
        <v>0</v>
      </c>
      <c r="JY35" s="109">
        <v>0</v>
      </c>
      <c r="JZ35" s="109">
        <v>0</v>
      </c>
      <c r="KA35" s="110">
        <v>47096</v>
      </c>
      <c r="KB35" s="298">
        <v>47096</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0</v>
      </c>
      <c r="KV35" s="109">
        <v>0</v>
      </c>
      <c r="KW35" s="110">
        <v>0</v>
      </c>
      <c r="KX35" s="298">
        <v>0</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v>0</v>
      </c>
      <c r="MJ35" s="109">
        <v>174132</v>
      </c>
      <c r="MK35" s="109">
        <v>0</v>
      </c>
      <c r="ML35" s="109">
        <v>206668</v>
      </c>
      <c r="MM35" s="109">
        <v>623856</v>
      </c>
      <c r="MN35" s="109">
        <v>249039</v>
      </c>
      <c r="MO35" s="110">
        <v>1253695</v>
      </c>
      <c r="MP35" s="130">
        <v>1253695</v>
      </c>
      <c r="MQ35" s="129">
        <v>0</v>
      </c>
      <c r="MR35" s="109">
        <v>0</v>
      </c>
      <c r="MS35" s="110">
        <v>0</v>
      </c>
      <c r="MT35" s="132">
        <v>0</v>
      </c>
      <c r="MU35" s="109">
        <v>0</v>
      </c>
      <c r="MV35" s="109">
        <v>0</v>
      </c>
      <c r="MW35" s="109">
        <v>206668</v>
      </c>
      <c r="MX35" s="109">
        <v>623856</v>
      </c>
      <c r="MY35" s="109">
        <v>0</v>
      </c>
      <c r="MZ35" s="110">
        <v>830524</v>
      </c>
      <c r="NA35" s="130">
        <v>830524</v>
      </c>
      <c r="NB35" s="129">
        <v>0</v>
      </c>
      <c r="NC35" s="109">
        <v>0</v>
      </c>
      <c r="ND35" s="110">
        <v>0</v>
      </c>
      <c r="NE35" s="132"/>
      <c r="NF35" s="109">
        <v>174132</v>
      </c>
      <c r="NG35" s="109">
        <v>0</v>
      </c>
      <c r="NH35" s="109">
        <v>0</v>
      </c>
      <c r="NI35" s="109">
        <v>0</v>
      </c>
      <c r="NJ35" s="109">
        <v>249039</v>
      </c>
      <c r="NK35" s="110">
        <v>423171</v>
      </c>
      <c r="NL35" s="298">
        <v>423171</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0</v>
      </c>
      <c r="OF35" s="109">
        <v>0</v>
      </c>
      <c r="OG35" s="110">
        <v>0</v>
      </c>
      <c r="OH35" s="111">
        <v>0</v>
      </c>
      <c r="OI35" s="129">
        <v>16310</v>
      </c>
      <c r="OJ35" s="109">
        <v>0</v>
      </c>
      <c r="OK35" s="128">
        <v>16310</v>
      </c>
      <c r="OL35" s="108">
        <v>0</v>
      </c>
      <c r="OM35" s="109">
        <v>679380</v>
      </c>
      <c r="ON35" s="109">
        <v>458531</v>
      </c>
      <c r="OO35" s="109">
        <v>735043</v>
      </c>
      <c r="OP35" s="109">
        <v>1235111</v>
      </c>
      <c r="OQ35" s="109">
        <v>249039</v>
      </c>
      <c r="OR35" s="110">
        <v>3357104</v>
      </c>
      <c r="OS35" s="130">
        <v>3373414</v>
      </c>
    </row>
    <row r="36" spans="2:409" ht="21" customHeight="1" x14ac:dyDescent="0.2">
      <c r="B36" s="472" t="s">
        <v>31</v>
      </c>
      <c r="C36" s="100">
        <v>17080</v>
      </c>
      <c r="D36" s="104">
        <v>0</v>
      </c>
      <c r="E36" s="103">
        <v>17080</v>
      </c>
      <c r="F36" s="99">
        <v>0</v>
      </c>
      <c r="G36" s="104">
        <v>196145</v>
      </c>
      <c r="H36" s="104">
        <v>345542</v>
      </c>
      <c r="I36" s="104">
        <v>274659</v>
      </c>
      <c r="J36" s="104">
        <v>278928</v>
      </c>
      <c r="K36" s="104">
        <v>177485</v>
      </c>
      <c r="L36" s="160">
        <v>1272759</v>
      </c>
      <c r="M36" s="106">
        <v>1289839</v>
      </c>
      <c r="N36" s="100">
        <v>0</v>
      </c>
      <c r="O36" s="104">
        <v>0</v>
      </c>
      <c r="P36" s="103">
        <v>0</v>
      </c>
      <c r="Q36" s="100">
        <v>0</v>
      </c>
      <c r="R36" s="104">
        <v>37037</v>
      </c>
      <c r="S36" s="104">
        <v>65870</v>
      </c>
      <c r="T36" s="104">
        <v>190540</v>
      </c>
      <c r="U36" s="104">
        <v>165302</v>
      </c>
      <c r="V36" s="104">
        <v>145635</v>
      </c>
      <c r="W36" s="103">
        <v>604384</v>
      </c>
      <c r="X36" s="106">
        <v>604384</v>
      </c>
      <c r="Y36" s="100">
        <v>0</v>
      </c>
      <c r="Z36" s="104">
        <v>0</v>
      </c>
      <c r="AA36" s="103">
        <v>0</v>
      </c>
      <c r="AB36" s="100">
        <v>0</v>
      </c>
      <c r="AC36" s="104">
        <v>0</v>
      </c>
      <c r="AD36" s="104">
        <v>0</v>
      </c>
      <c r="AE36" s="104">
        <v>103992</v>
      </c>
      <c r="AF36" s="104">
        <v>16254</v>
      </c>
      <c r="AG36" s="104">
        <v>0</v>
      </c>
      <c r="AH36" s="103">
        <v>120246</v>
      </c>
      <c r="AI36" s="106">
        <v>120246</v>
      </c>
      <c r="AJ36" s="100">
        <v>0</v>
      </c>
      <c r="AK36" s="104">
        <v>0</v>
      </c>
      <c r="AL36" s="103">
        <v>0</v>
      </c>
      <c r="AM36" s="100">
        <v>0</v>
      </c>
      <c r="AN36" s="104">
        <v>0</v>
      </c>
      <c r="AO36" s="104">
        <v>0</v>
      </c>
      <c r="AP36" s="104">
        <v>0</v>
      </c>
      <c r="AQ36" s="104">
        <v>28686</v>
      </c>
      <c r="AR36" s="104">
        <v>76489</v>
      </c>
      <c r="AS36" s="103">
        <v>105175</v>
      </c>
      <c r="AT36" s="106">
        <v>105175</v>
      </c>
      <c r="AU36" s="100">
        <v>0</v>
      </c>
      <c r="AV36" s="104">
        <v>0</v>
      </c>
      <c r="AW36" s="103">
        <v>0</v>
      </c>
      <c r="AX36" s="100">
        <v>0</v>
      </c>
      <c r="AY36" s="104">
        <v>31024</v>
      </c>
      <c r="AZ36" s="104">
        <v>57470</v>
      </c>
      <c r="BA36" s="104">
        <v>86548</v>
      </c>
      <c r="BB36" s="104">
        <v>120362</v>
      </c>
      <c r="BC36" s="104">
        <v>65142</v>
      </c>
      <c r="BD36" s="103">
        <v>360546</v>
      </c>
      <c r="BE36" s="106">
        <v>360546</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6013</v>
      </c>
      <c r="BV36" s="104">
        <v>8400</v>
      </c>
      <c r="BW36" s="104">
        <v>0</v>
      </c>
      <c r="BX36" s="104">
        <v>0</v>
      </c>
      <c r="BY36" s="104">
        <v>4004</v>
      </c>
      <c r="BZ36" s="103">
        <v>18417</v>
      </c>
      <c r="CA36" s="106">
        <v>18417</v>
      </c>
      <c r="CB36" s="100">
        <v>0</v>
      </c>
      <c r="CC36" s="104">
        <v>0</v>
      </c>
      <c r="CD36" s="103">
        <v>0</v>
      </c>
      <c r="CE36" s="100">
        <v>0</v>
      </c>
      <c r="CF36" s="104">
        <v>33915</v>
      </c>
      <c r="CG36" s="104">
        <v>259372</v>
      </c>
      <c r="CH36" s="104">
        <v>60809</v>
      </c>
      <c r="CI36" s="104">
        <v>63611</v>
      </c>
      <c r="CJ36" s="104">
        <v>0</v>
      </c>
      <c r="CK36" s="103">
        <v>417707</v>
      </c>
      <c r="CL36" s="106">
        <v>417707</v>
      </c>
      <c r="CM36" s="100">
        <v>0</v>
      </c>
      <c r="CN36" s="104">
        <v>0</v>
      </c>
      <c r="CO36" s="103">
        <v>0</v>
      </c>
      <c r="CP36" s="101">
        <v>0</v>
      </c>
      <c r="CQ36" s="104">
        <v>18571</v>
      </c>
      <c r="CR36" s="104">
        <v>131694</v>
      </c>
      <c r="CS36" s="104">
        <v>60809</v>
      </c>
      <c r="CT36" s="104">
        <v>63611</v>
      </c>
      <c r="CU36" s="104">
        <v>0</v>
      </c>
      <c r="CV36" s="103">
        <v>274685</v>
      </c>
      <c r="CW36" s="106">
        <v>274685</v>
      </c>
      <c r="CX36" s="100">
        <v>0</v>
      </c>
      <c r="CY36" s="104">
        <v>0</v>
      </c>
      <c r="CZ36" s="103">
        <v>0</v>
      </c>
      <c r="DA36" s="100">
        <v>0</v>
      </c>
      <c r="DB36" s="104">
        <v>15344</v>
      </c>
      <c r="DC36" s="104">
        <v>127678</v>
      </c>
      <c r="DD36" s="104">
        <v>0</v>
      </c>
      <c r="DE36" s="104">
        <v>0</v>
      </c>
      <c r="DF36" s="104">
        <v>0</v>
      </c>
      <c r="DG36" s="103">
        <v>143022</v>
      </c>
      <c r="DH36" s="106">
        <v>143022</v>
      </c>
      <c r="DI36" s="100">
        <v>0</v>
      </c>
      <c r="DJ36" s="104">
        <v>0</v>
      </c>
      <c r="DK36" s="102">
        <v>0</v>
      </c>
      <c r="DL36" s="101">
        <v>0</v>
      </c>
      <c r="DM36" s="104">
        <v>0</v>
      </c>
      <c r="DN36" s="104">
        <v>0</v>
      </c>
      <c r="DO36" s="104">
        <v>0</v>
      </c>
      <c r="DP36" s="104">
        <v>0</v>
      </c>
      <c r="DQ36" s="104">
        <v>0</v>
      </c>
      <c r="DR36" s="103">
        <v>0</v>
      </c>
      <c r="DS36" s="106">
        <v>0</v>
      </c>
      <c r="DT36" s="100">
        <v>0</v>
      </c>
      <c r="DU36" s="104">
        <v>0</v>
      </c>
      <c r="DV36" s="103">
        <v>0</v>
      </c>
      <c r="DW36" s="100">
        <v>0</v>
      </c>
      <c r="DX36" s="104">
        <v>0</v>
      </c>
      <c r="DY36" s="104">
        <v>0</v>
      </c>
      <c r="DZ36" s="104">
        <v>0</v>
      </c>
      <c r="EA36" s="104">
        <v>0</v>
      </c>
      <c r="EB36" s="104">
        <v>0</v>
      </c>
      <c r="EC36" s="103">
        <v>0</v>
      </c>
      <c r="ED36" s="106">
        <v>0</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7080</v>
      </c>
      <c r="FM36" s="104">
        <v>0</v>
      </c>
      <c r="FN36" s="103">
        <v>17080</v>
      </c>
      <c r="FO36" s="100">
        <v>0</v>
      </c>
      <c r="FP36" s="104">
        <v>14350</v>
      </c>
      <c r="FQ36" s="104">
        <v>20300</v>
      </c>
      <c r="FR36" s="104">
        <v>23310</v>
      </c>
      <c r="FS36" s="104">
        <v>50015</v>
      </c>
      <c r="FT36" s="104">
        <v>31850</v>
      </c>
      <c r="FU36" s="103">
        <v>139825</v>
      </c>
      <c r="FV36" s="106">
        <v>156905</v>
      </c>
      <c r="FW36" s="105">
        <v>17080</v>
      </c>
      <c r="FX36" s="104">
        <v>0</v>
      </c>
      <c r="FY36" s="102">
        <v>17080</v>
      </c>
      <c r="FZ36" s="101">
        <v>0</v>
      </c>
      <c r="GA36" s="104">
        <v>14350</v>
      </c>
      <c r="GB36" s="104">
        <v>20300</v>
      </c>
      <c r="GC36" s="104">
        <v>23310</v>
      </c>
      <c r="GD36" s="104">
        <v>50015</v>
      </c>
      <c r="GE36" s="104">
        <v>31850</v>
      </c>
      <c r="GF36" s="103">
        <v>139825</v>
      </c>
      <c r="GG36" s="296">
        <v>156905</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110843</v>
      </c>
      <c r="HI36" s="104">
        <v>0</v>
      </c>
      <c r="HJ36" s="104">
        <v>0</v>
      </c>
      <c r="HK36" s="104">
        <v>0</v>
      </c>
      <c r="HL36" s="104">
        <v>0</v>
      </c>
      <c r="HM36" s="103">
        <v>110843</v>
      </c>
      <c r="HN36" s="99">
        <v>110843</v>
      </c>
      <c r="HO36" s="306"/>
      <c r="HP36" s="307"/>
      <c r="HQ36" s="308"/>
      <c r="HR36" s="309"/>
      <c r="HS36" s="307"/>
      <c r="HT36" s="307"/>
      <c r="HU36" s="307"/>
      <c r="HV36" s="307"/>
      <c r="HW36" s="307"/>
      <c r="HX36" s="310"/>
      <c r="HY36" s="311"/>
      <c r="HZ36" s="137">
        <v>0</v>
      </c>
      <c r="IA36" s="122">
        <v>0</v>
      </c>
      <c r="IB36" s="137">
        <v>0</v>
      </c>
      <c r="IC36" s="121">
        <v>0</v>
      </c>
      <c r="ID36" s="122">
        <v>28320</v>
      </c>
      <c r="IE36" s="123">
        <v>240032</v>
      </c>
      <c r="IF36" s="124">
        <v>299235</v>
      </c>
      <c r="IG36" s="122">
        <v>0</v>
      </c>
      <c r="IH36" s="124">
        <v>217872</v>
      </c>
      <c r="II36" s="125">
        <v>785459</v>
      </c>
      <c r="IJ36" s="137">
        <v>785459</v>
      </c>
      <c r="IK36" s="219">
        <v>0</v>
      </c>
      <c r="IL36" s="223">
        <v>0</v>
      </c>
      <c r="IM36" s="224">
        <v>0</v>
      </c>
      <c r="IN36" s="127"/>
      <c r="IO36" s="109">
        <v>0</v>
      </c>
      <c r="IP36" s="109">
        <v>87472</v>
      </c>
      <c r="IQ36" s="109">
        <v>0</v>
      </c>
      <c r="IR36" s="109">
        <v>0</v>
      </c>
      <c r="IS36" s="109">
        <v>0</v>
      </c>
      <c r="IT36" s="128">
        <v>87472</v>
      </c>
      <c r="IU36" s="298">
        <v>87472</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28320</v>
      </c>
      <c r="JL36" s="109">
        <v>0</v>
      </c>
      <c r="JM36" s="109">
        <v>70105</v>
      </c>
      <c r="JN36" s="109">
        <v>0</v>
      </c>
      <c r="JO36" s="109">
        <v>0</v>
      </c>
      <c r="JP36" s="110">
        <v>98425</v>
      </c>
      <c r="JQ36" s="298">
        <v>98425</v>
      </c>
      <c r="JR36" s="129">
        <v>0</v>
      </c>
      <c r="JS36" s="109">
        <v>0</v>
      </c>
      <c r="JT36" s="128">
        <v>0</v>
      </c>
      <c r="JU36" s="108">
        <v>0</v>
      </c>
      <c r="JV36" s="109">
        <v>0</v>
      </c>
      <c r="JW36" s="109">
        <v>0</v>
      </c>
      <c r="JX36" s="109">
        <v>0</v>
      </c>
      <c r="JY36" s="109">
        <v>0</v>
      </c>
      <c r="JZ36" s="109">
        <v>0</v>
      </c>
      <c r="KA36" s="110">
        <v>0</v>
      </c>
      <c r="KB36" s="298">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127"/>
      <c r="KR36" s="109">
        <v>0</v>
      </c>
      <c r="KS36" s="109">
        <v>0</v>
      </c>
      <c r="KT36" s="109">
        <v>229130</v>
      </c>
      <c r="KU36" s="109">
        <v>0</v>
      </c>
      <c r="KV36" s="109">
        <v>217872</v>
      </c>
      <c r="KW36" s="110">
        <v>447002</v>
      </c>
      <c r="KX36" s="298">
        <v>447002</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v>0</v>
      </c>
      <c r="MJ36" s="109">
        <v>0</v>
      </c>
      <c r="MK36" s="109">
        <v>23632</v>
      </c>
      <c r="ML36" s="109">
        <v>0</v>
      </c>
      <c r="MM36" s="109">
        <v>0</v>
      </c>
      <c r="MN36" s="109">
        <v>220066</v>
      </c>
      <c r="MO36" s="110">
        <v>243698</v>
      </c>
      <c r="MP36" s="130">
        <v>243698</v>
      </c>
      <c r="MQ36" s="129">
        <v>0</v>
      </c>
      <c r="MR36" s="109">
        <v>0</v>
      </c>
      <c r="MS36" s="110">
        <v>0</v>
      </c>
      <c r="MT36" s="132">
        <v>0</v>
      </c>
      <c r="MU36" s="109">
        <v>0</v>
      </c>
      <c r="MV36" s="109">
        <v>0</v>
      </c>
      <c r="MW36" s="109">
        <v>0</v>
      </c>
      <c r="MX36" s="109">
        <v>0</v>
      </c>
      <c r="MY36" s="109">
        <v>220066</v>
      </c>
      <c r="MZ36" s="110">
        <v>220066</v>
      </c>
      <c r="NA36" s="130">
        <v>220066</v>
      </c>
      <c r="NB36" s="129">
        <v>0</v>
      </c>
      <c r="NC36" s="109">
        <v>0</v>
      </c>
      <c r="ND36" s="110">
        <v>0</v>
      </c>
      <c r="NE36" s="132"/>
      <c r="NF36" s="109">
        <v>0</v>
      </c>
      <c r="NG36" s="109">
        <v>23632</v>
      </c>
      <c r="NH36" s="109">
        <v>0</v>
      </c>
      <c r="NI36" s="109">
        <v>0</v>
      </c>
      <c r="NJ36" s="109">
        <v>0</v>
      </c>
      <c r="NK36" s="110">
        <v>23632</v>
      </c>
      <c r="NL36" s="298">
        <v>2363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17080</v>
      </c>
      <c r="OJ36" s="109">
        <v>0</v>
      </c>
      <c r="OK36" s="128">
        <v>17080</v>
      </c>
      <c r="OL36" s="108">
        <v>0</v>
      </c>
      <c r="OM36" s="109">
        <v>224465</v>
      </c>
      <c r="ON36" s="109">
        <v>609206</v>
      </c>
      <c r="OO36" s="109">
        <v>573894</v>
      </c>
      <c r="OP36" s="109">
        <v>278928</v>
      </c>
      <c r="OQ36" s="109">
        <v>615423</v>
      </c>
      <c r="OR36" s="110">
        <v>2301916</v>
      </c>
      <c r="OS36" s="130">
        <v>2318996</v>
      </c>
    </row>
    <row r="37" spans="2:409" ht="21" customHeight="1" x14ac:dyDescent="0.2">
      <c r="B37" s="472" t="s">
        <v>32</v>
      </c>
      <c r="C37" s="100">
        <v>38612</v>
      </c>
      <c r="D37" s="104">
        <v>0</v>
      </c>
      <c r="E37" s="161">
        <v>38612</v>
      </c>
      <c r="F37" s="162">
        <v>0</v>
      </c>
      <c r="G37" s="163">
        <v>196581</v>
      </c>
      <c r="H37" s="163">
        <v>434161</v>
      </c>
      <c r="I37" s="163">
        <v>471240</v>
      </c>
      <c r="J37" s="163">
        <v>278530</v>
      </c>
      <c r="K37" s="163">
        <v>264453</v>
      </c>
      <c r="L37" s="164">
        <v>1644965</v>
      </c>
      <c r="M37" s="106">
        <v>1683577</v>
      </c>
      <c r="N37" s="100">
        <v>36652</v>
      </c>
      <c r="O37" s="104">
        <v>0</v>
      </c>
      <c r="P37" s="103">
        <v>36652</v>
      </c>
      <c r="Q37" s="100">
        <v>0</v>
      </c>
      <c r="R37" s="104">
        <v>35091</v>
      </c>
      <c r="S37" s="104">
        <v>85750</v>
      </c>
      <c r="T37" s="104">
        <v>22848</v>
      </c>
      <c r="U37" s="104">
        <v>23870</v>
      </c>
      <c r="V37" s="104">
        <v>250733</v>
      </c>
      <c r="W37" s="103">
        <v>418292</v>
      </c>
      <c r="X37" s="106">
        <v>454944</v>
      </c>
      <c r="Y37" s="100">
        <v>0</v>
      </c>
      <c r="Z37" s="104">
        <v>0</v>
      </c>
      <c r="AA37" s="103">
        <v>0</v>
      </c>
      <c r="AB37" s="100">
        <v>0</v>
      </c>
      <c r="AC37" s="104">
        <v>35091</v>
      </c>
      <c r="AD37" s="104">
        <v>0</v>
      </c>
      <c r="AE37" s="104">
        <v>0</v>
      </c>
      <c r="AF37" s="104">
        <v>0</v>
      </c>
      <c r="AG37" s="104">
        <v>229845</v>
      </c>
      <c r="AH37" s="103">
        <v>264936</v>
      </c>
      <c r="AI37" s="106">
        <v>264936</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0</v>
      </c>
      <c r="AZ37" s="104">
        <v>50582</v>
      </c>
      <c r="BA37" s="104">
        <v>0</v>
      </c>
      <c r="BB37" s="104">
        <v>0</v>
      </c>
      <c r="BC37" s="104">
        <v>0</v>
      </c>
      <c r="BD37" s="103">
        <v>50582</v>
      </c>
      <c r="BE37" s="106">
        <v>50582</v>
      </c>
      <c r="BF37" s="100">
        <v>36652</v>
      </c>
      <c r="BG37" s="104">
        <v>0</v>
      </c>
      <c r="BH37" s="102">
        <v>36652</v>
      </c>
      <c r="BI37" s="101">
        <v>0</v>
      </c>
      <c r="BJ37" s="104">
        <v>0</v>
      </c>
      <c r="BK37" s="104">
        <v>26768</v>
      </c>
      <c r="BL37" s="104">
        <v>0</v>
      </c>
      <c r="BM37" s="104">
        <v>13384</v>
      </c>
      <c r="BN37" s="104">
        <v>0</v>
      </c>
      <c r="BO37" s="103">
        <v>40152</v>
      </c>
      <c r="BP37" s="106">
        <v>76804</v>
      </c>
      <c r="BQ37" s="100">
        <v>0</v>
      </c>
      <c r="BR37" s="104">
        <v>0</v>
      </c>
      <c r="BS37" s="103">
        <v>0</v>
      </c>
      <c r="BT37" s="100">
        <v>0</v>
      </c>
      <c r="BU37" s="104">
        <v>0</v>
      </c>
      <c r="BV37" s="104">
        <v>8400</v>
      </c>
      <c r="BW37" s="104">
        <v>22848</v>
      </c>
      <c r="BX37" s="104">
        <v>10486</v>
      </c>
      <c r="BY37" s="104">
        <v>20888</v>
      </c>
      <c r="BZ37" s="103">
        <v>62622</v>
      </c>
      <c r="CA37" s="106">
        <v>62622</v>
      </c>
      <c r="CB37" s="100">
        <v>0</v>
      </c>
      <c r="CC37" s="104">
        <v>0</v>
      </c>
      <c r="CD37" s="103">
        <v>0</v>
      </c>
      <c r="CE37" s="100">
        <v>0</v>
      </c>
      <c r="CF37" s="104">
        <v>148890</v>
      </c>
      <c r="CG37" s="104">
        <v>135443</v>
      </c>
      <c r="CH37" s="104">
        <v>211233</v>
      </c>
      <c r="CI37" s="104">
        <v>56994</v>
      </c>
      <c r="CJ37" s="104">
        <v>0</v>
      </c>
      <c r="CK37" s="103">
        <v>552560</v>
      </c>
      <c r="CL37" s="106">
        <v>552560</v>
      </c>
      <c r="CM37" s="100">
        <v>0</v>
      </c>
      <c r="CN37" s="104">
        <v>0</v>
      </c>
      <c r="CO37" s="103">
        <v>0</v>
      </c>
      <c r="CP37" s="101">
        <v>0</v>
      </c>
      <c r="CQ37" s="104">
        <v>148890</v>
      </c>
      <c r="CR37" s="104">
        <v>135443</v>
      </c>
      <c r="CS37" s="104">
        <v>144422</v>
      </c>
      <c r="CT37" s="104">
        <v>0</v>
      </c>
      <c r="CU37" s="104">
        <v>0</v>
      </c>
      <c r="CV37" s="103">
        <v>428755</v>
      </c>
      <c r="CW37" s="106">
        <v>428755</v>
      </c>
      <c r="CX37" s="100">
        <v>0</v>
      </c>
      <c r="CY37" s="104">
        <v>0</v>
      </c>
      <c r="CZ37" s="103">
        <v>0</v>
      </c>
      <c r="DA37" s="100">
        <v>0</v>
      </c>
      <c r="DB37" s="104">
        <v>0</v>
      </c>
      <c r="DC37" s="104">
        <v>0</v>
      </c>
      <c r="DD37" s="104">
        <v>66811</v>
      </c>
      <c r="DE37" s="104">
        <v>56994</v>
      </c>
      <c r="DF37" s="104">
        <v>0</v>
      </c>
      <c r="DG37" s="103">
        <v>123805</v>
      </c>
      <c r="DH37" s="106">
        <v>123805</v>
      </c>
      <c r="DI37" s="100">
        <v>0</v>
      </c>
      <c r="DJ37" s="104">
        <v>0</v>
      </c>
      <c r="DK37" s="102">
        <v>0</v>
      </c>
      <c r="DL37" s="101">
        <v>0</v>
      </c>
      <c r="DM37" s="104">
        <v>0</v>
      </c>
      <c r="DN37" s="104">
        <v>0</v>
      </c>
      <c r="DO37" s="104">
        <v>29332</v>
      </c>
      <c r="DP37" s="104">
        <v>0</v>
      </c>
      <c r="DQ37" s="104">
        <v>0</v>
      </c>
      <c r="DR37" s="103">
        <v>29332</v>
      </c>
      <c r="DS37" s="106">
        <v>29332</v>
      </c>
      <c r="DT37" s="100">
        <v>0</v>
      </c>
      <c r="DU37" s="104">
        <v>0</v>
      </c>
      <c r="DV37" s="103">
        <v>0</v>
      </c>
      <c r="DW37" s="100">
        <v>0</v>
      </c>
      <c r="DX37" s="104">
        <v>0</v>
      </c>
      <c r="DY37" s="104">
        <v>0</v>
      </c>
      <c r="DZ37" s="104">
        <v>29332</v>
      </c>
      <c r="EA37" s="104">
        <v>0</v>
      </c>
      <c r="EB37" s="104">
        <v>0</v>
      </c>
      <c r="EC37" s="103">
        <v>29332</v>
      </c>
      <c r="ED37" s="106">
        <v>29332</v>
      </c>
      <c r="EE37" s="100">
        <v>0</v>
      </c>
      <c r="EF37" s="102">
        <v>0</v>
      </c>
      <c r="EG37" s="103">
        <v>0</v>
      </c>
      <c r="EH37" s="100">
        <v>0</v>
      </c>
      <c r="EI37" s="104">
        <v>0</v>
      </c>
      <c r="EJ37" s="104">
        <v>0</v>
      </c>
      <c r="EK37" s="104">
        <v>0</v>
      </c>
      <c r="EL37" s="104">
        <v>0</v>
      </c>
      <c r="EM37" s="104">
        <v>0</v>
      </c>
      <c r="EN37" s="102">
        <v>0</v>
      </c>
      <c r="EO37" s="106">
        <v>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960</v>
      </c>
      <c r="FM37" s="104">
        <v>0</v>
      </c>
      <c r="FN37" s="103">
        <v>1960</v>
      </c>
      <c r="FO37" s="100">
        <v>0</v>
      </c>
      <c r="FP37" s="104">
        <v>12600</v>
      </c>
      <c r="FQ37" s="104">
        <v>67410</v>
      </c>
      <c r="FR37" s="104">
        <v>34650</v>
      </c>
      <c r="FS37" s="104">
        <v>21448</v>
      </c>
      <c r="FT37" s="104">
        <v>13720</v>
      </c>
      <c r="FU37" s="103">
        <v>149828</v>
      </c>
      <c r="FV37" s="106">
        <v>151788</v>
      </c>
      <c r="FW37" s="105">
        <v>1960</v>
      </c>
      <c r="FX37" s="104">
        <v>0</v>
      </c>
      <c r="FY37" s="102">
        <v>1960</v>
      </c>
      <c r="FZ37" s="101">
        <v>0</v>
      </c>
      <c r="GA37" s="104">
        <v>12600</v>
      </c>
      <c r="GB37" s="104">
        <v>67410</v>
      </c>
      <c r="GC37" s="104">
        <v>34650</v>
      </c>
      <c r="GD37" s="104">
        <v>21448</v>
      </c>
      <c r="GE37" s="104">
        <v>13720</v>
      </c>
      <c r="GF37" s="103">
        <v>149828</v>
      </c>
      <c r="GG37" s="296">
        <v>151788</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0</v>
      </c>
      <c r="HI37" s="104">
        <v>145558</v>
      </c>
      <c r="HJ37" s="104">
        <v>173177</v>
      </c>
      <c r="HK37" s="104">
        <v>176218</v>
      </c>
      <c r="HL37" s="104">
        <v>0</v>
      </c>
      <c r="HM37" s="103">
        <v>494953</v>
      </c>
      <c r="HN37" s="99">
        <v>494953</v>
      </c>
      <c r="HO37" s="306"/>
      <c r="HP37" s="307"/>
      <c r="HQ37" s="308"/>
      <c r="HR37" s="309"/>
      <c r="HS37" s="307"/>
      <c r="HT37" s="307"/>
      <c r="HU37" s="307"/>
      <c r="HV37" s="307"/>
      <c r="HW37" s="307"/>
      <c r="HX37" s="310"/>
      <c r="HY37" s="311"/>
      <c r="HZ37" s="118">
        <v>0</v>
      </c>
      <c r="IA37" s="119">
        <v>0</v>
      </c>
      <c r="IB37" s="120">
        <v>0</v>
      </c>
      <c r="IC37" s="133">
        <v>0</v>
      </c>
      <c r="ID37" s="119">
        <v>158130</v>
      </c>
      <c r="IE37" s="134">
        <v>224315</v>
      </c>
      <c r="IF37" s="120">
        <v>408209</v>
      </c>
      <c r="IG37" s="119">
        <v>230958</v>
      </c>
      <c r="IH37" s="120">
        <v>221410</v>
      </c>
      <c r="II37" s="135">
        <v>1243022</v>
      </c>
      <c r="IJ37" s="126">
        <v>1243022</v>
      </c>
      <c r="IK37" s="219">
        <v>0</v>
      </c>
      <c r="IL37" s="223">
        <v>0</v>
      </c>
      <c r="IM37" s="224">
        <v>0</v>
      </c>
      <c r="IN37" s="127"/>
      <c r="IO37" s="109">
        <v>0</v>
      </c>
      <c r="IP37" s="109">
        <v>84616</v>
      </c>
      <c r="IQ37" s="109">
        <v>0</v>
      </c>
      <c r="IR37" s="109">
        <v>0</v>
      </c>
      <c r="IS37" s="109">
        <v>0</v>
      </c>
      <c r="IT37" s="128">
        <v>84616</v>
      </c>
      <c r="IU37" s="298">
        <v>8461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33285</v>
      </c>
      <c r="JL37" s="109">
        <v>8771</v>
      </c>
      <c r="JM37" s="109">
        <v>34255</v>
      </c>
      <c r="JN37" s="109">
        <v>0</v>
      </c>
      <c r="JO37" s="109">
        <v>0</v>
      </c>
      <c r="JP37" s="110">
        <v>76311</v>
      </c>
      <c r="JQ37" s="298">
        <v>76311</v>
      </c>
      <c r="JR37" s="129">
        <v>0</v>
      </c>
      <c r="JS37" s="109">
        <v>0</v>
      </c>
      <c r="JT37" s="128">
        <v>0</v>
      </c>
      <c r="JU37" s="108">
        <v>0</v>
      </c>
      <c r="JV37" s="109">
        <v>124845</v>
      </c>
      <c r="JW37" s="109">
        <v>0</v>
      </c>
      <c r="JX37" s="109">
        <v>0</v>
      </c>
      <c r="JY37" s="109">
        <v>0</v>
      </c>
      <c r="JZ37" s="109">
        <v>0</v>
      </c>
      <c r="KA37" s="110">
        <v>124845</v>
      </c>
      <c r="KB37" s="298">
        <v>124845</v>
      </c>
      <c r="KC37" s="221">
        <v>0</v>
      </c>
      <c r="KD37" s="217">
        <v>0</v>
      </c>
      <c r="KE37" s="110">
        <v>0</v>
      </c>
      <c r="KF37" s="108">
        <v>0</v>
      </c>
      <c r="KG37" s="109">
        <v>0</v>
      </c>
      <c r="KH37" s="109">
        <v>130928</v>
      </c>
      <c r="KI37" s="109">
        <v>0</v>
      </c>
      <c r="KJ37" s="109">
        <v>0</v>
      </c>
      <c r="KK37" s="109">
        <v>0</v>
      </c>
      <c r="KL37" s="110">
        <v>130928</v>
      </c>
      <c r="KM37" s="130">
        <v>130928</v>
      </c>
      <c r="KN37" s="219">
        <v>0</v>
      </c>
      <c r="KO37" s="223">
        <v>0</v>
      </c>
      <c r="KP37" s="224">
        <v>0</v>
      </c>
      <c r="KQ37" s="127"/>
      <c r="KR37" s="109">
        <v>0</v>
      </c>
      <c r="KS37" s="109">
        <v>0</v>
      </c>
      <c r="KT37" s="109">
        <v>202426</v>
      </c>
      <c r="KU37" s="109">
        <v>0</v>
      </c>
      <c r="KV37" s="109">
        <v>221410</v>
      </c>
      <c r="KW37" s="110">
        <v>423836</v>
      </c>
      <c r="KX37" s="298">
        <v>423836</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71528</v>
      </c>
      <c r="LQ37" s="109">
        <v>230958</v>
      </c>
      <c r="LR37" s="109">
        <v>0</v>
      </c>
      <c r="LS37" s="110">
        <v>402486</v>
      </c>
      <c r="LT37" s="298">
        <v>402486</v>
      </c>
      <c r="LU37" s="129">
        <v>0</v>
      </c>
      <c r="LV37" s="109">
        <v>0</v>
      </c>
      <c r="LW37" s="110">
        <v>0</v>
      </c>
      <c r="LX37" s="132"/>
      <c r="LY37" s="109">
        <v>0</v>
      </c>
      <c r="LZ37" s="109">
        <v>0</v>
      </c>
      <c r="MA37" s="109">
        <v>0</v>
      </c>
      <c r="MB37" s="109">
        <v>0</v>
      </c>
      <c r="MC37" s="109">
        <v>0</v>
      </c>
      <c r="MD37" s="110">
        <v>0</v>
      </c>
      <c r="ME37" s="111">
        <v>0</v>
      </c>
      <c r="MF37" s="129">
        <v>0</v>
      </c>
      <c r="MG37" s="109">
        <v>0</v>
      </c>
      <c r="MH37" s="110">
        <v>0</v>
      </c>
      <c r="MI37" s="132">
        <v>0</v>
      </c>
      <c r="MJ37" s="109">
        <v>0</v>
      </c>
      <c r="MK37" s="109">
        <v>0</v>
      </c>
      <c r="ML37" s="109">
        <v>0</v>
      </c>
      <c r="MM37" s="109">
        <v>283562</v>
      </c>
      <c r="MN37" s="109">
        <v>519510</v>
      </c>
      <c r="MO37" s="110">
        <v>803072</v>
      </c>
      <c r="MP37" s="130">
        <v>803072</v>
      </c>
      <c r="MQ37" s="129">
        <v>0</v>
      </c>
      <c r="MR37" s="109">
        <v>0</v>
      </c>
      <c r="MS37" s="110">
        <v>0</v>
      </c>
      <c r="MT37" s="132">
        <v>0</v>
      </c>
      <c r="MU37" s="109">
        <v>0</v>
      </c>
      <c r="MV37" s="109">
        <v>0</v>
      </c>
      <c r="MW37" s="109">
        <v>0</v>
      </c>
      <c r="MX37" s="109">
        <v>0</v>
      </c>
      <c r="MY37" s="109">
        <v>252945</v>
      </c>
      <c r="MZ37" s="110">
        <v>252945</v>
      </c>
      <c r="NA37" s="130">
        <v>252945</v>
      </c>
      <c r="NB37" s="129">
        <v>0</v>
      </c>
      <c r="NC37" s="109">
        <v>0</v>
      </c>
      <c r="ND37" s="110">
        <v>0</v>
      </c>
      <c r="NE37" s="132"/>
      <c r="NF37" s="109">
        <v>0</v>
      </c>
      <c r="NG37" s="109">
        <v>0</v>
      </c>
      <c r="NH37" s="109">
        <v>0</v>
      </c>
      <c r="NI37" s="109">
        <v>283562</v>
      </c>
      <c r="NJ37" s="109">
        <v>266565</v>
      </c>
      <c r="NK37" s="110">
        <v>550127</v>
      </c>
      <c r="NL37" s="298">
        <v>550127</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38612</v>
      </c>
      <c r="OJ37" s="109">
        <v>0</v>
      </c>
      <c r="OK37" s="128">
        <v>38612</v>
      </c>
      <c r="OL37" s="108">
        <v>0</v>
      </c>
      <c r="OM37" s="109">
        <v>354711</v>
      </c>
      <c r="ON37" s="109">
        <v>658476</v>
      </c>
      <c r="OO37" s="109">
        <v>879449</v>
      </c>
      <c r="OP37" s="109">
        <v>793050</v>
      </c>
      <c r="OQ37" s="109">
        <v>1005373</v>
      </c>
      <c r="OR37" s="110">
        <v>3691059</v>
      </c>
      <c r="OS37" s="130">
        <v>3729671</v>
      </c>
    </row>
    <row r="38" spans="2:409" ht="21" customHeight="1" x14ac:dyDescent="0.2">
      <c r="B38" s="472" t="s">
        <v>33</v>
      </c>
      <c r="C38" s="100">
        <v>61929</v>
      </c>
      <c r="D38" s="104">
        <v>89845</v>
      </c>
      <c r="E38" s="103">
        <v>151774</v>
      </c>
      <c r="F38" s="99">
        <v>0</v>
      </c>
      <c r="G38" s="104">
        <v>463730</v>
      </c>
      <c r="H38" s="104">
        <v>119510</v>
      </c>
      <c r="I38" s="104">
        <v>457465</v>
      </c>
      <c r="J38" s="104">
        <v>419373</v>
      </c>
      <c r="K38" s="104">
        <v>316919</v>
      </c>
      <c r="L38" s="160">
        <v>1776997</v>
      </c>
      <c r="M38" s="106">
        <v>1928771</v>
      </c>
      <c r="N38" s="100">
        <v>8400</v>
      </c>
      <c r="O38" s="104">
        <v>7224</v>
      </c>
      <c r="P38" s="103">
        <v>15624</v>
      </c>
      <c r="Q38" s="100">
        <v>0</v>
      </c>
      <c r="R38" s="104">
        <v>136929</v>
      </c>
      <c r="S38" s="104">
        <v>102710</v>
      </c>
      <c r="T38" s="104">
        <v>51103</v>
      </c>
      <c r="U38" s="104">
        <v>57533</v>
      </c>
      <c r="V38" s="104">
        <v>68828</v>
      </c>
      <c r="W38" s="103">
        <v>417103</v>
      </c>
      <c r="X38" s="106">
        <v>432727</v>
      </c>
      <c r="Y38" s="100">
        <v>0</v>
      </c>
      <c r="Z38" s="104">
        <v>0</v>
      </c>
      <c r="AA38" s="103">
        <v>0</v>
      </c>
      <c r="AB38" s="100">
        <v>0</v>
      </c>
      <c r="AC38" s="104">
        <v>53089</v>
      </c>
      <c r="AD38" s="104">
        <v>0</v>
      </c>
      <c r="AE38" s="104">
        <v>0</v>
      </c>
      <c r="AF38" s="104">
        <v>0</v>
      </c>
      <c r="AG38" s="104">
        <v>0</v>
      </c>
      <c r="AH38" s="103">
        <v>53089</v>
      </c>
      <c r="AI38" s="106">
        <v>53089</v>
      </c>
      <c r="AJ38" s="100">
        <v>0</v>
      </c>
      <c r="AK38" s="104">
        <v>0</v>
      </c>
      <c r="AL38" s="103">
        <v>0</v>
      </c>
      <c r="AM38" s="100">
        <v>0</v>
      </c>
      <c r="AN38" s="104">
        <v>0</v>
      </c>
      <c r="AO38" s="104">
        <v>0</v>
      </c>
      <c r="AP38" s="104">
        <v>0</v>
      </c>
      <c r="AQ38" s="104">
        <v>49749</v>
      </c>
      <c r="AR38" s="104">
        <v>0</v>
      </c>
      <c r="AS38" s="103">
        <v>49749</v>
      </c>
      <c r="AT38" s="106">
        <v>49749</v>
      </c>
      <c r="AU38" s="100">
        <v>0</v>
      </c>
      <c r="AV38" s="104">
        <v>0</v>
      </c>
      <c r="AW38" s="103">
        <v>0</v>
      </c>
      <c r="AX38" s="100">
        <v>0</v>
      </c>
      <c r="AY38" s="104">
        <v>0</v>
      </c>
      <c r="AZ38" s="104">
        <v>27573</v>
      </c>
      <c r="BA38" s="104">
        <v>0</v>
      </c>
      <c r="BB38" s="104">
        <v>0</v>
      </c>
      <c r="BC38" s="104">
        <v>0</v>
      </c>
      <c r="BD38" s="103">
        <v>27573</v>
      </c>
      <c r="BE38" s="106">
        <v>27573</v>
      </c>
      <c r="BF38" s="100">
        <v>0</v>
      </c>
      <c r="BG38" s="104">
        <v>0</v>
      </c>
      <c r="BH38" s="102">
        <v>0</v>
      </c>
      <c r="BI38" s="101">
        <v>0</v>
      </c>
      <c r="BJ38" s="104">
        <v>80214</v>
      </c>
      <c r="BK38" s="104">
        <v>65827</v>
      </c>
      <c r="BL38" s="104">
        <v>17825</v>
      </c>
      <c r="BM38" s="104">
        <v>0</v>
      </c>
      <c r="BN38" s="104">
        <v>60162</v>
      </c>
      <c r="BO38" s="103">
        <v>224028</v>
      </c>
      <c r="BP38" s="106">
        <v>224028</v>
      </c>
      <c r="BQ38" s="100">
        <v>8400</v>
      </c>
      <c r="BR38" s="104">
        <v>7224</v>
      </c>
      <c r="BS38" s="103">
        <v>15624</v>
      </c>
      <c r="BT38" s="100">
        <v>0</v>
      </c>
      <c r="BU38" s="104">
        <v>3626</v>
      </c>
      <c r="BV38" s="104">
        <v>9310</v>
      </c>
      <c r="BW38" s="104">
        <v>33278</v>
      </c>
      <c r="BX38" s="104">
        <v>7784</v>
      </c>
      <c r="BY38" s="104">
        <v>8666</v>
      </c>
      <c r="BZ38" s="103">
        <v>62664</v>
      </c>
      <c r="CA38" s="106">
        <v>78288</v>
      </c>
      <c r="CB38" s="100">
        <v>0</v>
      </c>
      <c r="CC38" s="104">
        <v>0</v>
      </c>
      <c r="CD38" s="103">
        <v>0</v>
      </c>
      <c r="CE38" s="100">
        <v>0</v>
      </c>
      <c r="CF38" s="104">
        <v>128295</v>
      </c>
      <c r="CG38" s="104">
        <v>0</v>
      </c>
      <c r="CH38" s="104">
        <v>19504</v>
      </c>
      <c r="CI38" s="104">
        <v>0</v>
      </c>
      <c r="CJ38" s="104">
        <v>0</v>
      </c>
      <c r="CK38" s="103">
        <v>147799</v>
      </c>
      <c r="CL38" s="106">
        <v>147799</v>
      </c>
      <c r="CM38" s="100">
        <v>0</v>
      </c>
      <c r="CN38" s="104">
        <v>0</v>
      </c>
      <c r="CO38" s="103">
        <v>0</v>
      </c>
      <c r="CP38" s="101">
        <v>0</v>
      </c>
      <c r="CQ38" s="104">
        <v>59550</v>
      </c>
      <c r="CR38" s="104">
        <v>0</v>
      </c>
      <c r="CS38" s="104">
        <v>0</v>
      </c>
      <c r="CT38" s="104">
        <v>0</v>
      </c>
      <c r="CU38" s="104">
        <v>0</v>
      </c>
      <c r="CV38" s="103">
        <v>59550</v>
      </c>
      <c r="CW38" s="106">
        <v>59550</v>
      </c>
      <c r="CX38" s="100">
        <v>0</v>
      </c>
      <c r="CY38" s="104">
        <v>0</v>
      </c>
      <c r="CZ38" s="103">
        <v>0</v>
      </c>
      <c r="DA38" s="100">
        <v>0</v>
      </c>
      <c r="DB38" s="104">
        <v>68745</v>
      </c>
      <c r="DC38" s="104">
        <v>0</v>
      </c>
      <c r="DD38" s="104">
        <v>19504</v>
      </c>
      <c r="DE38" s="104">
        <v>0</v>
      </c>
      <c r="DF38" s="104">
        <v>0</v>
      </c>
      <c r="DG38" s="103">
        <v>88249</v>
      </c>
      <c r="DH38" s="106">
        <v>88249</v>
      </c>
      <c r="DI38" s="100">
        <v>0</v>
      </c>
      <c r="DJ38" s="104">
        <v>0</v>
      </c>
      <c r="DK38" s="102">
        <v>0</v>
      </c>
      <c r="DL38" s="101">
        <v>0</v>
      </c>
      <c r="DM38" s="104">
        <v>50381</v>
      </c>
      <c r="DN38" s="104">
        <v>0</v>
      </c>
      <c r="DO38" s="104">
        <v>21420</v>
      </c>
      <c r="DP38" s="104">
        <v>154164</v>
      </c>
      <c r="DQ38" s="104">
        <v>0</v>
      </c>
      <c r="DR38" s="103">
        <v>225965</v>
      </c>
      <c r="DS38" s="106">
        <v>225965</v>
      </c>
      <c r="DT38" s="100">
        <v>0</v>
      </c>
      <c r="DU38" s="104">
        <v>0</v>
      </c>
      <c r="DV38" s="103">
        <v>0</v>
      </c>
      <c r="DW38" s="100">
        <v>0</v>
      </c>
      <c r="DX38" s="104">
        <v>0</v>
      </c>
      <c r="DY38" s="104">
        <v>0</v>
      </c>
      <c r="DZ38" s="104">
        <v>21420</v>
      </c>
      <c r="EA38" s="104">
        <v>23079</v>
      </c>
      <c r="EB38" s="104">
        <v>0</v>
      </c>
      <c r="EC38" s="103">
        <v>44499</v>
      </c>
      <c r="ED38" s="106">
        <v>44499</v>
      </c>
      <c r="EE38" s="100">
        <v>0</v>
      </c>
      <c r="EF38" s="102">
        <v>0</v>
      </c>
      <c r="EG38" s="103">
        <v>0</v>
      </c>
      <c r="EH38" s="100">
        <v>0</v>
      </c>
      <c r="EI38" s="104">
        <v>50381</v>
      </c>
      <c r="EJ38" s="104">
        <v>0</v>
      </c>
      <c r="EK38" s="104">
        <v>0</v>
      </c>
      <c r="EL38" s="104">
        <v>131085</v>
      </c>
      <c r="EM38" s="104">
        <v>0</v>
      </c>
      <c r="EN38" s="102">
        <v>181466</v>
      </c>
      <c r="EO38" s="106">
        <v>181466</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6300</v>
      </c>
      <c r="FM38" s="104">
        <v>4900</v>
      </c>
      <c r="FN38" s="103">
        <v>11200</v>
      </c>
      <c r="FO38" s="100">
        <v>0</v>
      </c>
      <c r="FP38" s="104">
        <v>12810</v>
      </c>
      <c r="FQ38" s="104">
        <v>16800</v>
      </c>
      <c r="FR38" s="104">
        <v>21728</v>
      </c>
      <c r="FS38" s="104">
        <v>14700</v>
      </c>
      <c r="FT38" s="104">
        <v>47236</v>
      </c>
      <c r="FU38" s="103">
        <v>113274</v>
      </c>
      <c r="FV38" s="106">
        <v>124474</v>
      </c>
      <c r="FW38" s="105">
        <v>6300</v>
      </c>
      <c r="FX38" s="104">
        <v>4900</v>
      </c>
      <c r="FY38" s="102">
        <v>11200</v>
      </c>
      <c r="FZ38" s="101">
        <v>0</v>
      </c>
      <c r="GA38" s="104">
        <v>12810</v>
      </c>
      <c r="GB38" s="104">
        <v>16800</v>
      </c>
      <c r="GC38" s="104">
        <v>21728</v>
      </c>
      <c r="GD38" s="104">
        <v>14700</v>
      </c>
      <c r="GE38" s="104">
        <v>47236</v>
      </c>
      <c r="GF38" s="103">
        <v>113274</v>
      </c>
      <c r="GG38" s="296">
        <v>124474</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47229</v>
      </c>
      <c r="HE38" s="104">
        <v>77721</v>
      </c>
      <c r="HF38" s="102">
        <v>124950</v>
      </c>
      <c r="HG38" s="101">
        <v>0</v>
      </c>
      <c r="HH38" s="104">
        <v>135315</v>
      </c>
      <c r="HI38" s="104">
        <v>0</v>
      </c>
      <c r="HJ38" s="104">
        <v>343710</v>
      </c>
      <c r="HK38" s="104">
        <v>192976</v>
      </c>
      <c r="HL38" s="104">
        <v>200855</v>
      </c>
      <c r="HM38" s="103">
        <v>872856</v>
      </c>
      <c r="HN38" s="99">
        <v>997806</v>
      </c>
      <c r="HO38" s="306"/>
      <c r="HP38" s="307"/>
      <c r="HQ38" s="308"/>
      <c r="HR38" s="309"/>
      <c r="HS38" s="307"/>
      <c r="HT38" s="307"/>
      <c r="HU38" s="307"/>
      <c r="HV38" s="307"/>
      <c r="HW38" s="307"/>
      <c r="HX38" s="310"/>
      <c r="HY38" s="311"/>
      <c r="HZ38" s="137">
        <v>0</v>
      </c>
      <c r="IA38" s="122">
        <v>0</v>
      </c>
      <c r="IB38" s="137">
        <v>0</v>
      </c>
      <c r="IC38" s="133">
        <v>0</v>
      </c>
      <c r="ID38" s="119">
        <v>39741</v>
      </c>
      <c r="IE38" s="134">
        <v>0</v>
      </c>
      <c r="IF38" s="120">
        <v>278612</v>
      </c>
      <c r="IG38" s="119">
        <v>54725</v>
      </c>
      <c r="IH38" s="120">
        <v>195010</v>
      </c>
      <c r="II38" s="135">
        <v>568088</v>
      </c>
      <c r="IJ38" s="137">
        <v>568088</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39741</v>
      </c>
      <c r="JL38" s="109">
        <v>0</v>
      </c>
      <c r="JM38" s="109">
        <v>58600</v>
      </c>
      <c r="JN38" s="109">
        <v>54725</v>
      </c>
      <c r="JO38" s="109">
        <v>0</v>
      </c>
      <c r="JP38" s="110">
        <v>153066</v>
      </c>
      <c r="JQ38" s="298">
        <v>15306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0</v>
      </c>
      <c r="LZ38" s="109">
        <v>0</v>
      </c>
      <c r="MA38" s="109">
        <v>220012</v>
      </c>
      <c r="MB38" s="109">
        <v>0</v>
      </c>
      <c r="MC38" s="109">
        <v>195010</v>
      </c>
      <c r="MD38" s="110">
        <v>415022</v>
      </c>
      <c r="ME38" s="111">
        <v>415022</v>
      </c>
      <c r="MF38" s="129">
        <v>0</v>
      </c>
      <c r="MG38" s="109">
        <v>0</v>
      </c>
      <c r="MH38" s="110">
        <v>0</v>
      </c>
      <c r="MI38" s="132">
        <v>0</v>
      </c>
      <c r="MJ38" s="109">
        <v>0</v>
      </c>
      <c r="MK38" s="109">
        <v>0</v>
      </c>
      <c r="ML38" s="109">
        <v>256265</v>
      </c>
      <c r="MM38" s="109">
        <v>547208</v>
      </c>
      <c r="MN38" s="109">
        <v>580441</v>
      </c>
      <c r="MO38" s="110">
        <v>1383914</v>
      </c>
      <c r="MP38" s="130">
        <v>1383914</v>
      </c>
      <c r="MQ38" s="129">
        <v>0</v>
      </c>
      <c r="MR38" s="109">
        <v>0</v>
      </c>
      <c r="MS38" s="110">
        <v>0</v>
      </c>
      <c r="MT38" s="132">
        <v>0</v>
      </c>
      <c r="MU38" s="109">
        <v>0</v>
      </c>
      <c r="MV38" s="109">
        <v>0</v>
      </c>
      <c r="MW38" s="109">
        <v>0</v>
      </c>
      <c r="MX38" s="109">
        <v>0</v>
      </c>
      <c r="MY38" s="109">
        <v>0</v>
      </c>
      <c r="MZ38" s="110">
        <v>0</v>
      </c>
      <c r="NA38" s="130">
        <v>0</v>
      </c>
      <c r="NB38" s="129">
        <v>0</v>
      </c>
      <c r="NC38" s="109">
        <v>0</v>
      </c>
      <c r="ND38" s="110">
        <v>0</v>
      </c>
      <c r="NE38" s="132"/>
      <c r="NF38" s="109">
        <v>0</v>
      </c>
      <c r="NG38" s="109">
        <v>0</v>
      </c>
      <c r="NH38" s="109">
        <v>256265</v>
      </c>
      <c r="NI38" s="109">
        <v>257287</v>
      </c>
      <c r="NJ38" s="109">
        <v>0</v>
      </c>
      <c r="NK38" s="110">
        <v>513552</v>
      </c>
      <c r="NL38" s="298">
        <v>513552</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0</v>
      </c>
      <c r="OD38" s="109">
        <v>0</v>
      </c>
      <c r="OE38" s="109">
        <v>289921</v>
      </c>
      <c r="OF38" s="109">
        <v>580441</v>
      </c>
      <c r="OG38" s="110">
        <v>870362</v>
      </c>
      <c r="OH38" s="111">
        <v>870362</v>
      </c>
      <c r="OI38" s="129">
        <v>61929</v>
      </c>
      <c r="OJ38" s="109">
        <v>89845</v>
      </c>
      <c r="OK38" s="128">
        <v>151774</v>
      </c>
      <c r="OL38" s="108">
        <v>0</v>
      </c>
      <c r="OM38" s="109">
        <v>503471</v>
      </c>
      <c r="ON38" s="109">
        <v>119510</v>
      </c>
      <c r="OO38" s="109">
        <v>992342</v>
      </c>
      <c r="OP38" s="109">
        <v>1021306</v>
      </c>
      <c r="OQ38" s="109">
        <v>1092370</v>
      </c>
      <c r="OR38" s="110">
        <v>3728999</v>
      </c>
      <c r="OS38" s="130">
        <v>3880773</v>
      </c>
    </row>
    <row r="39" spans="2:409" ht="21" customHeight="1" x14ac:dyDescent="0.2">
      <c r="B39" s="472" t="s">
        <v>34</v>
      </c>
      <c r="C39" s="100">
        <v>0</v>
      </c>
      <c r="D39" s="104">
        <v>0</v>
      </c>
      <c r="E39" s="161">
        <v>0</v>
      </c>
      <c r="F39" s="162">
        <v>0</v>
      </c>
      <c r="G39" s="163">
        <v>46900</v>
      </c>
      <c r="H39" s="163">
        <v>215786</v>
      </c>
      <c r="I39" s="163">
        <v>356300</v>
      </c>
      <c r="J39" s="163">
        <v>0</v>
      </c>
      <c r="K39" s="163">
        <v>20902</v>
      </c>
      <c r="L39" s="164">
        <v>639888</v>
      </c>
      <c r="M39" s="106">
        <v>639888</v>
      </c>
      <c r="N39" s="100">
        <v>0</v>
      </c>
      <c r="O39" s="104">
        <v>0</v>
      </c>
      <c r="P39" s="103">
        <v>0</v>
      </c>
      <c r="Q39" s="100">
        <v>0</v>
      </c>
      <c r="R39" s="104">
        <v>43400</v>
      </c>
      <c r="S39" s="104">
        <v>133900</v>
      </c>
      <c r="T39" s="104">
        <v>13538</v>
      </c>
      <c r="U39" s="104">
        <v>0</v>
      </c>
      <c r="V39" s="104">
        <v>4172</v>
      </c>
      <c r="W39" s="103">
        <v>195010</v>
      </c>
      <c r="X39" s="106">
        <v>195010</v>
      </c>
      <c r="Y39" s="100">
        <v>0</v>
      </c>
      <c r="Z39" s="104">
        <v>0</v>
      </c>
      <c r="AA39" s="103">
        <v>0</v>
      </c>
      <c r="AB39" s="100">
        <v>0</v>
      </c>
      <c r="AC39" s="104">
        <v>27867</v>
      </c>
      <c r="AD39" s="104">
        <v>107790</v>
      </c>
      <c r="AE39" s="104">
        <v>0</v>
      </c>
      <c r="AF39" s="104">
        <v>0</v>
      </c>
      <c r="AG39" s="104">
        <v>0</v>
      </c>
      <c r="AH39" s="103">
        <v>135657</v>
      </c>
      <c r="AI39" s="106">
        <v>135657</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0</v>
      </c>
      <c r="AZ39" s="104">
        <v>13160</v>
      </c>
      <c r="BA39" s="104">
        <v>0</v>
      </c>
      <c r="BB39" s="104">
        <v>0</v>
      </c>
      <c r="BC39" s="104">
        <v>0</v>
      </c>
      <c r="BD39" s="103">
        <v>13160</v>
      </c>
      <c r="BE39" s="106">
        <v>13160</v>
      </c>
      <c r="BF39" s="100">
        <v>0</v>
      </c>
      <c r="BG39" s="104">
        <v>0</v>
      </c>
      <c r="BH39" s="102">
        <v>0</v>
      </c>
      <c r="BI39" s="101">
        <v>0</v>
      </c>
      <c r="BJ39" s="104">
        <v>0</v>
      </c>
      <c r="BK39" s="104">
        <v>0</v>
      </c>
      <c r="BL39" s="104">
        <v>0</v>
      </c>
      <c r="BM39" s="104">
        <v>0</v>
      </c>
      <c r="BN39" s="104">
        <v>0</v>
      </c>
      <c r="BO39" s="103">
        <v>0</v>
      </c>
      <c r="BP39" s="106">
        <v>0</v>
      </c>
      <c r="BQ39" s="100">
        <v>0</v>
      </c>
      <c r="BR39" s="104">
        <v>0</v>
      </c>
      <c r="BS39" s="103">
        <v>0</v>
      </c>
      <c r="BT39" s="100">
        <v>0</v>
      </c>
      <c r="BU39" s="104">
        <v>15533</v>
      </c>
      <c r="BV39" s="104">
        <v>12950</v>
      </c>
      <c r="BW39" s="104">
        <v>13538</v>
      </c>
      <c r="BX39" s="104">
        <v>0</v>
      </c>
      <c r="BY39" s="104">
        <v>4172</v>
      </c>
      <c r="BZ39" s="103">
        <v>46193</v>
      </c>
      <c r="CA39" s="106">
        <v>46193</v>
      </c>
      <c r="CB39" s="100">
        <v>0</v>
      </c>
      <c r="CC39" s="104">
        <v>0</v>
      </c>
      <c r="CD39" s="103">
        <v>0</v>
      </c>
      <c r="CE39" s="100">
        <v>0</v>
      </c>
      <c r="CF39" s="104">
        <v>0</v>
      </c>
      <c r="CG39" s="104">
        <v>80136</v>
      </c>
      <c r="CH39" s="104">
        <v>182301</v>
      </c>
      <c r="CI39" s="104">
        <v>0</v>
      </c>
      <c r="CJ39" s="104">
        <v>0</v>
      </c>
      <c r="CK39" s="103">
        <v>262437</v>
      </c>
      <c r="CL39" s="106">
        <v>262437</v>
      </c>
      <c r="CM39" s="100">
        <v>0</v>
      </c>
      <c r="CN39" s="104">
        <v>0</v>
      </c>
      <c r="CO39" s="103">
        <v>0</v>
      </c>
      <c r="CP39" s="101">
        <v>0</v>
      </c>
      <c r="CQ39" s="104">
        <v>0</v>
      </c>
      <c r="CR39" s="104">
        <v>80136</v>
      </c>
      <c r="CS39" s="104">
        <v>182301</v>
      </c>
      <c r="CT39" s="104">
        <v>0</v>
      </c>
      <c r="CU39" s="104">
        <v>0</v>
      </c>
      <c r="CV39" s="103">
        <v>262437</v>
      </c>
      <c r="CW39" s="106">
        <v>262437</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0</v>
      </c>
      <c r="FN39" s="103">
        <v>0</v>
      </c>
      <c r="FO39" s="100">
        <v>0</v>
      </c>
      <c r="FP39" s="104">
        <v>3500</v>
      </c>
      <c r="FQ39" s="104">
        <v>1750</v>
      </c>
      <c r="FR39" s="104">
        <v>0</v>
      </c>
      <c r="FS39" s="104">
        <v>0</v>
      </c>
      <c r="FT39" s="104">
        <v>16730</v>
      </c>
      <c r="FU39" s="103">
        <v>21980</v>
      </c>
      <c r="FV39" s="106">
        <v>21980</v>
      </c>
      <c r="FW39" s="105">
        <v>0</v>
      </c>
      <c r="FX39" s="104">
        <v>0</v>
      </c>
      <c r="FY39" s="102">
        <v>0</v>
      </c>
      <c r="FZ39" s="101">
        <v>0</v>
      </c>
      <c r="GA39" s="104">
        <v>3500</v>
      </c>
      <c r="GB39" s="104">
        <v>1750</v>
      </c>
      <c r="GC39" s="104">
        <v>0</v>
      </c>
      <c r="GD39" s="104">
        <v>0</v>
      </c>
      <c r="GE39" s="104">
        <v>16730</v>
      </c>
      <c r="GF39" s="103">
        <v>21980</v>
      </c>
      <c r="GG39" s="296">
        <v>2198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160461</v>
      </c>
      <c r="HK39" s="104">
        <v>0</v>
      </c>
      <c r="HL39" s="104">
        <v>0</v>
      </c>
      <c r="HM39" s="103">
        <v>160461</v>
      </c>
      <c r="HN39" s="99">
        <v>160461</v>
      </c>
      <c r="HO39" s="306"/>
      <c r="HP39" s="307"/>
      <c r="HQ39" s="308"/>
      <c r="HR39" s="309"/>
      <c r="HS39" s="307"/>
      <c r="HT39" s="307"/>
      <c r="HU39" s="307"/>
      <c r="HV39" s="307"/>
      <c r="HW39" s="307"/>
      <c r="HX39" s="310"/>
      <c r="HY39" s="311"/>
      <c r="HZ39" s="118">
        <v>0</v>
      </c>
      <c r="IA39" s="119">
        <v>0</v>
      </c>
      <c r="IB39" s="120">
        <v>0</v>
      </c>
      <c r="IC39" s="133">
        <v>0</v>
      </c>
      <c r="ID39" s="119">
        <v>98350</v>
      </c>
      <c r="IE39" s="134">
        <v>158683</v>
      </c>
      <c r="IF39" s="120">
        <v>0</v>
      </c>
      <c r="IG39" s="119">
        <v>0</v>
      </c>
      <c r="IH39" s="120">
        <v>273343</v>
      </c>
      <c r="II39" s="135">
        <v>530376</v>
      </c>
      <c r="IJ39" s="126">
        <v>530376</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8">
        <v>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158683</v>
      </c>
      <c r="MA39" s="109">
        <v>0</v>
      </c>
      <c r="MB39" s="109">
        <v>0</v>
      </c>
      <c r="MC39" s="109">
        <v>273343</v>
      </c>
      <c r="MD39" s="110">
        <v>432026</v>
      </c>
      <c r="ME39" s="111">
        <v>432026</v>
      </c>
      <c r="MF39" s="129">
        <v>0</v>
      </c>
      <c r="MG39" s="109">
        <v>0</v>
      </c>
      <c r="MH39" s="110">
        <v>0</v>
      </c>
      <c r="MI39" s="132">
        <v>0</v>
      </c>
      <c r="MJ39" s="109">
        <v>0</v>
      </c>
      <c r="MK39" s="109">
        <v>215348</v>
      </c>
      <c r="ML39" s="109">
        <v>0</v>
      </c>
      <c r="MM39" s="109">
        <v>0</v>
      </c>
      <c r="MN39" s="109">
        <v>0</v>
      </c>
      <c r="MO39" s="110">
        <v>215348</v>
      </c>
      <c r="MP39" s="130">
        <v>215348</v>
      </c>
      <c r="MQ39" s="129">
        <v>0</v>
      </c>
      <c r="MR39" s="109">
        <v>0</v>
      </c>
      <c r="MS39" s="110">
        <v>0</v>
      </c>
      <c r="MT39" s="132">
        <v>0</v>
      </c>
      <c r="MU39" s="109">
        <v>0</v>
      </c>
      <c r="MV39" s="109">
        <v>0</v>
      </c>
      <c r="MW39" s="109">
        <v>0</v>
      </c>
      <c r="MX39" s="109">
        <v>0</v>
      </c>
      <c r="MY39" s="109">
        <v>0</v>
      </c>
      <c r="MZ39" s="110">
        <v>0</v>
      </c>
      <c r="NA39" s="130">
        <v>0</v>
      </c>
      <c r="NB39" s="129">
        <v>0</v>
      </c>
      <c r="NC39" s="109">
        <v>0</v>
      </c>
      <c r="ND39" s="110">
        <v>0</v>
      </c>
      <c r="NE39" s="132"/>
      <c r="NF39" s="109">
        <v>0</v>
      </c>
      <c r="NG39" s="109">
        <v>215348</v>
      </c>
      <c r="NH39" s="109">
        <v>0</v>
      </c>
      <c r="NI39" s="109">
        <v>0</v>
      </c>
      <c r="NJ39" s="109">
        <v>0</v>
      </c>
      <c r="NK39" s="110">
        <v>215348</v>
      </c>
      <c r="NL39" s="298">
        <v>215348</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0</v>
      </c>
      <c r="OK39" s="128">
        <v>0</v>
      </c>
      <c r="OL39" s="108">
        <v>0</v>
      </c>
      <c r="OM39" s="109">
        <v>145250</v>
      </c>
      <c r="ON39" s="109">
        <v>589817</v>
      </c>
      <c r="OO39" s="109">
        <v>356300</v>
      </c>
      <c r="OP39" s="109">
        <v>0</v>
      </c>
      <c r="OQ39" s="109">
        <v>294245</v>
      </c>
      <c r="OR39" s="110">
        <v>1385612</v>
      </c>
      <c r="OS39" s="130">
        <v>1385612</v>
      </c>
    </row>
    <row r="40" spans="2:409" ht="21" customHeight="1" x14ac:dyDescent="0.2">
      <c r="B40" s="472" t="s">
        <v>35</v>
      </c>
      <c r="C40" s="100">
        <v>304598</v>
      </c>
      <c r="D40" s="104">
        <v>197510</v>
      </c>
      <c r="E40" s="103">
        <v>502108</v>
      </c>
      <c r="F40" s="99">
        <v>0</v>
      </c>
      <c r="G40" s="104">
        <v>662017</v>
      </c>
      <c r="H40" s="104">
        <v>536180</v>
      </c>
      <c r="I40" s="104">
        <v>1081063</v>
      </c>
      <c r="J40" s="104">
        <v>1401662</v>
      </c>
      <c r="K40" s="104">
        <v>279993</v>
      </c>
      <c r="L40" s="160">
        <v>3960915</v>
      </c>
      <c r="M40" s="106">
        <v>4463023</v>
      </c>
      <c r="N40" s="100">
        <v>82285</v>
      </c>
      <c r="O40" s="104">
        <v>73911</v>
      </c>
      <c r="P40" s="103">
        <v>156196</v>
      </c>
      <c r="Q40" s="100">
        <v>0</v>
      </c>
      <c r="R40" s="104">
        <v>363656</v>
      </c>
      <c r="S40" s="104">
        <v>85414</v>
      </c>
      <c r="T40" s="104">
        <v>243691</v>
      </c>
      <c r="U40" s="104">
        <v>316131</v>
      </c>
      <c r="V40" s="104">
        <v>264971</v>
      </c>
      <c r="W40" s="103">
        <v>1273863</v>
      </c>
      <c r="X40" s="106">
        <v>1430059</v>
      </c>
      <c r="Y40" s="100">
        <v>0</v>
      </c>
      <c r="Z40" s="104">
        <v>0</v>
      </c>
      <c r="AA40" s="103">
        <v>0</v>
      </c>
      <c r="AB40" s="100">
        <v>0</v>
      </c>
      <c r="AC40" s="104">
        <v>152793</v>
      </c>
      <c r="AD40" s="104">
        <v>50750</v>
      </c>
      <c r="AE40" s="104">
        <v>82397</v>
      </c>
      <c r="AF40" s="104">
        <v>85453</v>
      </c>
      <c r="AG40" s="104">
        <v>129346</v>
      </c>
      <c r="AH40" s="103">
        <v>500739</v>
      </c>
      <c r="AI40" s="106">
        <v>500739</v>
      </c>
      <c r="AJ40" s="100">
        <v>0</v>
      </c>
      <c r="AK40" s="104">
        <v>0</v>
      </c>
      <c r="AL40" s="103">
        <v>0</v>
      </c>
      <c r="AM40" s="100">
        <v>0</v>
      </c>
      <c r="AN40" s="104">
        <v>0</v>
      </c>
      <c r="AO40" s="104">
        <v>0</v>
      </c>
      <c r="AP40" s="104">
        <v>0</v>
      </c>
      <c r="AQ40" s="104">
        <v>49749</v>
      </c>
      <c r="AR40" s="104">
        <v>41328</v>
      </c>
      <c r="AS40" s="103">
        <v>91077</v>
      </c>
      <c r="AT40" s="106">
        <v>91077</v>
      </c>
      <c r="AU40" s="100">
        <v>32494</v>
      </c>
      <c r="AV40" s="104">
        <v>33514</v>
      </c>
      <c r="AW40" s="103">
        <v>66008</v>
      </c>
      <c r="AX40" s="100">
        <v>0</v>
      </c>
      <c r="AY40" s="104">
        <v>84751</v>
      </c>
      <c r="AZ40" s="104">
        <v>64778</v>
      </c>
      <c r="BA40" s="104">
        <v>114100</v>
      </c>
      <c r="BB40" s="104">
        <v>102067</v>
      </c>
      <c r="BC40" s="104">
        <v>78729</v>
      </c>
      <c r="BD40" s="103">
        <v>444425</v>
      </c>
      <c r="BE40" s="106">
        <v>510433</v>
      </c>
      <c r="BF40" s="100">
        <v>0</v>
      </c>
      <c r="BG40" s="104">
        <v>26292</v>
      </c>
      <c r="BH40" s="102">
        <v>26292</v>
      </c>
      <c r="BI40" s="101">
        <v>0</v>
      </c>
      <c r="BJ40" s="104">
        <v>117712</v>
      </c>
      <c r="BK40" s="104">
        <v>0</v>
      </c>
      <c r="BL40" s="104">
        <v>0</v>
      </c>
      <c r="BM40" s="104">
        <v>0</v>
      </c>
      <c r="BN40" s="104">
        <v>0</v>
      </c>
      <c r="BO40" s="103">
        <v>117712</v>
      </c>
      <c r="BP40" s="106">
        <v>144004</v>
      </c>
      <c r="BQ40" s="100">
        <v>49791</v>
      </c>
      <c r="BR40" s="104">
        <v>14105</v>
      </c>
      <c r="BS40" s="103">
        <v>63896</v>
      </c>
      <c r="BT40" s="100">
        <v>0</v>
      </c>
      <c r="BU40" s="104">
        <v>8400</v>
      </c>
      <c r="BV40" s="104">
        <v>-30114</v>
      </c>
      <c r="BW40" s="104">
        <v>47194</v>
      </c>
      <c r="BX40" s="104">
        <v>78862</v>
      </c>
      <c r="BY40" s="104">
        <v>15568</v>
      </c>
      <c r="BZ40" s="103">
        <v>119910</v>
      </c>
      <c r="CA40" s="106">
        <v>183806</v>
      </c>
      <c r="CB40" s="100">
        <v>0</v>
      </c>
      <c r="CC40" s="104">
        <v>98462</v>
      </c>
      <c r="CD40" s="103">
        <v>98462</v>
      </c>
      <c r="CE40" s="100">
        <v>0</v>
      </c>
      <c r="CF40" s="104">
        <v>239890</v>
      </c>
      <c r="CG40" s="104">
        <v>207235</v>
      </c>
      <c r="CH40" s="104">
        <v>98210</v>
      </c>
      <c r="CI40" s="104">
        <v>160975</v>
      </c>
      <c r="CJ40" s="104">
        <v>0</v>
      </c>
      <c r="CK40" s="103">
        <v>706310</v>
      </c>
      <c r="CL40" s="106">
        <v>804772</v>
      </c>
      <c r="CM40" s="100">
        <v>0</v>
      </c>
      <c r="CN40" s="104">
        <v>0</v>
      </c>
      <c r="CO40" s="103">
        <v>0</v>
      </c>
      <c r="CP40" s="101">
        <v>0</v>
      </c>
      <c r="CQ40" s="104">
        <v>189896</v>
      </c>
      <c r="CR40" s="104">
        <v>141967</v>
      </c>
      <c r="CS40" s="104">
        <v>98210</v>
      </c>
      <c r="CT40" s="104">
        <v>62909</v>
      </c>
      <c r="CU40" s="104">
        <v>0</v>
      </c>
      <c r="CV40" s="103">
        <v>492982</v>
      </c>
      <c r="CW40" s="106">
        <v>492982</v>
      </c>
      <c r="CX40" s="100">
        <v>0</v>
      </c>
      <c r="CY40" s="104">
        <v>98462</v>
      </c>
      <c r="CZ40" s="103">
        <v>98462</v>
      </c>
      <c r="DA40" s="100">
        <v>0</v>
      </c>
      <c r="DB40" s="104">
        <v>49994</v>
      </c>
      <c r="DC40" s="104">
        <v>65268</v>
      </c>
      <c r="DD40" s="104">
        <v>0</v>
      </c>
      <c r="DE40" s="104">
        <v>98066</v>
      </c>
      <c r="DF40" s="104">
        <v>0</v>
      </c>
      <c r="DG40" s="103">
        <v>213328</v>
      </c>
      <c r="DH40" s="106">
        <v>311790</v>
      </c>
      <c r="DI40" s="100">
        <v>0</v>
      </c>
      <c r="DJ40" s="104">
        <v>0</v>
      </c>
      <c r="DK40" s="102">
        <v>0</v>
      </c>
      <c r="DL40" s="101">
        <v>0</v>
      </c>
      <c r="DM40" s="104">
        <v>27811</v>
      </c>
      <c r="DN40" s="104">
        <v>0</v>
      </c>
      <c r="DO40" s="104">
        <v>0</v>
      </c>
      <c r="DP40" s="104">
        <v>213626</v>
      </c>
      <c r="DQ40" s="104">
        <v>0</v>
      </c>
      <c r="DR40" s="103">
        <v>241437</v>
      </c>
      <c r="DS40" s="106">
        <v>241437</v>
      </c>
      <c r="DT40" s="100">
        <v>0</v>
      </c>
      <c r="DU40" s="104">
        <v>0</v>
      </c>
      <c r="DV40" s="103">
        <v>0</v>
      </c>
      <c r="DW40" s="100">
        <v>0</v>
      </c>
      <c r="DX40" s="104">
        <v>27811</v>
      </c>
      <c r="DY40" s="104">
        <v>0</v>
      </c>
      <c r="DZ40" s="104">
        <v>0</v>
      </c>
      <c r="EA40" s="104">
        <v>213626</v>
      </c>
      <c r="EB40" s="104">
        <v>0</v>
      </c>
      <c r="EC40" s="103">
        <v>241437</v>
      </c>
      <c r="ED40" s="106">
        <v>241437</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550</v>
      </c>
      <c r="FM40" s="104">
        <v>25137</v>
      </c>
      <c r="FN40" s="103">
        <v>29687</v>
      </c>
      <c r="FO40" s="100">
        <v>0</v>
      </c>
      <c r="FP40" s="104">
        <v>30660</v>
      </c>
      <c r="FQ40" s="104">
        <v>97370</v>
      </c>
      <c r="FR40" s="104">
        <v>105868</v>
      </c>
      <c r="FS40" s="104">
        <v>68950</v>
      </c>
      <c r="FT40" s="104">
        <v>15022</v>
      </c>
      <c r="FU40" s="103">
        <v>317870</v>
      </c>
      <c r="FV40" s="106">
        <v>347557</v>
      </c>
      <c r="FW40" s="105">
        <v>4550</v>
      </c>
      <c r="FX40" s="104">
        <v>25137</v>
      </c>
      <c r="FY40" s="102">
        <v>29687</v>
      </c>
      <c r="FZ40" s="101">
        <v>0</v>
      </c>
      <c r="GA40" s="104">
        <v>30660</v>
      </c>
      <c r="GB40" s="104">
        <v>97370</v>
      </c>
      <c r="GC40" s="104">
        <v>105868</v>
      </c>
      <c r="GD40" s="104">
        <v>68950</v>
      </c>
      <c r="GE40" s="104">
        <v>15022</v>
      </c>
      <c r="GF40" s="103">
        <v>317870</v>
      </c>
      <c r="GG40" s="296">
        <v>347557</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217763</v>
      </c>
      <c r="HE40" s="104">
        <v>0</v>
      </c>
      <c r="HF40" s="102">
        <v>217763</v>
      </c>
      <c r="HG40" s="101">
        <v>0</v>
      </c>
      <c r="HH40" s="104">
        <v>0</v>
      </c>
      <c r="HI40" s="104">
        <v>146161</v>
      </c>
      <c r="HJ40" s="104">
        <v>633294</v>
      </c>
      <c r="HK40" s="104">
        <v>641980</v>
      </c>
      <c r="HL40" s="104">
        <v>0</v>
      </c>
      <c r="HM40" s="103">
        <v>1421435</v>
      </c>
      <c r="HN40" s="99">
        <v>1639198</v>
      </c>
      <c r="HO40" s="306"/>
      <c r="HP40" s="307"/>
      <c r="HQ40" s="308"/>
      <c r="HR40" s="309"/>
      <c r="HS40" s="307"/>
      <c r="HT40" s="307"/>
      <c r="HU40" s="307"/>
      <c r="HV40" s="307"/>
      <c r="HW40" s="307"/>
      <c r="HX40" s="310"/>
      <c r="HY40" s="311"/>
      <c r="HZ40" s="137">
        <v>0</v>
      </c>
      <c r="IA40" s="122">
        <v>0</v>
      </c>
      <c r="IB40" s="137">
        <v>0</v>
      </c>
      <c r="IC40" s="133">
        <v>0</v>
      </c>
      <c r="ID40" s="119">
        <v>0</v>
      </c>
      <c r="IE40" s="134">
        <v>0</v>
      </c>
      <c r="IF40" s="120">
        <v>0</v>
      </c>
      <c r="IG40" s="119">
        <v>265881</v>
      </c>
      <c r="IH40" s="120">
        <v>0</v>
      </c>
      <c r="II40" s="135">
        <v>265881</v>
      </c>
      <c r="IJ40" s="137">
        <v>265881</v>
      </c>
      <c r="IK40" s="219">
        <v>0</v>
      </c>
      <c r="IL40" s="223">
        <v>0</v>
      </c>
      <c r="IM40" s="224">
        <v>0</v>
      </c>
      <c r="IN40" s="127"/>
      <c r="IO40" s="109">
        <v>0</v>
      </c>
      <c r="IP40" s="109">
        <v>0</v>
      </c>
      <c r="IQ40" s="109">
        <v>0</v>
      </c>
      <c r="IR40" s="109">
        <v>0</v>
      </c>
      <c r="IS40" s="109">
        <v>0</v>
      </c>
      <c r="IT40" s="128">
        <v>0</v>
      </c>
      <c r="IU40" s="298">
        <v>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0</v>
      </c>
      <c r="KI40" s="109">
        <v>0</v>
      </c>
      <c r="KJ40" s="109">
        <v>55153</v>
      </c>
      <c r="KK40" s="109">
        <v>0</v>
      </c>
      <c r="KL40" s="110">
        <v>55153</v>
      </c>
      <c r="KM40" s="130">
        <v>55153</v>
      </c>
      <c r="KN40" s="219">
        <v>0</v>
      </c>
      <c r="KO40" s="223">
        <v>0</v>
      </c>
      <c r="KP40" s="224">
        <v>0</v>
      </c>
      <c r="KQ40" s="127"/>
      <c r="KR40" s="109">
        <v>0</v>
      </c>
      <c r="KS40" s="109">
        <v>0</v>
      </c>
      <c r="KT40" s="109">
        <v>0</v>
      </c>
      <c r="KU40" s="109">
        <v>210728</v>
      </c>
      <c r="KV40" s="109">
        <v>0</v>
      </c>
      <c r="KW40" s="110">
        <v>210728</v>
      </c>
      <c r="KX40" s="298">
        <v>210728</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v>0</v>
      </c>
      <c r="MJ40" s="109">
        <v>0</v>
      </c>
      <c r="MK40" s="109">
        <v>0</v>
      </c>
      <c r="ML40" s="109">
        <v>0</v>
      </c>
      <c r="MM40" s="109">
        <v>224483</v>
      </c>
      <c r="MN40" s="109">
        <v>0</v>
      </c>
      <c r="MO40" s="110">
        <v>224483</v>
      </c>
      <c r="MP40" s="130">
        <v>224483</v>
      </c>
      <c r="MQ40" s="129">
        <v>0</v>
      </c>
      <c r="MR40" s="109">
        <v>0</v>
      </c>
      <c r="MS40" s="110">
        <v>0</v>
      </c>
      <c r="MT40" s="132">
        <v>0</v>
      </c>
      <c r="MU40" s="109">
        <v>0</v>
      </c>
      <c r="MV40" s="109">
        <v>0</v>
      </c>
      <c r="MW40" s="109">
        <v>0</v>
      </c>
      <c r="MX40" s="109">
        <v>224483</v>
      </c>
      <c r="MY40" s="109">
        <v>0</v>
      </c>
      <c r="MZ40" s="110">
        <v>224483</v>
      </c>
      <c r="NA40" s="130">
        <v>224483</v>
      </c>
      <c r="NB40" s="129">
        <v>0</v>
      </c>
      <c r="NC40" s="109">
        <v>0</v>
      </c>
      <c r="ND40" s="110">
        <v>0</v>
      </c>
      <c r="NE40" s="132"/>
      <c r="NF40" s="109">
        <v>0</v>
      </c>
      <c r="NG40" s="109">
        <v>0</v>
      </c>
      <c r="NH40" s="109">
        <v>0</v>
      </c>
      <c r="NI40" s="109">
        <v>0</v>
      </c>
      <c r="NJ40" s="109">
        <v>0</v>
      </c>
      <c r="NK40" s="110">
        <v>0</v>
      </c>
      <c r="NL40" s="298">
        <v>0</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304598</v>
      </c>
      <c r="OJ40" s="109">
        <v>197510</v>
      </c>
      <c r="OK40" s="128">
        <v>502108</v>
      </c>
      <c r="OL40" s="108">
        <v>0</v>
      </c>
      <c r="OM40" s="109">
        <v>662017</v>
      </c>
      <c r="ON40" s="109">
        <v>536180</v>
      </c>
      <c r="OO40" s="109">
        <v>1081063</v>
      </c>
      <c r="OP40" s="109">
        <v>1892026</v>
      </c>
      <c r="OQ40" s="109">
        <v>279993</v>
      </c>
      <c r="OR40" s="110">
        <v>4451279</v>
      </c>
      <c r="OS40" s="130">
        <v>4953387</v>
      </c>
    </row>
    <row r="41" spans="2:409" ht="21" customHeight="1" x14ac:dyDescent="0.2">
      <c r="B41" s="472" t="s">
        <v>36</v>
      </c>
      <c r="C41" s="100">
        <v>0</v>
      </c>
      <c r="D41" s="104">
        <v>38928</v>
      </c>
      <c r="E41" s="103">
        <v>38928</v>
      </c>
      <c r="F41" s="99">
        <v>0</v>
      </c>
      <c r="G41" s="104">
        <v>200469</v>
      </c>
      <c r="H41" s="104">
        <v>423178</v>
      </c>
      <c r="I41" s="104">
        <v>316114</v>
      </c>
      <c r="J41" s="104">
        <v>1093232</v>
      </c>
      <c r="K41" s="104">
        <v>373720</v>
      </c>
      <c r="L41" s="160">
        <v>2406713</v>
      </c>
      <c r="M41" s="106">
        <v>2445641</v>
      </c>
      <c r="N41" s="100">
        <v>0</v>
      </c>
      <c r="O41" s="104">
        <v>21428</v>
      </c>
      <c r="P41" s="103">
        <v>21428</v>
      </c>
      <c r="Q41" s="100">
        <v>0</v>
      </c>
      <c r="R41" s="104">
        <v>120397</v>
      </c>
      <c r="S41" s="104">
        <v>99386</v>
      </c>
      <c r="T41" s="104">
        <v>31566</v>
      </c>
      <c r="U41" s="104">
        <v>347197</v>
      </c>
      <c r="V41" s="104">
        <v>286126</v>
      </c>
      <c r="W41" s="103">
        <v>884672</v>
      </c>
      <c r="X41" s="106">
        <v>906100</v>
      </c>
      <c r="Y41" s="100">
        <v>0</v>
      </c>
      <c r="Z41" s="104">
        <v>0</v>
      </c>
      <c r="AA41" s="103">
        <v>0</v>
      </c>
      <c r="AB41" s="100">
        <v>0</v>
      </c>
      <c r="AC41" s="104">
        <v>47973</v>
      </c>
      <c r="AD41" s="104">
        <v>12967</v>
      </c>
      <c r="AE41" s="104">
        <v>0</v>
      </c>
      <c r="AF41" s="104">
        <v>212872</v>
      </c>
      <c r="AG41" s="104">
        <v>200883</v>
      </c>
      <c r="AH41" s="103">
        <v>474695</v>
      </c>
      <c r="AI41" s="106">
        <v>474695</v>
      </c>
      <c r="AJ41" s="100">
        <v>0</v>
      </c>
      <c r="AK41" s="104">
        <v>0</v>
      </c>
      <c r="AL41" s="103">
        <v>0</v>
      </c>
      <c r="AM41" s="100">
        <v>0</v>
      </c>
      <c r="AN41" s="104">
        <v>0</v>
      </c>
      <c r="AO41" s="104">
        <v>0</v>
      </c>
      <c r="AP41" s="104">
        <v>0</v>
      </c>
      <c r="AQ41" s="104">
        <v>0</v>
      </c>
      <c r="AR41" s="104">
        <v>0</v>
      </c>
      <c r="AS41" s="103">
        <v>0</v>
      </c>
      <c r="AT41" s="106">
        <v>0</v>
      </c>
      <c r="AU41" s="100">
        <v>0</v>
      </c>
      <c r="AV41" s="104">
        <v>21428</v>
      </c>
      <c r="AW41" s="103">
        <v>21428</v>
      </c>
      <c r="AX41" s="100">
        <v>0</v>
      </c>
      <c r="AY41" s="104">
        <v>27604</v>
      </c>
      <c r="AZ41" s="104">
        <v>72881</v>
      </c>
      <c r="BA41" s="104">
        <v>18028</v>
      </c>
      <c r="BB41" s="104">
        <v>18369</v>
      </c>
      <c r="BC41" s="104">
        <v>53596</v>
      </c>
      <c r="BD41" s="103">
        <v>190478</v>
      </c>
      <c r="BE41" s="106">
        <v>211906</v>
      </c>
      <c r="BF41" s="100">
        <v>0</v>
      </c>
      <c r="BG41" s="104">
        <v>0</v>
      </c>
      <c r="BH41" s="102">
        <v>0</v>
      </c>
      <c r="BI41" s="101">
        <v>0</v>
      </c>
      <c r="BJ41" s="104">
        <v>41208</v>
      </c>
      <c r="BK41" s="104">
        <v>0</v>
      </c>
      <c r="BL41" s="104">
        <v>0</v>
      </c>
      <c r="BM41" s="104">
        <v>77246</v>
      </c>
      <c r="BN41" s="104">
        <v>0</v>
      </c>
      <c r="BO41" s="103">
        <v>118454</v>
      </c>
      <c r="BP41" s="106">
        <v>118454</v>
      </c>
      <c r="BQ41" s="100">
        <v>0</v>
      </c>
      <c r="BR41" s="104">
        <v>0</v>
      </c>
      <c r="BS41" s="103">
        <v>0</v>
      </c>
      <c r="BT41" s="100">
        <v>0</v>
      </c>
      <c r="BU41" s="104">
        <v>3612</v>
      </c>
      <c r="BV41" s="104">
        <v>13538</v>
      </c>
      <c r="BW41" s="104">
        <v>13538</v>
      </c>
      <c r="BX41" s="104">
        <v>38710</v>
      </c>
      <c r="BY41" s="104">
        <v>31647</v>
      </c>
      <c r="BZ41" s="103">
        <v>101045</v>
      </c>
      <c r="CA41" s="106">
        <v>101045</v>
      </c>
      <c r="CB41" s="100">
        <v>0</v>
      </c>
      <c r="CC41" s="104">
        <v>0</v>
      </c>
      <c r="CD41" s="103">
        <v>0</v>
      </c>
      <c r="CE41" s="100">
        <v>0</v>
      </c>
      <c r="CF41" s="104">
        <v>59772</v>
      </c>
      <c r="CG41" s="104">
        <v>55475</v>
      </c>
      <c r="CH41" s="104">
        <v>51811</v>
      </c>
      <c r="CI41" s="104">
        <v>204679</v>
      </c>
      <c r="CJ41" s="104">
        <v>51138</v>
      </c>
      <c r="CK41" s="103">
        <v>422875</v>
      </c>
      <c r="CL41" s="106">
        <v>422875</v>
      </c>
      <c r="CM41" s="100">
        <v>0</v>
      </c>
      <c r="CN41" s="104">
        <v>0</v>
      </c>
      <c r="CO41" s="103">
        <v>0</v>
      </c>
      <c r="CP41" s="101">
        <v>0</v>
      </c>
      <c r="CQ41" s="104">
        <v>42396</v>
      </c>
      <c r="CR41" s="104">
        <v>55475</v>
      </c>
      <c r="CS41" s="104">
        <v>51811</v>
      </c>
      <c r="CT41" s="104">
        <v>204679</v>
      </c>
      <c r="CU41" s="104">
        <v>51138</v>
      </c>
      <c r="CV41" s="103">
        <v>405499</v>
      </c>
      <c r="CW41" s="106">
        <v>405499</v>
      </c>
      <c r="CX41" s="100">
        <v>0</v>
      </c>
      <c r="CY41" s="104">
        <v>0</v>
      </c>
      <c r="CZ41" s="103">
        <v>0</v>
      </c>
      <c r="DA41" s="100">
        <v>0</v>
      </c>
      <c r="DB41" s="104">
        <v>17376</v>
      </c>
      <c r="DC41" s="104">
        <v>0</v>
      </c>
      <c r="DD41" s="104">
        <v>0</v>
      </c>
      <c r="DE41" s="104">
        <v>0</v>
      </c>
      <c r="DF41" s="104">
        <v>0</v>
      </c>
      <c r="DG41" s="103">
        <v>17376</v>
      </c>
      <c r="DH41" s="106">
        <v>17376</v>
      </c>
      <c r="DI41" s="100">
        <v>0</v>
      </c>
      <c r="DJ41" s="104">
        <v>0</v>
      </c>
      <c r="DK41" s="102">
        <v>0</v>
      </c>
      <c r="DL41" s="101">
        <v>0</v>
      </c>
      <c r="DM41" s="104">
        <v>0</v>
      </c>
      <c r="DN41" s="104">
        <v>112724</v>
      </c>
      <c r="DO41" s="104">
        <v>0</v>
      </c>
      <c r="DP41" s="104">
        <v>53837</v>
      </c>
      <c r="DQ41" s="104">
        <v>0</v>
      </c>
      <c r="DR41" s="103">
        <v>166561</v>
      </c>
      <c r="DS41" s="106">
        <v>166561</v>
      </c>
      <c r="DT41" s="100">
        <v>0</v>
      </c>
      <c r="DU41" s="104">
        <v>0</v>
      </c>
      <c r="DV41" s="103">
        <v>0</v>
      </c>
      <c r="DW41" s="100">
        <v>0</v>
      </c>
      <c r="DX41" s="104">
        <v>0</v>
      </c>
      <c r="DY41" s="104">
        <v>112724</v>
      </c>
      <c r="DZ41" s="104">
        <v>0</v>
      </c>
      <c r="EA41" s="104">
        <v>53837</v>
      </c>
      <c r="EB41" s="104">
        <v>0</v>
      </c>
      <c r="EC41" s="103">
        <v>166561</v>
      </c>
      <c r="ED41" s="106">
        <v>166561</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0</v>
      </c>
      <c r="FM41" s="104">
        <v>17500</v>
      </c>
      <c r="FN41" s="103">
        <v>17500</v>
      </c>
      <c r="FO41" s="100">
        <v>0</v>
      </c>
      <c r="FP41" s="104">
        <v>20300</v>
      </c>
      <c r="FQ41" s="104">
        <v>7385</v>
      </c>
      <c r="FR41" s="104">
        <v>4550</v>
      </c>
      <c r="FS41" s="104">
        <v>60998</v>
      </c>
      <c r="FT41" s="104">
        <v>36456</v>
      </c>
      <c r="FU41" s="103">
        <v>129689</v>
      </c>
      <c r="FV41" s="106">
        <v>147189</v>
      </c>
      <c r="FW41" s="105">
        <v>0</v>
      </c>
      <c r="FX41" s="104">
        <v>17500</v>
      </c>
      <c r="FY41" s="102">
        <v>17500</v>
      </c>
      <c r="FZ41" s="101">
        <v>0</v>
      </c>
      <c r="GA41" s="104">
        <v>20300</v>
      </c>
      <c r="GB41" s="104">
        <v>7385</v>
      </c>
      <c r="GC41" s="104">
        <v>4550</v>
      </c>
      <c r="GD41" s="104">
        <v>60998</v>
      </c>
      <c r="GE41" s="104">
        <v>36456</v>
      </c>
      <c r="GF41" s="103">
        <v>129689</v>
      </c>
      <c r="GG41" s="296">
        <v>147189</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148208</v>
      </c>
      <c r="HJ41" s="104">
        <v>228187</v>
      </c>
      <c r="HK41" s="104">
        <v>426521</v>
      </c>
      <c r="HL41" s="104">
        <v>0</v>
      </c>
      <c r="HM41" s="103">
        <v>802916</v>
      </c>
      <c r="HN41" s="99">
        <v>802916</v>
      </c>
      <c r="HO41" s="306"/>
      <c r="HP41" s="307"/>
      <c r="HQ41" s="308"/>
      <c r="HR41" s="309"/>
      <c r="HS41" s="307"/>
      <c r="HT41" s="307"/>
      <c r="HU41" s="307"/>
      <c r="HV41" s="307"/>
      <c r="HW41" s="307"/>
      <c r="HX41" s="310"/>
      <c r="HY41" s="311"/>
      <c r="HZ41" s="118">
        <v>0</v>
      </c>
      <c r="IA41" s="119">
        <v>0</v>
      </c>
      <c r="IB41" s="120">
        <v>0</v>
      </c>
      <c r="IC41" s="133">
        <v>0</v>
      </c>
      <c r="ID41" s="119">
        <v>314206</v>
      </c>
      <c r="IE41" s="134">
        <v>209727</v>
      </c>
      <c r="IF41" s="120">
        <v>0</v>
      </c>
      <c r="IG41" s="119">
        <v>279972</v>
      </c>
      <c r="IH41" s="120">
        <v>224189</v>
      </c>
      <c r="II41" s="135">
        <v>1028094</v>
      </c>
      <c r="IJ41" s="126">
        <v>1028094</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7664</v>
      </c>
      <c r="JL41" s="109">
        <v>0</v>
      </c>
      <c r="JM41" s="109">
        <v>0</v>
      </c>
      <c r="JN41" s="109">
        <v>279972</v>
      </c>
      <c r="JO41" s="109">
        <v>0</v>
      </c>
      <c r="JP41" s="110">
        <v>307636</v>
      </c>
      <c r="JQ41" s="298">
        <v>307636</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85702</v>
      </c>
      <c r="KH41" s="109">
        <v>0</v>
      </c>
      <c r="KI41" s="109">
        <v>0</v>
      </c>
      <c r="KJ41" s="109">
        <v>0</v>
      </c>
      <c r="KK41" s="109">
        <v>0</v>
      </c>
      <c r="KL41" s="110">
        <v>85702</v>
      </c>
      <c r="KM41" s="130">
        <v>85702</v>
      </c>
      <c r="KN41" s="219">
        <v>0</v>
      </c>
      <c r="KO41" s="223">
        <v>0</v>
      </c>
      <c r="KP41" s="224">
        <v>0</v>
      </c>
      <c r="KQ41" s="127"/>
      <c r="KR41" s="109">
        <v>200840</v>
      </c>
      <c r="KS41" s="109">
        <v>209727</v>
      </c>
      <c r="KT41" s="109">
        <v>0</v>
      </c>
      <c r="KU41" s="109">
        <v>0</v>
      </c>
      <c r="KV41" s="109">
        <v>224189</v>
      </c>
      <c r="KW41" s="110">
        <v>634756</v>
      </c>
      <c r="KX41" s="298">
        <v>634756</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v>0</v>
      </c>
      <c r="MJ41" s="109">
        <v>196099</v>
      </c>
      <c r="MK41" s="109">
        <v>0</v>
      </c>
      <c r="ML41" s="109">
        <v>538776</v>
      </c>
      <c r="MM41" s="109">
        <v>955668</v>
      </c>
      <c r="MN41" s="109">
        <v>484800</v>
      </c>
      <c r="MO41" s="110">
        <v>2175343</v>
      </c>
      <c r="MP41" s="130">
        <v>2175343</v>
      </c>
      <c r="MQ41" s="129">
        <v>0</v>
      </c>
      <c r="MR41" s="109">
        <v>0</v>
      </c>
      <c r="MS41" s="110">
        <v>0</v>
      </c>
      <c r="MT41" s="132">
        <v>0</v>
      </c>
      <c r="MU41" s="109">
        <v>0</v>
      </c>
      <c r="MV41" s="109">
        <v>0</v>
      </c>
      <c r="MW41" s="109">
        <v>317747</v>
      </c>
      <c r="MX41" s="109">
        <v>173686</v>
      </c>
      <c r="MY41" s="109">
        <v>484800</v>
      </c>
      <c r="MZ41" s="110">
        <v>976233</v>
      </c>
      <c r="NA41" s="130">
        <v>976233</v>
      </c>
      <c r="NB41" s="129">
        <v>0</v>
      </c>
      <c r="NC41" s="109">
        <v>0</v>
      </c>
      <c r="ND41" s="110">
        <v>0</v>
      </c>
      <c r="NE41" s="132"/>
      <c r="NF41" s="109">
        <v>196099</v>
      </c>
      <c r="NG41" s="109">
        <v>0</v>
      </c>
      <c r="NH41" s="109">
        <v>221029</v>
      </c>
      <c r="NI41" s="109">
        <v>781982</v>
      </c>
      <c r="NJ41" s="109">
        <v>0</v>
      </c>
      <c r="NK41" s="110">
        <v>1199110</v>
      </c>
      <c r="NL41" s="298">
        <v>1199110</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0</v>
      </c>
      <c r="OJ41" s="109">
        <v>38928</v>
      </c>
      <c r="OK41" s="128">
        <v>38928</v>
      </c>
      <c r="OL41" s="108">
        <v>0</v>
      </c>
      <c r="OM41" s="109">
        <v>710774</v>
      </c>
      <c r="ON41" s="109">
        <v>632905</v>
      </c>
      <c r="OO41" s="109">
        <v>854890</v>
      </c>
      <c r="OP41" s="109">
        <v>2328872</v>
      </c>
      <c r="OQ41" s="109">
        <v>1082709</v>
      </c>
      <c r="OR41" s="110">
        <v>5610150</v>
      </c>
      <c r="OS41" s="130">
        <v>5649078</v>
      </c>
    </row>
    <row r="42" spans="2:409" ht="21" customHeight="1" thickBot="1" x14ac:dyDescent="0.25">
      <c r="B42" s="473" t="s">
        <v>37</v>
      </c>
      <c r="C42" s="107">
        <v>0</v>
      </c>
      <c r="D42" s="165">
        <v>0</v>
      </c>
      <c r="E42" s="166">
        <v>0</v>
      </c>
      <c r="F42" s="167">
        <v>0</v>
      </c>
      <c r="G42" s="165">
        <v>0</v>
      </c>
      <c r="H42" s="165">
        <v>0</v>
      </c>
      <c r="I42" s="165">
        <v>0</v>
      </c>
      <c r="J42" s="165">
        <v>188498</v>
      </c>
      <c r="K42" s="165">
        <v>121307</v>
      </c>
      <c r="L42" s="167">
        <v>309805</v>
      </c>
      <c r="M42" s="168">
        <v>309805</v>
      </c>
      <c r="N42" s="107">
        <v>0</v>
      </c>
      <c r="O42" s="165">
        <v>0</v>
      </c>
      <c r="P42" s="166">
        <v>0</v>
      </c>
      <c r="Q42" s="107">
        <v>0</v>
      </c>
      <c r="R42" s="165">
        <v>0</v>
      </c>
      <c r="S42" s="165">
        <v>0</v>
      </c>
      <c r="T42" s="165">
        <v>0</v>
      </c>
      <c r="U42" s="165">
        <v>8400</v>
      </c>
      <c r="V42" s="165">
        <v>47558</v>
      </c>
      <c r="W42" s="166">
        <v>55958</v>
      </c>
      <c r="X42" s="168">
        <v>55958</v>
      </c>
      <c r="Y42" s="107">
        <v>0</v>
      </c>
      <c r="Z42" s="165">
        <v>0</v>
      </c>
      <c r="AA42" s="166">
        <v>0</v>
      </c>
      <c r="AB42" s="107">
        <v>0</v>
      </c>
      <c r="AC42" s="165">
        <v>0</v>
      </c>
      <c r="AD42" s="165">
        <v>0</v>
      </c>
      <c r="AE42" s="165">
        <v>0</v>
      </c>
      <c r="AF42" s="165">
        <v>0</v>
      </c>
      <c r="AG42" s="165">
        <v>13036</v>
      </c>
      <c r="AH42" s="166">
        <v>13036</v>
      </c>
      <c r="AI42" s="168">
        <v>13036</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23112</v>
      </c>
      <c r="BD42" s="166">
        <v>23112</v>
      </c>
      <c r="BE42" s="168">
        <v>23112</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11410</v>
      </c>
      <c r="BZ42" s="166">
        <v>19810</v>
      </c>
      <c r="CA42" s="168">
        <v>19810</v>
      </c>
      <c r="CB42" s="107">
        <v>0</v>
      </c>
      <c r="CC42" s="165">
        <v>0</v>
      </c>
      <c r="CD42" s="166">
        <v>0</v>
      </c>
      <c r="CE42" s="107">
        <v>0</v>
      </c>
      <c r="CF42" s="165">
        <v>0</v>
      </c>
      <c r="CG42" s="165">
        <v>0</v>
      </c>
      <c r="CH42" s="165">
        <v>0</v>
      </c>
      <c r="CI42" s="165">
        <v>0</v>
      </c>
      <c r="CJ42" s="165">
        <v>0</v>
      </c>
      <c r="CK42" s="166">
        <v>0</v>
      </c>
      <c r="CL42" s="168">
        <v>0</v>
      </c>
      <c r="CM42" s="107">
        <v>0</v>
      </c>
      <c r="CN42" s="165">
        <v>0</v>
      </c>
      <c r="CO42" s="166">
        <v>0</v>
      </c>
      <c r="CP42" s="169">
        <v>0</v>
      </c>
      <c r="CQ42" s="165">
        <v>0</v>
      </c>
      <c r="CR42" s="165">
        <v>0</v>
      </c>
      <c r="CS42" s="165">
        <v>0</v>
      </c>
      <c r="CT42" s="165">
        <v>0</v>
      </c>
      <c r="CU42" s="165">
        <v>0</v>
      </c>
      <c r="CV42" s="166">
        <v>0</v>
      </c>
      <c r="CW42" s="168">
        <v>0</v>
      </c>
      <c r="CX42" s="107">
        <v>0</v>
      </c>
      <c r="CY42" s="165">
        <v>0</v>
      </c>
      <c r="CZ42" s="166">
        <v>0</v>
      </c>
      <c r="DA42" s="107">
        <v>0</v>
      </c>
      <c r="DB42" s="165">
        <v>0</v>
      </c>
      <c r="DC42" s="165">
        <v>0</v>
      </c>
      <c r="DD42" s="165">
        <v>0</v>
      </c>
      <c r="DE42" s="165">
        <v>0</v>
      </c>
      <c r="DF42" s="165">
        <v>0</v>
      </c>
      <c r="DG42" s="166">
        <v>0</v>
      </c>
      <c r="DH42" s="168">
        <v>0</v>
      </c>
      <c r="DI42" s="107">
        <v>0</v>
      </c>
      <c r="DJ42" s="165">
        <v>0</v>
      </c>
      <c r="DK42" s="170">
        <v>0</v>
      </c>
      <c r="DL42" s="169">
        <v>0</v>
      </c>
      <c r="DM42" s="165">
        <v>0</v>
      </c>
      <c r="DN42" s="165">
        <v>0</v>
      </c>
      <c r="DO42" s="165">
        <v>0</v>
      </c>
      <c r="DP42" s="165">
        <v>0</v>
      </c>
      <c r="DQ42" s="165">
        <v>39589</v>
      </c>
      <c r="DR42" s="166">
        <v>39589</v>
      </c>
      <c r="DS42" s="168">
        <v>39589</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39589</v>
      </c>
      <c r="EN42" s="170">
        <v>39589</v>
      </c>
      <c r="EO42" s="168">
        <v>39589</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0</v>
      </c>
      <c r="FT42" s="165">
        <v>34160</v>
      </c>
      <c r="FU42" s="166">
        <v>34160</v>
      </c>
      <c r="FV42" s="168">
        <v>34160</v>
      </c>
      <c r="FW42" s="171">
        <v>0</v>
      </c>
      <c r="FX42" s="165">
        <v>0</v>
      </c>
      <c r="FY42" s="170">
        <v>0</v>
      </c>
      <c r="FZ42" s="169">
        <v>0</v>
      </c>
      <c r="GA42" s="165">
        <v>0</v>
      </c>
      <c r="GB42" s="165">
        <v>0</v>
      </c>
      <c r="GC42" s="165">
        <v>0</v>
      </c>
      <c r="GD42" s="165">
        <v>0</v>
      </c>
      <c r="GE42" s="165">
        <v>34160</v>
      </c>
      <c r="GF42" s="166">
        <v>34160</v>
      </c>
      <c r="GG42" s="297">
        <v>34160</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0098</v>
      </c>
      <c r="HL42" s="165">
        <v>0</v>
      </c>
      <c r="HM42" s="166">
        <v>180098</v>
      </c>
      <c r="HN42" s="167">
        <v>180098</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166985</v>
      </c>
      <c r="II42" s="145">
        <v>166985</v>
      </c>
      <c r="IJ42" s="146">
        <v>166985</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66985</v>
      </c>
      <c r="JP42" s="152">
        <v>166985</v>
      </c>
      <c r="JQ42" s="299">
        <v>166985</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v>0</v>
      </c>
      <c r="MJ42" s="148">
        <v>0</v>
      </c>
      <c r="MK42" s="148">
        <v>0</v>
      </c>
      <c r="ML42" s="148">
        <v>0</v>
      </c>
      <c r="MM42" s="148">
        <v>0</v>
      </c>
      <c r="MN42" s="148">
        <v>0</v>
      </c>
      <c r="MO42" s="152">
        <v>0</v>
      </c>
      <c r="MP42" s="154">
        <v>0</v>
      </c>
      <c r="MQ42" s="150">
        <v>0</v>
      </c>
      <c r="MR42" s="148">
        <v>0</v>
      </c>
      <c r="MS42" s="152">
        <v>0</v>
      </c>
      <c r="MT42" s="156">
        <v>0</v>
      </c>
      <c r="MU42" s="148">
        <v>0</v>
      </c>
      <c r="MV42" s="148">
        <v>0</v>
      </c>
      <c r="MW42" s="148">
        <v>0</v>
      </c>
      <c r="MX42" s="148">
        <v>0</v>
      </c>
      <c r="MY42" s="148">
        <v>0</v>
      </c>
      <c r="MZ42" s="152">
        <v>0</v>
      </c>
      <c r="NA42" s="154">
        <v>0</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0</v>
      </c>
      <c r="ON42" s="148">
        <v>0</v>
      </c>
      <c r="OO42" s="148">
        <v>0</v>
      </c>
      <c r="OP42" s="148">
        <v>188498</v>
      </c>
      <c r="OQ42" s="148">
        <v>288292</v>
      </c>
      <c r="OR42" s="152">
        <v>476790</v>
      </c>
      <c r="OS42" s="154">
        <v>476790</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0</v>
      </c>
      <c r="C1" s="34"/>
      <c r="D1" s="34"/>
      <c r="E1" s="468">
        <f>第１表!F2</f>
        <v>5</v>
      </c>
      <c r="F1" s="469">
        <f>第１表!G2</f>
        <v>8</v>
      </c>
      <c r="G1" s="583">
        <f>IF(F1&lt;3,F1-2+12,F1-2)</f>
        <v>6</v>
      </c>
      <c r="H1" s="583"/>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20</v>
      </c>
    </row>
    <row r="3" spans="2:233" ht="21" customHeight="1" thickBot="1" x14ac:dyDescent="0.25">
      <c r="B3" s="728"/>
      <c r="C3" s="706" t="s">
        <v>116</v>
      </c>
      <c r="D3" s="707"/>
      <c r="E3" s="707"/>
      <c r="F3" s="707"/>
      <c r="G3" s="707"/>
      <c r="H3" s="707"/>
      <c r="I3" s="707"/>
      <c r="J3" s="707"/>
      <c r="K3" s="707"/>
      <c r="L3" s="707"/>
      <c r="M3" s="707"/>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4"/>
      <c r="CX3" s="494"/>
      <c r="CY3" s="494"/>
      <c r="CZ3" s="494"/>
      <c r="DA3" s="494"/>
      <c r="DB3" s="494"/>
      <c r="DC3" s="494"/>
      <c r="DD3" s="494"/>
      <c r="DE3" s="494"/>
      <c r="DF3" s="494"/>
      <c r="DG3" s="494"/>
      <c r="DH3" s="495"/>
      <c r="DI3" s="706" t="s">
        <v>118</v>
      </c>
      <c r="DJ3" s="707"/>
      <c r="DK3" s="707"/>
      <c r="DL3" s="707"/>
      <c r="DM3" s="707"/>
      <c r="DN3" s="707"/>
      <c r="DO3" s="707"/>
      <c r="DP3" s="707"/>
      <c r="DQ3" s="707"/>
      <c r="DR3" s="707"/>
      <c r="DS3" s="707"/>
      <c r="DT3" s="707"/>
      <c r="DU3" s="707"/>
      <c r="DV3" s="707"/>
      <c r="DW3" s="707"/>
      <c r="DX3" s="707"/>
      <c r="DY3" s="707"/>
      <c r="DZ3" s="707"/>
      <c r="EA3" s="707"/>
      <c r="EB3" s="707"/>
      <c r="EC3" s="707"/>
      <c r="ED3" s="707"/>
      <c r="EE3" s="707"/>
      <c r="EF3" s="707"/>
      <c r="EG3" s="707"/>
      <c r="EH3" s="707"/>
      <c r="EI3" s="707"/>
      <c r="EJ3" s="707"/>
      <c r="EK3" s="707"/>
      <c r="EL3" s="707"/>
      <c r="EM3" s="707"/>
      <c r="EN3" s="707"/>
      <c r="EO3" s="707"/>
      <c r="EP3" s="707"/>
      <c r="EQ3" s="707"/>
      <c r="ER3" s="707"/>
      <c r="ES3" s="707"/>
      <c r="ET3" s="707"/>
      <c r="EU3" s="707"/>
      <c r="EV3" s="707"/>
      <c r="EW3" s="707"/>
      <c r="EX3" s="707"/>
      <c r="EY3" s="707"/>
      <c r="EZ3" s="707"/>
      <c r="FA3" s="707"/>
      <c r="FB3" s="707"/>
      <c r="FC3" s="707"/>
      <c r="FD3" s="707"/>
      <c r="FE3" s="707"/>
      <c r="FF3" s="707"/>
      <c r="FG3" s="707"/>
      <c r="FH3" s="707"/>
      <c r="FI3" s="707"/>
      <c r="FJ3" s="707"/>
      <c r="FK3" s="707"/>
      <c r="FL3" s="707"/>
      <c r="FM3" s="707"/>
      <c r="FN3" s="707"/>
      <c r="FO3" s="707"/>
      <c r="FP3" s="707"/>
      <c r="FQ3" s="707"/>
      <c r="FR3" s="707"/>
      <c r="FS3" s="707"/>
      <c r="FT3" s="707"/>
      <c r="FU3" s="707"/>
      <c r="FV3" s="707"/>
      <c r="FW3" s="707"/>
      <c r="FX3" s="707"/>
      <c r="FY3" s="707"/>
      <c r="FZ3" s="707"/>
      <c r="GA3" s="707"/>
      <c r="GB3" s="707"/>
      <c r="GC3" s="707"/>
      <c r="GD3" s="707"/>
      <c r="GE3" s="707"/>
      <c r="GF3" s="707"/>
      <c r="GG3" s="707"/>
      <c r="GH3" s="707"/>
      <c r="GI3" s="707"/>
      <c r="GJ3" s="707"/>
      <c r="GK3" s="707"/>
      <c r="GL3" s="707"/>
      <c r="GM3" s="707"/>
      <c r="GN3" s="707"/>
      <c r="GO3" s="707"/>
      <c r="GP3" s="707"/>
      <c r="GQ3" s="707"/>
      <c r="GR3" s="707"/>
      <c r="GS3" s="707"/>
      <c r="GT3" s="707"/>
      <c r="GU3" s="707"/>
      <c r="GV3" s="707"/>
      <c r="GW3" s="707"/>
      <c r="GX3" s="707"/>
      <c r="GY3" s="707"/>
      <c r="GZ3" s="707"/>
      <c r="HA3" s="707"/>
      <c r="HB3" s="707"/>
      <c r="HC3" s="707"/>
      <c r="HD3" s="707"/>
      <c r="HE3" s="707"/>
      <c r="HF3" s="707"/>
      <c r="HG3" s="707"/>
      <c r="HH3" s="707"/>
      <c r="HI3" s="707"/>
      <c r="HJ3" s="707"/>
      <c r="HK3" s="707"/>
      <c r="HL3" s="707"/>
      <c r="HM3" s="707"/>
      <c r="HN3" s="708"/>
      <c r="HO3" s="713" t="s">
        <v>60</v>
      </c>
      <c r="HP3" s="714"/>
      <c r="HQ3" s="714"/>
      <c r="HR3" s="714"/>
      <c r="HS3" s="714"/>
      <c r="HT3" s="714"/>
      <c r="HU3" s="714"/>
      <c r="HV3" s="714"/>
      <c r="HW3" s="714"/>
      <c r="HX3" s="714"/>
      <c r="HY3" s="715"/>
    </row>
    <row r="4" spans="2:233" ht="21" customHeight="1" thickBot="1" x14ac:dyDescent="0.25">
      <c r="B4" s="729"/>
      <c r="C4" s="709"/>
      <c r="D4" s="710"/>
      <c r="E4" s="710"/>
      <c r="F4" s="710"/>
      <c r="G4" s="710"/>
      <c r="H4" s="710"/>
      <c r="I4" s="710"/>
      <c r="J4" s="710"/>
      <c r="K4" s="710"/>
      <c r="L4" s="710"/>
      <c r="M4" s="712"/>
      <c r="N4" s="703" t="s">
        <v>57</v>
      </c>
      <c r="O4" s="704"/>
      <c r="P4" s="704"/>
      <c r="Q4" s="704"/>
      <c r="R4" s="704"/>
      <c r="S4" s="704"/>
      <c r="T4" s="704"/>
      <c r="U4" s="704"/>
      <c r="V4" s="704"/>
      <c r="W4" s="704"/>
      <c r="X4" s="705"/>
      <c r="Y4" s="703" t="s">
        <v>58</v>
      </c>
      <c r="Z4" s="704"/>
      <c r="AA4" s="704"/>
      <c r="AB4" s="704"/>
      <c r="AC4" s="704"/>
      <c r="AD4" s="704"/>
      <c r="AE4" s="704"/>
      <c r="AF4" s="704"/>
      <c r="AG4" s="704"/>
      <c r="AH4" s="704"/>
      <c r="AI4" s="705"/>
      <c r="AJ4" s="703" t="s">
        <v>59</v>
      </c>
      <c r="AK4" s="704"/>
      <c r="AL4" s="704"/>
      <c r="AM4" s="704"/>
      <c r="AN4" s="704"/>
      <c r="AO4" s="704"/>
      <c r="AP4" s="704"/>
      <c r="AQ4" s="704"/>
      <c r="AR4" s="704"/>
      <c r="AS4" s="704"/>
      <c r="AT4" s="705"/>
      <c r="AU4" s="703" t="s">
        <v>150</v>
      </c>
      <c r="AV4" s="704"/>
      <c r="AW4" s="704"/>
      <c r="AX4" s="704"/>
      <c r="AY4" s="704"/>
      <c r="AZ4" s="704"/>
      <c r="BA4" s="704"/>
      <c r="BB4" s="704"/>
      <c r="BC4" s="704"/>
      <c r="BD4" s="704"/>
      <c r="BE4" s="705"/>
      <c r="BF4" s="703" t="s">
        <v>117</v>
      </c>
      <c r="BG4" s="704"/>
      <c r="BH4" s="704"/>
      <c r="BI4" s="704"/>
      <c r="BJ4" s="704"/>
      <c r="BK4" s="704"/>
      <c r="BL4" s="704"/>
      <c r="BM4" s="704"/>
      <c r="BN4" s="704"/>
      <c r="BO4" s="704"/>
      <c r="BP4" s="705"/>
      <c r="BQ4" s="703" t="s">
        <v>77</v>
      </c>
      <c r="BR4" s="704"/>
      <c r="BS4" s="704"/>
      <c r="BT4" s="704"/>
      <c r="BU4" s="704"/>
      <c r="BV4" s="704"/>
      <c r="BW4" s="704"/>
      <c r="BX4" s="704"/>
      <c r="BY4" s="704"/>
      <c r="BZ4" s="704"/>
      <c r="CA4" s="705"/>
      <c r="CB4" s="703" t="s">
        <v>78</v>
      </c>
      <c r="CC4" s="704"/>
      <c r="CD4" s="704"/>
      <c r="CE4" s="704"/>
      <c r="CF4" s="704"/>
      <c r="CG4" s="704"/>
      <c r="CH4" s="704"/>
      <c r="CI4" s="704"/>
      <c r="CJ4" s="704"/>
      <c r="CK4" s="704"/>
      <c r="CL4" s="705"/>
      <c r="CM4" s="703" t="s">
        <v>79</v>
      </c>
      <c r="CN4" s="704"/>
      <c r="CO4" s="704"/>
      <c r="CP4" s="704"/>
      <c r="CQ4" s="704"/>
      <c r="CR4" s="704"/>
      <c r="CS4" s="704"/>
      <c r="CT4" s="704"/>
      <c r="CU4" s="704"/>
      <c r="CV4" s="704"/>
      <c r="CW4" s="705"/>
      <c r="CX4" s="703" t="s">
        <v>151</v>
      </c>
      <c r="CY4" s="704"/>
      <c r="CZ4" s="704"/>
      <c r="DA4" s="704"/>
      <c r="DB4" s="704"/>
      <c r="DC4" s="704"/>
      <c r="DD4" s="704"/>
      <c r="DE4" s="704"/>
      <c r="DF4" s="704"/>
      <c r="DG4" s="704"/>
      <c r="DH4" s="705"/>
      <c r="DI4" s="709"/>
      <c r="DJ4" s="710"/>
      <c r="DK4" s="710"/>
      <c r="DL4" s="710"/>
      <c r="DM4" s="710"/>
      <c r="DN4" s="710"/>
      <c r="DO4" s="710"/>
      <c r="DP4" s="710"/>
      <c r="DQ4" s="710"/>
      <c r="DR4" s="710"/>
      <c r="DS4" s="711"/>
      <c r="DT4" s="703" t="s">
        <v>57</v>
      </c>
      <c r="DU4" s="704"/>
      <c r="DV4" s="704"/>
      <c r="DW4" s="704"/>
      <c r="DX4" s="704"/>
      <c r="DY4" s="704"/>
      <c r="DZ4" s="704"/>
      <c r="EA4" s="704"/>
      <c r="EB4" s="704"/>
      <c r="EC4" s="704"/>
      <c r="ED4" s="705"/>
      <c r="EE4" s="703" t="s">
        <v>58</v>
      </c>
      <c r="EF4" s="704"/>
      <c r="EG4" s="704"/>
      <c r="EH4" s="704"/>
      <c r="EI4" s="704"/>
      <c r="EJ4" s="704"/>
      <c r="EK4" s="704"/>
      <c r="EL4" s="704"/>
      <c r="EM4" s="704"/>
      <c r="EN4" s="704"/>
      <c r="EO4" s="705"/>
      <c r="EP4" s="703" t="s">
        <v>59</v>
      </c>
      <c r="EQ4" s="704"/>
      <c r="ER4" s="704"/>
      <c r="ES4" s="704"/>
      <c r="ET4" s="704"/>
      <c r="EU4" s="704"/>
      <c r="EV4" s="704"/>
      <c r="EW4" s="704"/>
      <c r="EX4" s="704"/>
      <c r="EY4" s="704"/>
      <c r="EZ4" s="705"/>
      <c r="FA4" s="703" t="s">
        <v>150</v>
      </c>
      <c r="FB4" s="704"/>
      <c r="FC4" s="704"/>
      <c r="FD4" s="704"/>
      <c r="FE4" s="704"/>
      <c r="FF4" s="704"/>
      <c r="FG4" s="704"/>
      <c r="FH4" s="704"/>
      <c r="FI4" s="704"/>
      <c r="FJ4" s="704"/>
      <c r="FK4" s="705"/>
      <c r="FL4" s="703" t="s">
        <v>117</v>
      </c>
      <c r="FM4" s="704"/>
      <c r="FN4" s="704"/>
      <c r="FO4" s="704"/>
      <c r="FP4" s="704"/>
      <c r="FQ4" s="704"/>
      <c r="FR4" s="704"/>
      <c r="FS4" s="704"/>
      <c r="FT4" s="704"/>
      <c r="FU4" s="704"/>
      <c r="FV4" s="705"/>
      <c r="FW4" s="703" t="s">
        <v>77</v>
      </c>
      <c r="FX4" s="704"/>
      <c r="FY4" s="704"/>
      <c r="FZ4" s="704"/>
      <c r="GA4" s="704"/>
      <c r="GB4" s="704"/>
      <c r="GC4" s="704"/>
      <c r="GD4" s="704"/>
      <c r="GE4" s="704"/>
      <c r="GF4" s="704"/>
      <c r="GG4" s="705"/>
      <c r="GH4" s="703" t="s">
        <v>78</v>
      </c>
      <c r="GI4" s="704"/>
      <c r="GJ4" s="704"/>
      <c r="GK4" s="704"/>
      <c r="GL4" s="704"/>
      <c r="GM4" s="704"/>
      <c r="GN4" s="704"/>
      <c r="GO4" s="704"/>
      <c r="GP4" s="704"/>
      <c r="GQ4" s="704"/>
      <c r="GR4" s="705"/>
      <c r="GS4" s="703" t="s">
        <v>79</v>
      </c>
      <c r="GT4" s="704"/>
      <c r="GU4" s="704"/>
      <c r="GV4" s="704"/>
      <c r="GW4" s="704"/>
      <c r="GX4" s="704"/>
      <c r="GY4" s="704"/>
      <c r="GZ4" s="704"/>
      <c r="HA4" s="704"/>
      <c r="HB4" s="704"/>
      <c r="HC4" s="705"/>
      <c r="HD4" s="703" t="s">
        <v>151</v>
      </c>
      <c r="HE4" s="704"/>
      <c r="HF4" s="704"/>
      <c r="HG4" s="704"/>
      <c r="HH4" s="704"/>
      <c r="HI4" s="704"/>
      <c r="HJ4" s="704"/>
      <c r="HK4" s="704"/>
      <c r="HL4" s="704"/>
      <c r="HM4" s="704"/>
      <c r="HN4" s="705"/>
      <c r="HO4" s="716"/>
      <c r="HP4" s="717"/>
      <c r="HQ4" s="717"/>
      <c r="HR4" s="717"/>
      <c r="HS4" s="717"/>
      <c r="HT4" s="717"/>
      <c r="HU4" s="717"/>
      <c r="HV4" s="717"/>
      <c r="HW4" s="717"/>
      <c r="HX4" s="717"/>
      <c r="HY4" s="718"/>
    </row>
    <row r="5" spans="2:233" ht="21" customHeight="1" x14ac:dyDescent="0.2">
      <c r="B5" s="729"/>
      <c r="C5" s="719" t="s">
        <v>61</v>
      </c>
      <c r="D5" s="720"/>
      <c r="E5" s="721"/>
      <c r="F5" s="722" t="s">
        <v>62</v>
      </c>
      <c r="G5" s="720"/>
      <c r="H5" s="720"/>
      <c r="I5" s="720"/>
      <c r="J5" s="720"/>
      <c r="K5" s="720"/>
      <c r="L5" s="723"/>
      <c r="M5" s="724" t="s">
        <v>52</v>
      </c>
      <c r="N5" s="709" t="s">
        <v>61</v>
      </c>
      <c r="O5" s="710"/>
      <c r="P5" s="711"/>
      <c r="Q5" s="726" t="s">
        <v>62</v>
      </c>
      <c r="R5" s="710"/>
      <c r="S5" s="710"/>
      <c r="T5" s="710"/>
      <c r="U5" s="710"/>
      <c r="V5" s="710"/>
      <c r="W5" s="727"/>
      <c r="X5" s="644" t="s">
        <v>52</v>
      </c>
      <c r="Y5" s="709" t="s">
        <v>61</v>
      </c>
      <c r="Z5" s="710"/>
      <c r="AA5" s="711"/>
      <c r="AB5" s="726" t="s">
        <v>62</v>
      </c>
      <c r="AC5" s="710"/>
      <c r="AD5" s="710"/>
      <c r="AE5" s="710"/>
      <c r="AF5" s="710"/>
      <c r="AG5" s="710"/>
      <c r="AH5" s="727"/>
      <c r="AI5" s="644" t="s">
        <v>52</v>
      </c>
      <c r="AJ5" s="709" t="s">
        <v>61</v>
      </c>
      <c r="AK5" s="710"/>
      <c r="AL5" s="711"/>
      <c r="AM5" s="726" t="s">
        <v>62</v>
      </c>
      <c r="AN5" s="710"/>
      <c r="AO5" s="710"/>
      <c r="AP5" s="710"/>
      <c r="AQ5" s="710"/>
      <c r="AR5" s="710"/>
      <c r="AS5" s="727"/>
      <c r="AT5" s="644" t="s">
        <v>52</v>
      </c>
      <c r="AU5" s="709" t="s">
        <v>61</v>
      </c>
      <c r="AV5" s="710"/>
      <c r="AW5" s="711"/>
      <c r="AX5" s="726" t="s">
        <v>62</v>
      </c>
      <c r="AY5" s="710"/>
      <c r="AZ5" s="710"/>
      <c r="BA5" s="710"/>
      <c r="BB5" s="710"/>
      <c r="BC5" s="710"/>
      <c r="BD5" s="727"/>
      <c r="BE5" s="644" t="s">
        <v>52</v>
      </c>
      <c r="BF5" s="709" t="s">
        <v>61</v>
      </c>
      <c r="BG5" s="710"/>
      <c r="BH5" s="711"/>
      <c r="BI5" s="726" t="s">
        <v>62</v>
      </c>
      <c r="BJ5" s="710"/>
      <c r="BK5" s="710"/>
      <c r="BL5" s="710"/>
      <c r="BM5" s="710"/>
      <c r="BN5" s="710"/>
      <c r="BO5" s="727"/>
      <c r="BP5" s="644" t="s">
        <v>52</v>
      </c>
      <c r="BQ5" s="709" t="s">
        <v>61</v>
      </c>
      <c r="BR5" s="710"/>
      <c r="BS5" s="711"/>
      <c r="BT5" s="726" t="s">
        <v>62</v>
      </c>
      <c r="BU5" s="710"/>
      <c r="BV5" s="710"/>
      <c r="BW5" s="710"/>
      <c r="BX5" s="710"/>
      <c r="BY5" s="710"/>
      <c r="BZ5" s="727"/>
      <c r="CA5" s="644" t="s">
        <v>52</v>
      </c>
      <c r="CB5" s="709" t="s">
        <v>61</v>
      </c>
      <c r="CC5" s="710"/>
      <c r="CD5" s="711"/>
      <c r="CE5" s="726" t="s">
        <v>62</v>
      </c>
      <c r="CF5" s="710"/>
      <c r="CG5" s="710"/>
      <c r="CH5" s="710"/>
      <c r="CI5" s="710"/>
      <c r="CJ5" s="710"/>
      <c r="CK5" s="727"/>
      <c r="CL5" s="644" t="s">
        <v>52</v>
      </c>
      <c r="CM5" s="709" t="s">
        <v>61</v>
      </c>
      <c r="CN5" s="710"/>
      <c r="CO5" s="711"/>
      <c r="CP5" s="726" t="s">
        <v>62</v>
      </c>
      <c r="CQ5" s="710"/>
      <c r="CR5" s="710"/>
      <c r="CS5" s="710"/>
      <c r="CT5" s="710"/>
      <c r="CU5" s="710"/>
      <c r="CV5" s="727"/>
      <c r="CW5" s="644" t="s">
        <v>52</v>
      </c>
      <c r="CX5" s="709" t="s">
        <v>61</v>
      </c>
      <c r="CY5" s="710"/>
      <c r="CZ5" s="711"/>
      <c r="DA5" s="726" t="s">
        <v>62</v>
      </c>
      <c r="DB5" s="710"/>
      <c r="DC5" s="710"/>
      <c r="DD5" s="710"/>
      <c r="DE5" s="710"/>
      <c r="DF5" s="710"/>
      <c r="DG5" s="727"/>
      <c r="DH5" s="644" t="s">
        <v>52</v>
      </c>
      <c r="DI5" s="719" t="s">
        <v>61</v>
      </c>
      <c r="DJ5" s="720"/>
      <c r="DK5" s="721"/>
      <c r="DL5" s="722" t="s">
        <v>62</v>
      </c>
      <c r="DM5" s="720"/>
      <c r="DN5" s="720"/>
      <c r="DO5" s="720"/>
      <c r="DP5" s="720"/>
      <c r="DQ5" s="720"/>
      <c r="DR5" s="723"/>
      <c r="DS5" s="731" t="s">
        <v>52</v>
      </c>
      <c r="DT5" s="709" t="s">
        <v>61</v>
      </c>
      <c r="DU5" s="710"/>
      <c r="DV5" s="711"/>
      <c r="DW5" s="726" t="s">
        <v>62</v>
      </c>
      <c r="DX5" s="710"/>
      <c r="DY5" s="710"/>
      <c r="DZ5" s="710"/>
      <c r="EA5" s="710"/>
      <c r="EB5" s="710"/>
      <c r="EC5" s="727"/>
      <c r="ED5" s="644" t="s">
        <v>52</v>
      </c>
      <c r="EE5" s="709" t="s">
        <v>61</v>
      </c>
      <c r="EF5" s="710"/>
      <c r="EG5" s="711"/>
      <c r="EH5" s="726" t="s">
        <v>62</v>
      </c>
      <c r="EI5" s="710"/>
      <c r="EJ5" s="710"/>
      <c r="EK5" s="710"/>
      <c r="EL5" s="710"/>
      <c r="EM5" s="710"/>
      <c r="EN5" s="727"/>
      <c r="EO5" s="644" t="s">
        <v>52</v>
      </c>
      <c r="EP5" s="709" t="s">
        <v>61</v>
      </c>
      <c r="EQ5" s="710"/>
      <c r="ER5" s="711"/>
      <c r="ES5" s="726" t="s">
        <v>62</v>
      </c>
      <c r="ET5" s="710"/>
      <c r="EU5" s="710"/>
      <c r="EV5" s="710"/>
      <c r="EW5" s="710"/>
      <c r="EX5" s="710"/>
      <c r="EY5" s="727"/>
      <c r="EZ5" s="644" t="s">
        <v>52</v>
      </c>
      <c r="FA5" s="709" t="s">
        <v>61</v>
      </c>
      <c r="FB5" s="710"/>
      <c r="FC5" s="711"/>
      <c r="FD5" s="726" t="s">
        <v>62</v>
      </c>
      <c r="FE5" s="710"/>
      <c r="FF5" s="710"/>
      <c r="FG5" s="710"/>
      <c r="FH5" s="710"/>
      <c r="FI5" s="710"/>
      <c r="FJ5" s="727"/>
      <c r="FK5" s="644" t="s">
        <v>52</v>
      </c>
      <c r="FL5" s="709" t="s">
        <v>61</v>
      </c>
      <c r="FM5" s="710"/>
      <c r="FN5" s="711"/>
      <c r="FO5" s="726" t="s">
        <v>62</v>
      </c>
      <c r="FP5" s="710"/>
      <c r="FQ5" s="710"/>
      <c r="FR5" s="710"/>
      <c r="FS5" s="710"/>
      <c r="FT5" s="710"/>
      <c r="FU5" s="727"/>
      <c r="FV5" s="644" t="s">
        <v>52</v>
      </c>
      <c r="FW5" s="709" t="s">
        <v>61</v>
      </c>
      <c r="FX5" s="710"/>
      <c r="FY5" s="711"/>
      <c r="FZ5" s="726" t="s">
        <v>62</v>
      </c>
      <c r="GA5" s="710"/>
      <c r="GB5" s="710"/>
      <c r="GC5" s="710"/>
      <c r="GD5" s="710"/>
      <c r="GE5" s="710"/>
      <c r="GF5" s="727"/>
      <c r="GG5" s="644" t="s">
        <v>52</v>
      </c>
      <c r="GH5" s="709" t="s">
        <v>61</v>
      </c>
      <c r="GI5" s="710"/>
      <c r="GJ5" s="711"/>
      <c r="GK5" s="726" t="s">
        <v>62</v>
      </c>
      <c r="GL5" s="710"/>
      <c r="GM5" s="710"/>
      <c r="GN5" s="710"/>
      <c r="GO5" s="710"/>
      <c r="GP5" s="710"/>
      <c r="GQ5" s="727"/>
      <c r="GR5" s="644" t="s">
        <v>52</v>
      </c>
      <c r="GS5" s="709" t="s">
        <v>61</v>
      </c>
      <c r="GT5" s="710"/>
      <c r="GU5" s="711"/>
      <c r="GV5" s="726" t="s">
        <v>62</v>
      </c>
      <c r="GW5" s="710"/>
      <c r="GX5" s="710"/>
      <c r="GY5" s="710"/>
      <c r="GZ5" s="710"/>
      <c r="HA5" s="710"/>
      <c r="HB5" s="727"/>
      <c r="HC5" s="644" t="s">
        <v>52</v>
      </c>
      <c r="HD5" s="709" t="s">
        <v>61</v>
      </c>
      <c r="HE5" s="710"/>
      <c r="HF5" s="711"/>
      <c r="HG5" s="726" t="s">
        <v>62</v>
      </c>
      <c r="HH5" s="710"/>
      <c r="HI5" s="710"/>
      <c r="HJ5" s="710"/>
      <c r="HK5" s="710"/>
      <c r="HL5" s="710"/>
      <c r="HM5" s="727"/>
      <c r="HN5" s="644" t="s">
        <v>52</v>
      </c>
      <c r="HO5" s="709" t="s">
        <v>61</v>
      </c>
      <c r="HP5" s="710"/>
      <c r="HQ5" s="711"/>
      <c r="HR5" s="726" t="s">
        <v>62</v>
      </c>
      <c r="HS5" s="710"/>
      <c r="HT5" s="710"/>
      <c r="HU5" s="710"/>
      <c r="HV5" s="710"/>
      <c r="HW5" s="710"/>
      <c r="HX5" s="727"/>
      <c r="HY5" s="644" t="s">
        <v>52</v>
      </c>
    </row>
    <row r="6" spans="2:233" ht="30" customHeight="1" thickBot="1" x14ac:dyDescent="0.25">
      <c r="B6" s="730"/>
      <c r="C6" s="345" t="s">
        <v>119</v>
      </c>
      <c r="D6" s="346" t="s">
        <v>44</v>
      </c>
      <c r="E6" s="353" t="s">
        <v>45</v>
      </c>
      <c r="F6" s="354" t="s">
        <v>83</v>
      </c>
      <c r="G6" s="346" t="s">
        <v>47</v>
      </c>
      <c r="H6" s="346" t="s">
        <v>48</v>
      </c>
      <c r="I6" s="346" t="s">
        <v>49</v>
      </c>
      <c r="J6" s="346" t="s">
        <v>50</v>
      </c>
      <c r="K6" s="346" t="s">
        <v>51</v>
      </c>
      <c r="L6" s="355" t="s">
        <v>45</v>
      </c>
      <c r="M6" s="725"/>
      <c r="N6" s="345" t="s">
        <v>119</v>
      </c>
      <c r="O6" s="346" t="s">
        <v>44</v>
      </c>
      <c r="P6" s="353" t="s">
        <v>45</v>
      </c>
      <c r="Q6" s="354" t="s">
        <v>83</v>
      </c>
      <c r="R6" s="346" t="s">
        <v>47</v>
      </c>
      <c r="S6" s="346" t="s">
        <v>48</v>
      </c>
      <c r="T6" s="346" t="s">
        <v>49</v>
      </c>
      <c r="U6" s="346" t="s">
        <v>50</v>
      </c>
      <c r="V6" s="346" t="s">
        <v>51</v>
      </c>
      <c r="W6" s="355" t="s">
        <v>45</v>
      </c>
      <c r="X6" s="725"/>
      <c r="Y6" s="345" t="s">
        <v>119</v>
      </c>
      <c r="Z6" s="346" t="s">
        <v>44</v>
      </c>
      <c r="AA6" s="353" t="s">
        <v>45</v>
      </c>
      <c r="AB6" s="354" t="s">
        <v>83</v>
      </c>
      <c r="AC6" s="346" t="s">
        <v>47</v>
      </c>
      <c r="AD6" s="346" t="s">
        <v>48</v>
      </c>
      <c r="AE6" s="346" t="s">
        <v>49</v>
      </c>
      <c r="AF6" s="346" t="s">
        <v>50</v>
      </c>
      <c r="AG6" s="346" t="s">
        <v>51</v>
      </c>
      <c r="AH6" s="355" t="s">
        <v>45</v>
      </c>
      <c r="AI6" s="725"/>
      <c r="AJ6" s="345" t="s">
        <v>119</v>
      </c>
      <c r="AK6" s="346" t="s">
        <v>44</v>
      </c>
      <c r="AL6" s="353" t="s">
        <v>45</v>
      </c>
      <c r="AM6" s="354" t="s">
        <v>83</v>
      </c>
      <c r="AN6" s="346" t="s">
        <v>47</v>
      </c>
      <c r="AO6" s="346" t="s">
        <v>48</v>
      </c>
      <c r="AP6" s="346" t="s">
        <v>49</v>
      </c>
      <c r="AQ6" s="346" t="s">
        <v>50</v>
      </c>
      <c r="AR6" s="346" t="s">
        <v>51</v>
      </c>
      <c r="AS6" s="355" t="s">
        <v>45</v>
      </c>
      <c r="AT6" s="725"/>
      <c r="AU6" s="345" t="s">
        <v>119</v>
      </c>
      <c r="AV6" s="346" t="s">
        <v>44</v>
      </c>
      <c r="AW6" s="353" t="s">
        <v>45</v>
      </c>
      <c r="AX6" s="354" t="s">
        <v>83</v>
      </c>
      <c r="AY6" s="346" t="s">
        <v>47</v>
      </c>
      <c r="AZ6" s="346" t="s">
        <v>48</v>
      </c>
      <c r="BA6" s="346" t="s">
        <v>49</v>
      </c>
      <c r="BB6" s="346" t="s">
        <v>50</v>
      </c>
      <c r="BC6" s="346" t="s">
        <v>51</v>
      </c>
      <c r="BD6" s="355" t="s">
        <v>45</v>
      </c>
      <c r="BE6" s="725"/>
      <c r="BF6" s="345" t="s">
        <v>119</v>
      </c>
      <c r="BG6" s="346" t="s">
        <v>44</v>
      </c>
      <c r="BH6" s="353" t="s">
        <v>45</v>
      </c>
      <c r="BI6" s="354" t="s">
        <v>83</v>
      </c>
      <c r="BJ6" s="346" t="s">
        <v>47</v>
      </c>
      <c r="BK6" s="346" t="s">
        <v>48</v>
      </c>
      <c r="BL6" s="346" t="s">
        <v>49</v>
      </c>
      <c r="BM6" s="346" t="s">
        <v>50</v>
      </c>
      <c r="BN6" s="346" t="s">
        <v>51</v>
      </c>
      <c r="BO6" s="355" t="s">
        <v>45</v>
      </c>
      <c r="BP6" s="725"/>
      <c r="BQ6" s="345" t="s">
        <v>119</v>
      </c>
      <c r="BR6" s="346" t="s">
        <v>44</v>
      </c>
      <c r="BS6" s="353" t="s">
        <v>45</v>
      </c>
      <c r="BT6" s="354" t="s">
        <v>83</v>
      </c>
      <c r="BU6" s="346" t="s">
        <v>47</v>
      </c>
      <c r="BV6" s="346" t="s">
        <v>48</v>
      </c>
      <c r="BW6" s="346" t="s">
        <v>49</v>
      </c>
      <c r="BX6" s="346" t="s">
        <v>50</v>
      </c>
      <c r="BY6" s="346" t="s">
        <v>51</v>
      </c>
      <c r="BZ6" s="355" t="s">
        <v>45</v>
      </c>
      <c r="CA6" s="725"/>
      <c r="CB6" s="345" t="s">
        <v>119</v>
      </c>
      <c r="CC6" s="346" t="s">
        <v>44</v>
      </c>
      <c r="CD6" s="353" t="s">
        <v>45</v>
      </c>
      <c r="CE6" s="354" t="s">
        <v>83</v>
      </c>
      <c r="CF6" s="346" t="s">
        <v>47</v>
      </c>
      <c r="CG6" s="346" t="s">
        <v>48</v>
      </c>
      <c r="CH6" s="346" t="s">
        <v>49</v>
      </c>
      <c r="CI6" s="346" t="s">
        <v>50</v>
      </c>
      <c r="CJ6" s="346" t="s">
        <v>51</v>
      </c>
      <c r="CK6" s="355" t="s">
        <v>45</v>
      </c>
      <c r="CL6" s="725"/>
      <c r="CM6" s="345" t="s">
        <v>119</v>
      </c>
      <c r="CN6" s="346" t="s">
        <v>44</v>
      </c>
      <c r="CO6" s="353" t="s">
        <v>45</v>
      </c>
      <c r="CP6" s="354" t="s">
        <v>83</v>
      </c>
      <c r="CQ6" s="346" t="s">
        <v>47</v>
      </c>
      <c r="CR6" s="346" t="s">
        <v>48</v>
      </c>
      <c r="CS6" s="346" t="s">
        <v>49</v>
      </c>
      <c r="CT6" s="346" t="s">
        <v>50</v>
      </c>
      <c r="CU6" s="346" t="s">
        <v>51</v>
      </c>
      <c r="CV6" s="355" t="s">
        <v>45</v>
      </c>
      <c r="CW6" s="725"/>
      <c r="CX6" s="345" t="s">
        <v>119</v>
      </c>
      <c r="CY6" s="346" t="s">
        <v>44</v>
      </c>
      <c r="CZ6" s="353" t="s">
        <v>45</v>
      </c>
      <c r="DA6" s="354" t="s">
        <v>83</v>
      </c>
      <c r="DB6" s="346" t="s">
        <v>47</v>
      </c>
      <c r="DC6" s="346" t="s">
        <v>48</v>
      </c>
      <c r="DD6" s="346" t="s">
        <v>49</v>
      </c>
      <c r="DE6" s="346" t="s">
        <v>50</v>
      </c>
      <c r="DF6" s="346" t="s">
        <v>51</v>
      </c>
      <c r="DG6" s="355" t="s">
        <v>45</v>
      </c>
      <c r="DH6" s="725"/>
      <c r="DI6" s="345" t="s">
        <v>119</v>
      </c>
      <c r="DJ6" s="346" t="s">
        <v>44</v>
      </c>
      <c r="DK6" s="353" t="s">
        <v>45</v>
      </c>
      <c r="DL6" s="354" t="s">
        <v>83</v>
      </c>
      <c r="DM6" s="346" t="s">
        <v>47</v>
      </c>
      <c r="DN6" s="346" t="s">
        <v>48</v>
      </c>
      <c r="DO6" s="346" t="s">
        <v>49</v>
      </c>
      <c r="DP6" s="346" t="s">
        <v>50</v>
      </c>
      <c r="DQ6" s="346" t="s">
        <v>51</v>
      </c>
      <c r="DR6" s="355" t="s">
        <v>45</v>
      </c>
      <c r="DS6" s="732"/>
      <c r="DT6" s="345" t="s">
        <v>119</v>
      </c>
      <c r="DU6" s="346" t="s">
        <v>44</v>
      </c>
      <c r="DV6" s="353" t="s">
        <v>45</v>
      </c>
      <c r="DW6" s="354" t="s">
        <v>83</v>
      </c>
      <c r="DX6" s="346" t="s">
        <v>47</v>
      </c>
      <c r="DY6" s="346" t="s">
        <v>48</v>
      </c>
      <c r="DZ6" s="346" t="s">
        <v>49</v>
      </c>
      <c r="EA6" s="346" t="s">
        <v>50</v>
      </c>
      <c r="EB6" s="346" t="s">
        <v>51</v>
      </c>
      <c r="EC6" s="355" t="s">
        <v>45</v>
      </c>
      <c r="ED6" s="725"/>
      <c r="EE6" s="345" t="s">
        <v>119</v>
      </c>
      <c r="EF6" s="346" t="s">
        <v>44</v>
      </c>
      <c r="EG6" s="353" t="s">
        <v>45</v>
      </c>
      <c r="EH6" s="354" t="s">
        <v>83</v>
      </c>
      <c r="EI6" s="346" t="s">
        <v>47</v>
      </c>
      <c r="EJ6" s="346" t="s">
        <v>48</v>
      </c>
      <c r="EK6" s="346" t="s">
        <v>49</v>
      </c>
      <c r="EL6" s="346" t="s">
        <v>50</v>
      </c>
      <c r="EM6" s="346" t="s">
        <v>51</v>
      </c>
      <c r="EN6" s="355" t="s">
        <v>45</v>
      </c>
      <c r="EO6" s="725"/>
      <c r="EP6" s="345" t="s">
        <v>119</v>
      </c>
      <c r="EQ6" s="346" t="s">
        <v>44</v>
      </c>
      <c r="ER6" s="353" t="s">
        <v>45</v>
      </c>
      <c r="ES6" s="354" t="s">
        <v>83</v>
      </c>
      <c r="ET6" s="346" t="s">
        <v>47</v>
      </c>
      <c r="EU6" s="346" t="s">
        <v>48</v>
      </c>
      <c r="EV6" s="346" t="s">
        <v>49</v>
      </c>
      <c r="EW6" s="346" t="s">
        <v>50</v>
      </c>
      <c r="EX6" s="346" t="s">
        <v>51</v>
      </c>
      <c r="EY6" s="355" t="s">
        <v>45</v>
      </c>
      <c r="EZ6" s="725"/>
      <c r="FA6" s="345" t="s">
        <v>119</v>
      </c>
      <c r="FB6" s="346" t="s">
        <v>44</v>
      </c>
      <c r="FC6" s="353" t="s">
        <v>45</v>
      </c>
      <c r="FD6" s="354" t="s">
        <v>83</v>
      </c>
      <c r="FE6" s="346" t="s">
        <v>47</v>
      </c>
      <c r="FF6" s="346" t="s">
        <v>48</v>
      </c>
      <c r="FG6" s="346" t="s">
        <v>49</v>
      </c>
      <c r="FH6" s="346" t="s">
        <v>50</v>
      </c>
      <c r="FI6" s="346" t="s">
        <v>51</v>
      </c>
      <c r="FJ6" s="355" t="s">
        <v>45</v>
      </c>
      <c r="FK6" s="725"/>
      <c r="FL6" s="345" t="s">
        <v>119</v>
      </c>
      <c r="FM6" s="346" t="s">
        <v>44</v>
      </c>
      <c r="FN6" s="353" t="s">
        <v>45</v>
      </c>
      <c r="FO6" s="354" t="s">
        <v>83</v>
      </c>
      <c r="FP6" s="346" t="s">
        <v>47</v>
      </c>
      <c r="FQ6" s="346" t="s">
        <v>48</v>
      </c>
      <c r="FR6" s="346" t="s">
        <v>49</v>
      </c>
      <c r="FS6" s="346" t="s">
        <v>50</v>
      </c>
      <c r="FT6" s="346" t="s">
        <v>51</v>
      </c>
      <c r="FU6" s="355" t="s">
        <v>45</v>
      </c>
      <c r="FV6" s="725"/>
      <c r="FW6" s="345" t="s">
        <v>119</v>
      </c>
      <c r="FX6" s="346" t="s">
        <v>44</v>
      </c>
      <c r="FY6" s="353" t="s">
        <v>45</v>
      </c>
      <c r="FZ6" s="354" t="s">
        <v>83</v>
      </c>
      <c r="GA6" s="346" t="s">
        <v>47</v>
      </c>
      <c r="GB6" s="346" t="s">
        <v>48</v>
      </c>
      <c r="GC6" s="346" t="s">
        <v>49</v>
      </c>
      <c r="GD6" s="346" t="s">
        <v>50</v>
      </c>
      <c r="GE6" s="346" t="s">
        <v>51</v>
      </c>
      <c r="GF6" s="355" t="s">
        <v>45</v>
      </c>
      <c r="GG6" s="725"/>
      <c r="GH6" s="345" t="s">
        <v>119</v>
      </c>
      <c r="GI6" s="346" t="s">
        <v>44</v>
      </c>
      <c r="GJ6" s="353" t="s">
        <v>45</v>
      </c>
      <c r="GK6" s="354" t="s">
        <v>83</v>
      </c>
      <c r="GL6" s="346" t="s">
        <v>47</v>
      </c>
      <c r="GM6" s="346" t="s">
        <v>48</v>
      </c>
      <c r="GN6" s="346" t="s">
        <v>49</v>
      </c>
      <c r="GO6" s="346" t="s">
        <v>50</v>
      </c>
      <c r="GP6" s="346" t="s">
        <v>51</v>
      </c>
      <c r="GQ6" s="355" t="s">
        <v>45</v>
      </c>
      <c r="GR6" s="725"/>
      <c r="GS6" s="345" t="s">
        <v>119</v>
      </c>
      <c r="GT6" s="346" t="s">
        <v>44</v>
      </c>
      <c r="GU6" s="353" t="s">
        <v>45</v>
      </c>
      <c r="GV6" s="354" t="s">
        <v>83</v>
      </c>
      <c r="GW6" s="346" t="s">
        <v>47</v>
      </c>
      <c r="GX6" s="346" t="s">
        <v>48</v>
      </c>
      <c r="GY6" s="346" t="s">
        <v>49</v>
      </c>
      <c r="GZ6" s="346" t="s">
        <v>50</v>
      </c>
      <c r="HA6" s="346" t="s">
        <v>51</v>
      </c>
      <c r="HB6" s="355" t="s">
        <v>45</v>
      </c>
      <c r="HC6" s="725"/>
      <c r="HD6" s="345" t="s">
        <v>119</v>
      </c>
      <c r="HE6" s="346" t="s">
        <v>44</v>
      </c>
      <c r="HF6" s="353" t="s">
        <v>45</v>
      </c>
      <c r="HG6" s="354" t="s">
        <v>83</v>
      </c>
      <c r="HH6" s="346" t="s">
        <v>47</v>
      </c>
      <c r="HI6" s="346" t="s">
        <v>48</v>
      </c>
      <c r="HJ6" s="346" t="s">
        <v>49</v>
      </c>
      <c r="HK6" s="346" t="s">
        <v>50</v>
      </c>
      <c r="HL6" s="346" t="s">
        <v>51</v>
      </c>
      <c r="HM6" s="355" t="s">
        <v>45</v>
      </c>
      <c r="HN6" s="725"/>
      <c r="HO6" s="345" t="s">
        <v>119</v>
      </c>
      <c r="HP6" s="346" t="s">
        <v>44</v>
      </c>
      <c r="HQ6" s="353" t="s">
        <v>45</v>
      </c>
      <c r="HR6" s="354" t="s">
        <v>83</v>
      </c>
      <c r="HS6" s="346" t="s">
        <v>47</v>
      </c>
      <c r="HT6" s="346" t="s">
        <v>48</v>
      </c>
      <c r="HU6" s="346" t="s">
        <v>49</v>
      </c>
      <c r="HV6" s="346" t="s">
        <v>50</v>
      </c>
      <c r="HW6" s="346" t="s">
        <v>51</v>
      </c>
      <c r="HX6" s="355" t="s">
        <v>45</v>
      </c>
      <c r="HY6" s="725"/>
    </row>
    <row r="7" spans="2:233" s="459" customFormat="1" ht="21" customHeight="1" x14ac:dyDescent="0.2">
      <c r="B7" s="470" t="s">
        <v>4</v>
      </c>
      <c r="C7" s="451">
        <v>36155</v>
      </c>
      <c r="D7" s="452">
        <v>120904</v>
      </c>
      <c r="E7" s="453">
        <v>157059</v>
      </c>
      <c r="F7" s="454">
        <v>0</v>
      </c>
      <c r="G7" s="452">
        <v>17270357</v>
      </c>
      <c r="H7" s="452">
        <v>38156763</v>
      </c>
      <c r="I7" s="452">
        <v>115627517</v>
      </c>
      <c r="J7" s="452">
        <v>156072505</v>
      </c>
      <c r="K7" s="452">
        <v>99455785</v>
      </c>
      <c r="L7" s="455">
        <v>426582927</v>
      </c>
      <c r="M7" s="456">
        <v>426739986</v>
      </c>
      <c r="N7" s="451">
        <v>0</v>
      </c>
      <c r="O7" s="452">
        <v>0</v>
      </c>
      <c r="P7" s="453">
        <v>0</v>
      </c>
      <c r="Q7" s="457"/>
      <c r="R7" s="452">
        <v>4626179</v>
      </c>
      <c r="S7" s="452">
        <v>13431664</v>
      </c>
      <c r="T7" s="452">
        <v>78722711</v>
      </c>
      <c r="U7" s="452">
        <v>114793009</v>
      </c>
      <c r="V7" s="452">
        <v>75643466</v>
      </c>
      <c r="W7" s="455">
        <v>287217029</v>
      </c>
      <c r="X7" s="456">
        <v>287217029</v>
      </c>
      <c r="Y7" s="451">
        <v>0</v>
      </c>
      <c r="Z7" s="452">
        <v>0</v>
      </c>
      <c r="AA7" s="453">
        <v>0</v>
      </c>
      <c r="AB7" s="457"/>
      <c r="AC7" s="452">
        <v>10495703</v>
      </c>
      <c r="AD7" s="452">
        <v>20459874</v>
      </c>
      <c r="AE7" s="452">
        <v>27026219</v>
      </c>
      <c r="AF7" s="452">
        <v>30093766</v>
      </c>
      <c r="AG7" s="452">
        <v>14757727</v>
      </c>
      <c r="AH7" s="455">
        <v>102833289</v>
      </c>
      <c r="AI7" s="456">
        <v>102833289</v>
      </c>
      <c r="AJ7" s="451">
        <v>0</v>
      </c>
      <c r="AK7" s="452">
        <v>0</v>
      </c>
      <c r="AL7" s="453">
        <v>0</v>
      </c>
      <c r="AM7" s="457"/>
      <c r="AN7" s="452">
        <v>0</v>
      </c>
      <c r="AO7" s="452">
        <v>5565</v>
      </c>
      <c r="AP7" s="452">
        <v>70335</v>
      </c>
      <c r="AQ7" s="452">
        <v>678575</v>
      </c>
      <c r="AR7" s="452">
        <v>657695</v>
      </c>
      <c r="AS7" s="455">
        <v>1412170</v>
      </c>
      <c r="AT7" s="456">
        <v>1412170</v>
      </c>
      <c r="AU7" s="451">
        <v>0</v>
      </c>
      <c r="AV7" s="452">
        <v>0</v>
      </c>
      <c r="AW7" s="453">
        <v>0</v>
      </c>
      <c r="AX7" s="457"/>
      <c r="AY7" s="452">
        <v>246235</v>
      </c>
      <c r="AZ7" s="452">
        <v>175095</v>
      </c>
      <c r="BA7" s="452">
        <v>587070</v>
      </c>
      <c r="BB7" s="452">
        <v>1846845</v>
      </c>
      <c r="BC7" s="452">
        <v>3064060</v>
      </c>
      <c r="BD7" s="455">
        <v>5919305</v>
      </c>
      <c r="BE7" s="456">
        <v>5919305</v>
      </c>
      <c r="BF7" s="451">
        <v>0</v>
      </c>
      <c r="BG7" s="452">
        <v>0</v>
      </c>
      <c r="BH7" s="453">
        <v>0</v>
      </c>
      <c r="BI7" s="457"/>
      <c r="BJ7" s="452">
        <v>94800</v>
      </c>
      <c r="BK7" s="452">
        <v>320560</v>
      </c>
      <c r="BL7" s="452">
        <v>1558480</v>
      </c>
      <c r="BM7" s="452">
        <v>1722970</v>
      </c>
      <c r="BN7" s="452">
        <v>1404325</v>
      </c>
      <c r="BO7" s="455">
        <v>5101135</v>
      </c>
      <c r="BP7" s="456">
        <v>5101135</v>
      </c>
      <c r="BQ7" s="451">
        <v>36155</v>
      </c>
      <c r="BR7" s="452">
        <v>117260</v>
      </c>
      <c r="BS7" s="453">
        <v>153415</v>
      </c>
      <c r="BT7" s="454">
        <v>0</v>
      </c>
      <c r="BU7" s="452">
        <v>1701303</v>
      </c>
      <c r="BV7" s="452">
        <v>3528513</v>
      </c>
      <c r="BW7" s="452">
        <v>7322341</v>
      </c>
      <c r="BX7" s="452">
        <v>6580692</v>
      </c>
      <c r="BY7" s="452">
        <v>3650839</v>
      </c>
      <c r="BZ7" s="455">
        <v>22783688</v>
      </c>
      <c r="CA7" s="456">
        <v>22937103</v>
      </c>
      <c r="CB7" s="451">
        <v>0</v>
      </c>
      <c r="CC7" s="452">
        <v>3644</v>
      </c>
      <c r="CD7" s="453">
        <v>3644</v>
      </c>
      <c r="CE7" s="454">
        <v>0</v>
      </c>
      <c r="CF7" s="452">
        <v>106137</v>
      </c>
      <c r="CG7" s="452">
        <v>235492</v>
      </c>
      <c r="CH7" s="452">
        <v>340361</v>
      </c>
      <c r="CI7" s="452">
        <v>356648</v>
      </c>
      <c r="CJ7" s="452">
        <v>277673</v>
      </c>
      <c r="CK7" s="455">
        <v>1316311</v>
      </c>
      <c r="CL7" s="456">
        <v>1319955</v>
      </c>
      <c r="CM7" s="451">
        <v>0</v>
      </c>
      <c r="CN7" s="452">
        <v>0</v>
      </c>
      <c r="CO7" s="453">
        <v>0</v>
      </c>
      <c r="CP7" s="454">
        <v>0</v>
      </c>
      <c r="CQ7" s="452">
        <v>0</v>
      </c>
      <c r="CR7" s="452">
        <v>0</v>
      </c>
      <c r="CS7" s="452">
        <v>0</v>
      </c>
      <c r="CT7" s="452">
        <v>0</v>
      </c>
      <c r="CU7" s="452">
        <v>0</v>
      </c>
      <c r="CV7" s="455">
        <v>0</v>
      </c>
      <c r="CW7" s="456">
        <v>0</v>
      </c>
      <c r="CX7" s="451">
        <v>0</v>
      </c>
      <c r="CY7" s="452">
        <v>0</v>
      </c>
      <c r="CZ7" s="453">
        <v>0</v>
      </c>
      <c r="DA7" s="457"/>
      <c r="DB7" s="452">
        <v>0</v>
      </c>
      <c r="DC7" s="452">
        <v>0</v>
      </c>
      <c r="DD7" s="452">
        <v>0</v>
      </c>
      <c r="DE7" s="452">
        <v>0</v>
      </c>
      <c r="DF7" s="452">
        <v>0</v>
      </c>
      <c r="DG7" s="455">
        <v>0</v>
      </c>
      <c r="DH7" s="456">
        <v>0</v>
      </c>
      <c r="DI7" s="451">
        <v>51113</v>
      </c>
      <c r="DJ7" s="452">
        <v>204620</v>
      </c>
      <c r="DK7" s="453">
        <v>255733</v>
      </c>
      <c r="DL7" s="454">
        <v>0</v>
      </c>
      <c r="DM7" s="452">
        <v>11164492</v>
      </c>
      <c r="DN7" s="452">
        <v>30834335</v>
      </c>
      <c r="DO7" s="452">
        <v>124600817</v>
      </c>
      <c r="DP7" s="452">
        <v>164832189</v>
      </c>
      <c r="DQ7" s="452">
        <v>102996094</v>
      </c>
      <c r="DR7" s="455">
        <v>434427927</v>
      </c>
      <c r="DS7" s="458">
        <v>434683660</v>
      </c>
      <c r="DT7" s="451">
        <v>0</v>
      </c>
      <c r="DU7" s="452">
        <v>0</v>
      </c>
      <c r="DV7" s="453">
        <v>0</v>
      </c>
      <c r="DW7" s="457"/>
      <c r="DX7" s="452">
        <v>5805752</v>
      </c>
      <c r="DY7" s="452">
        <v>19335789</v>
      </c>
      <c r="DZ7" s="452">
        <v>103854962</v>
      </c>
      <c r="EA7" s="452">
        <v>143935633</v>
      </c>
      <c r="EB7" s="452">
        <v>90807795</v>
      </c>
      <c r="EC7" s="455">
        <v>363739931</v>
      </c>
      <c r="ED7" s="456">
        <v>363739931</v>
      </c>
      <c r="EE7" s="451">
        <v>0</v>
      </c>
      <c r="EF7" s="452">
        <v>0</v>
      </c>
      <c r="EG7" s="453">
        <v>0</v>
      </c>
      <c r="EH7" s="457"/>
      <c r="EI7" s="452">
        <v>2515322</v>
      </c>
      <c r="EJ7" s="452">
        <v>5155844</v>
      </c>
      <c r="EK7" s="452">
        <v>6025066</v>
      </c>
      <c r="EL7" s="452">
        <v>7047943</v>
      </c>
      <c r="EM7" s="452">
        <v>3855053</v>
      </c>
      <c r="EN7" s="455">
        <v>24599228</v>
      </c>
      <c r="EO7" s="456">
        <v>24599228</v>
      </c>
      <c r="EP7" s="451">
        <v>0</v>
      </c>
      <c r="EQ7" s="452">
        <v>0</v>
      </c>
      <c r="ER7" s="453">
        <v>0</v>
      </c>
      <c r="ES7" s="457"/>
      <c r="ET7" s="452">
        <v>0</v>
      </c>
      <c r="EU7" s="452">
        <v>49</v>
      </c>
      <c r="EV7" s="452">
        <v>34140</v>
      </c>
      <c r="EW7" s="452">
        <v>106193</v>
      </c>
      <c r="EX7" s="452">
        <v>129979</v>
      </c>
      <c r="EY7" s="455">
        <v>270361</v>
      </c>
      <c r="EZ7" s="456">
        <v>270361</v>
      </c>
      <c r="FA7" s="451">
        <v>0</v>
      </c>
      <c r="FB7" s="452">
        <v>0</v>
      </c>
      <c r="FC7" s="453">
        <v>0</v>
      </c>
      <c r="FD7" s="457"/>
      <c r="FE7" s="452">
        <v>13039</v>
      </c>
      <c r="FF7" s="452">
        <v>34410</v>
      </c>
      <c r="FG7" s="452">
        <v>90114</v>
      </c>
      <c r="FH7" s="452">
        <v>265645</v>
      </c>
      <c r="FI7" s="452">
        <v>430346</v>
      </c>
      <c r="FJ7" s="455">
        <v>833554</v>
      </c>
      <c r="FK7" s="456">
        <v>833554</v>
      </c>
      <c r="FL7" s="451">
        <v>0</v>
      </c>
      <c r="FM7" s="452">
        <v>0</v>
      </c>
      <c r="FN7" s="453">
        <v>0</v>
      </c>
      <c r="FO7" s="457"/>
      <c r="FP7" s="452">
        <v>154680</v>
      </c>
      <c r="FQ7" s="452">
        <v>378225</v>
      </c>
      <c r="FR7" s="452">
        <v>2476660</v>
      </c>
      <c r="FS7" s="452">
        <v>3186998</v>
      </c>
      <c r="FT7" s="452">
        <v>2315507</v>
      </c>
      <c r="FU7" s="455">
        <v>8512070</v>
      </c>
      <c r="FV7" s="456">
        <v>8512070</v>
      </c>
      <c r="FW7" s="451">
        <v>51113</v>
      </c>
      <c r="FX7" s="452">
        <v>201356</v>
      </c>
      <c r="FY7" s="453">
        <v>252469</v>
      </c>
      <c r="FZ7" s="454">
        <v>0</v>
      </c>
      <c r="GA7" s="452">
        <v>2614434</v>
      </c>
      <c r="GB7" s="452">
        <v>5817089</v>
      </c>
      <c r="GC7" s="452">
        <v>11900422</v>
      </c>
      <c r="GD7" s="452">
        <v>10083213</v>
      </c>
      <c r="GE7" s="452">
        <v>5268155</v>
      </c>
      <c r="GF7" s="455">
        <v>35683313</v>
      </c>
      <c r="GG7" s="456">
        <v>35935782</v>
      </c>
      <c r="GH7" s="451">
        <v>0</v>
      </c>
      <c r="GI7" s="452">
        <v>3264</v>
      </c>
      <c r="GJ7" s="453">
        <v>3264</v>
      </c>
      <c r="GK7" s="454">
        <v>0</v>
      </c>
      <c r="GL7" s="452">
        <v>61265</v>
      </c>
      <c r="GM7" s="452">
        <v>112929</v>
      </c>
      <c r="GN7" s="452">
        <v>219453</v>
      </c>
      <c r="GO7" s="452">
        <v>206564</v>
      </c>
      <c r="GP7" s="452">
        <v>189259</v>
      </c>
      <c r="GQ7" s="455">
        <v>789470</v>
      </c>
      <c r="GR7" s="456">
        <v>792734</v>
      </c>
      <c r="GS7" s="451">
        <v>0</v>
      </c>
      <c r="GT7" s="452">
        <v>0</v>
      </c>
      <c r="GU7" s="453">
        <v>0</v>
      </c>
      <c r="GV7" s="454">
        <v>0</v>
      </c>
      <c r="GW7" s="452">
        <v>0</v>
      </c>
      <c r="GX7" s="452">
        <v>0</v>
      </c>
      <c r="GY7" s="452">
        <v>0</v>
      </c>
      <c r="GZ7" s="452">
        <v>0</v>
      </c>
      <c r="HA7" s="452">
        <v>0</v>
      </c>
      <c r="HB7" s="455">
        <v>0</v>
      </c>
      <c r="HC7" s="456">
        <v>0</v>
      </c>
      <c r="HD7" s="451">
        <v>0</v>
      </c>
      <c r="HE7" s="452">
        <v>0</v>
      </c>
      <c r="HF7" s="453">
        <v>0</v>
      </c>
      <c r="HG7" s="457"/>
      <c r="HH7" s="452">
        <v>0</v>
      </c>
      <c r="HI7" s="452">
        <v>0</v>
      </c>
      <c r="HJ7" s="452">
        <v>0</v>
      </c>
      <c r="HK7" s="452">
        <v>0</v>
      </c>
      <c r="HL7" s="452">
        <v>0</v>
      </c>
      <c r="HM7" s="455">
        <v>0</v>
      </c>
      <c r="HN7" s="456">
        <v>0</v>
      </c>
      <c r="HO7" s="451">
        <v>87268</v>
      </c>
      <c r="HP7" s="452">
        <v>325524</v>
      </c>
      <c r="HQ7" s="453">
        <v>412792</v>
      </c>
      <c r="HR7" s="454">
        <v>0</v>
      </c>
      <c r="HS7" s="452">
        <v>28434849</v>
      </c>
      <c r="HT7" s="452">
        <v>68991098</v>
      </c>
      <c r="HU7" s="452">
        <v>240228334</v>
      </c>
      <c r="HV7" s="452">
        <v>320904694</v>
      </c>
      <c r="HW7" s="452">
        <v>202451879</v>
      </c>
      <c r="HX7" s="455">
        <v>861010854</v>
      </c>
      <c r="HY7" s="456">
        <v>861423646</v>
      </c>
    </row>
    <row r="8" spans="2:233" s="459" customFormat="1" ht="21" customHeight="1" x14ac:dyDescent="0.2">
      <c r="B8" s="471" t="s">
        <v>5</v>
      </c>
      <c r="C8" s="460">
        <v>4665</v>
      </c>
      <c r="D8" s="461">
        <v>32815</v>
      </c>
      <c r="E8" s="462">
        <v>37480</v>
      </c>
      <c r="F8" s="463">
        <v>0</v>
      </c>
      <c r="G8" s="461">
        <v>7106524</v>
      </c>
      <c r="H8" s="461">
        <v>19453874</v>
      </c>
      <c r="I8" s="461">
        <v>49743450</v>
      </c>
      <c r="J8" s="461">
        <v>67205525</v>
      </c>
      <c r="K8" s="461">
        <v>42247686</v>
      </c>
      <c r="L8" s="464">
        <v>185757059</v>
      </c>
      <c r="M8" s="465">
        <v>185794539</v>
      </c>
      <c r="N8" s="460">
        <v>0</v>
      </c>
      <c r="O8" s="461">
        <v>0</v>
      </c>
      <c r="P8" s="462">
        <v>0</v>
      </c>
      <c r="Q8" s="466"/>
      <c r="R8" s="461">
        <v>2713014</v>
      </c>
      <c r="S8" s="461">
        <v>9005083</v>
      </c>
      <c r="T8" s="461">
        <v>34755258</v>
      </c>
      <c r="U8" s="461">
        <v>50354509</v>
      </c>
      <c r="V8" s="461">
        <v>32587610</v>
      </c>
      <c r="W8" s="464">
        <v>129415474</v>
      </c>
      <c r="X8" s="465">
        <v>129415474</v>
      </c>
      <c r="Y8" s="460">
        <v>0</v>
      </c>
      <c r="Z8" s="461">
        <v>0</v>
      </c>
      <c r="AA8" s="462">
        <v>0</v>
      </c>
      <c r="AB8" s="466"/>
      <c r="AC8" s="461">
        <v>3784410</v>
      </c>
      <c r="AD8" s="461">
        <v>8842566</v>
      </c>
      <c r="AE8" s="461">
        <v>11181795</v>
      </c>
      <c r="AF8" s="461">
        <v>13297184</v>
      </c>
      <c r="AG8" s="461">
        <v>6922853</v>
      </c>
      <c r="AH8" s="464">
        <v>44028808</v>
      </c>
      <c r="AI8" s="465">
        <v>44028808</v>
      </c>
      <c r="AJ8" s="460">
        <v>0</v>
      </c>
      <c r="AK8" s="461">
        <v>0</v>
      </c>
      <c r="AL8" s="462">
        <v>0</v>
      </c>
      <c r="AM8" s="466"/>
      <c r="AN8" s="461">
        <v>0</v>
      </c>
      <c r="AO8" s="461">
        <v>0</v>
      </c>
      <c r="AP8" s="461">
        <v>34350</v>
      </c>
      <c r="AQ8" s="461">
        <v>183465</v>
      </c>
      <c r="AR8" s="461">
        <v>95300</v>
      </c>
      <c r="AS8" s="464">
        <v>313115</v>
      </c>
      <c r="AT8" s="465">
        <v>313115</v>
      </c>
      <c r="AU8" s="460">
        <v>0</v>
      </c>
      <c r="AV8" s="461">
        <v>0</v>
      </c>
      <c r="AW8" s="462">
        <v>0</v>
      </c>
      <c r="AX8" s="466"/>
      <c r="AY8" s="461">
        <v>23850</v>
      </c>
      <c r="AZ8" s="461">
        <v>36900</v>
      </c>
      <c r="BA8" s="461">
        <v>94135</v>
      </c>
      <c r="BB8" s="461">
        <v>458655</v>
      </c>
      <c r="BC8" s="461">
        <v>764585</v>
      </c>
      <c r="BD8" s="464">
        <v>1378125</v>
      </c>
      <c r="BE8" s="465">
        <v>1378125</v>
      </c>
      <c r="BF8" s="460">
        <v>0</v>
      </c>
      <c r="BG8" s="461">
        <v>0</v>
      </c>
      <c r="BH8" s="462">
        <v>0</v>
      </c>
      <c r="BI8" s="466"/>
      <c r="BJ8" s="461">
        <v>65850</v>
      </c>
      <c r="BK8" s="461">
        <v>134850</v>
      </c>
      <c r="BL8" s="461">
        <v>250350</v>
      </c>
      <c r="BM8" s="461">
        <v>171030</v>
      </c>
      <c r="BN8" s="461">
        <v>226650</v>
      </c>
      <c r="BO8" s="464">
        <v>848730</v>
      </c>
      <c r="BP8" s="465">
        <v>848730</v>
      </c>
      <c r="BQ8" s="460">
        <v>4665</v>
      </c>
      <c r="BR8" s="461">
        <v>32662</v>
      </c>
      <c r="BS8" s="462">
        <v>37327</v>
      </c>
      <c r="BT8" s="463">
        <v>0</v>
      </c>
      <c r="BU8" s="461">
        <v>456902</v>
      </c>
      <c r="BV8" s="461">
        <v>1308344</v>
      </c>
      <c r="BW8" s="461">
        <v>3214149</v>
      </c>
      <c r="BX8" s="461">
        <v>2534237</v>
      </c>
      <c r="BY8" s="461">
        <v>1516848</v>
      </c>
      <c r="BZ8" s="464">
        <v>9030480</v>
      </c>
      <c r="CA8" s="465">
        <v>9067807</v>
      </c>
      <c r="CB8" s="460">
        <v>0</v>
      </c>
      <c r="CC8" s="461">
        <v>153</v>
      </c>
      <c r="CD8" s="462">
        <v>153</v>
      </c>
      <c r="CE8" s="463">
        <v>0</v>
      </c>
      <c r="CF8" s="461">
        <v>62498</v>
      </c>
      <c r="CG8" s="461">
        <v>126131</v>
      </c>
      <c r="CH8" s="461">
        <v>213413</v>
      </c>
      <c r="CI8" s="461">
        <v>206445</v>
      </c>
      <c r="CJ8" s="461">
        <v>133840</v>
      </c>
      <c r="CK8" s="464">
        <v>742327</v>
      </c>
      <c r="CL8" s="465">
        <v>742480</v>
      </c>
      <c r="CM8" s="460">
        <v>0</v>
      </c>
      <c r="CN8" s="461">
        <v>0</v>
      </c>
      <c r="CO8" s="462">
        <v>0</v>
      </c>
      <c r="CP8" s="463">
        <v>0</v>
      </c>
      <c r="CQ8" s="461">
        <v>0</v>
      </c>
      <c r="CR8" s="461">
        <v>0</v>
      </c>
      <c r="CS8" s="461">
        <v>0</v>
      </c>
      <c r="CT8" s="461">
        <v>0</v>
      </c>
      <c r="CU8" s="461">
        <v>0</v>
      </c>
      <c r="CV8" s="464">
        <v>0</v>
      </c>
      <c r="CW8" s="465">
        <v>0</v>
      </c>
      <c r="CX8" s="460">
        <v>0</v>
      </c>
      <c r="CY8" s="461">
        <v>0</v>
      </c>
      <c r="CZ8" s="462">
        <v>0</v>
      </c>
      <c r="DA8" s="466"/>
      <c r="DB8" s="461">
        <v>0</v>
      </c>
      <c r="DC8" s="461">
        <v>0</v>
      </c>
      <c r="DD8" s="461">
        <v>0</v>
      </c>
      <c r="DE8" s="461">
        <v>0</v>
      </c>
      <c r="DF8" s="461">
        <v>0</v>
      </c>
      <c r="DG8" s="464">
        <v>0</v>
      </c>
      <c r="DH8" s="465">
        <v>0</v>
      </c>
      <c r="DI8" s="460">
        <v>11504</v>
      </c>
      <c r="DJ8" s="461">
        <v>76913</v>
      </c>
      <c r="DK8" s="462">
        <v>88417</v>
      </c>
      <c r="DL8" s="463">
        <v>0</v>
      </c>
      <c r="DM8" s="461">
        <v>6099958</v>
      </c>
      <c r="DN8" s="461">
        <v>18702786</v>
      </c>
      <c r="DO8" s="461">
        <v>56219704</v>
      </c>
      <c r="DP8" s="461">
        <v>71995498</v>
      </c>
      <c r="DQ8" s="461">
        <v>45644154</v>
      </c>
      <c r="DR8" s="464">
        <v>198662100</v>
      </c>
      <c r="DS8" s="467">
        <v>198750517</v>
      </c>
      <c r="DT8" s="460">
        <v>0</v>
      </c>
      <c r="DU8" s="461">
        <v>0</v>
      </c>
      <c r="DV8" s="462">
        <v>0</v>
      </c>
      <c r="DW8" s="466"/>
      <c r="DX8" s="461">
        <v>3823795</v>
      </c>
      <c r="DY8" s="461">
        <v>13029206</v>
      </c>
      <c r="DZ8" s="461">
        <v>47212784</v>
      </c>
      <c r="EA8" s="461">
        <v>63543394</v>
      </c>
      <c r="EB8" s="461">
        <v>40369651</v>
      </c>
      <c r="EC8" s="464">
        <v>167978830</v>
      </c>
      <c r="ED8" s="465">
        <v>167978830</v>
      </c>
      <c r="EE8" s="460">
        <v>0</v>
      </c>
      <c r="EF8" s="461">
        <v>0</v>
      </c>
      <c r="EG8" s="462">
        <v>0</v>
      </c>
      <c r="EH8" s="466"/>
      <c r="EI8" s="461">
        <v>1282939</v>
      </c>
      <c r="EJ8" s="461">
        <v>3080563</v>
      </c>
      <c r="EK8" s="461">
        <v>3363060</v>
      </c>
      <c r="EL8" s="461">
        <v>3891299</v>
      </c>
      <c r="EM8" s="461">
        <v>2480965</v>
      </c>
      <c r="EN8" s="464">
        <v>14098826</v>
      </c>
      <c r="EO8" s="465">
        <v>14098826</v>
      </c>
      <c r="EP8" s="460">
        <v>0</v>
      </c>
      <c r="EQ8" s="461">
        <v>0</v>
      </c>
      <c r="ER8" s="462">
        <v>0</v>
      </c>
      <c r="ES8" s="466"/>
      <c r="ET8" s="461">
        <v>0</v>
      </c>
      <c r="EU8" s="461">
        <v>0</v>
      </c>
      <c r="EV8" s="461">
        <v>11100</v>
      </c>
      <c r="EW8" s="461">
        <v>35652</v>
      </c>
      <c r="EX8" s="461">
        <v>16340</v>
      </c>
      <c r="EY8" s="464">
        <v>63092</v>
      </c>
      <c r="EZ8" s="465">
        <v>63092</v>
      </c>
      <c r="FA8" s="460">
        <v>0</v>
      </c>
      <c r="FB8" s="461">
        <v>0</v>
      </c>
      <c r="FC8" s="462">
        <v>0</v>
      </c>
      <c r="FD8" s="466"/>
      <c r="FE8" s="461">
        <v>210</v>
      </c>
      <c r="FF8" s="461">
        <v>22050</v>
      </c>
      <c r="FG8" s="461">
        <v>1456</v>
      </c>
      <c r="FH8" s="461">
        <v>69720</v>
      </c>
      <c r="FI8" s="461">
        <v>140742</v>
      </c>
      <c r="FJ8" s="464">
        <v>234178</v>
      </c>
      <c r="FK8" s="465">
        <v>234178</v>
      </c>
      <c r="FL8" s="460">
        <v>0</v>
      </c>
      <c r="FM8" s="461">
        <v>0</v>
      </c>
      <c r="FN8" s="462">
        <v>0</v>
      </c>
      <c r="FO8" s="466"/>
      <c r="FP8" s="461">
        <v>92040</v>
      </c>
      <c r="FQ8" s="461">
        <v>133800</v>
      </c>
      <c r="FR8" s="461">
        <v>386700</v>
      </c>
      <c r="FS8" s="461">
        <v>329410</v>
      </c>
      <c r="FT8" s="461">
        <v>344940</v>
      </c>
      <c r="FU8" s="464">
        <v>1286890</v>
      </c>
      <c r="FV8" s="465">
        <v>1286890</v>
      </c>
      <c r="FW8" s="460">
        <v>11504</v>
      </c>
      <c r="FX8" s="461">
        <v>76892</v>
      </c>
      <c r="FY8" s="462">
        <v>88396</v>
      </c>
      <c r="FZ8" s="463">
        <v>0</v>
      </c>
      <c r="GA8" s="461">
        <v>857334</v>
      </c>
      <c r="GB8" s="461">
        <v>2379357</v>
      </c>
      <c r="GC8" s="461">
        <v>5082658</v>
      </c>
      <c r="GD8" s="461">
        <v>4021461</v>
      </c>
      <c r="GE8" s="461">
        <v>2191855</v>
      </c>
      <c r="GF8" s="464">
        <v>14532665</v>
      </c>
      <c r="GG8" s="465">
        <v>14621061</v>
      </c>
      <c r="GH8" s="460">
        <v>0</v>
      </c>
      <c r="GI8" s="461">
        <v>21</v>
      </c>
      <c r="GJ8" s="462">
        <v>21</v>
      </c>
      <c r="GK8" s="463">
        <v>0</v>
      </c>
      <c r="GL8" s="461">
        <v>43640</v>
      </c>
      <c r="GM8" s="461">
        <v>57810</v>
      </c>
      <c r="GN8" s="461">
        <v>161946</v>
      </c>
      <c r="GO8" s="461">
        <v>104562</v>
      </c>
      <c r="GP8" s="461">
        <v>99661</v>
      </c>
      <c r="GQ8" s="464">
        <v>467619</v>
      </c>
      <c r="GR8" s="465">
        <v>467640</v>
      </c>
      <c r="GS8" s="460">
        <v>0</v>
      </c>
      <c r="GT8" s="461">
        <v>0</v>
      </c>
      <c r="GU8" s="462">
        <v>0</v>
      </c>
      <c r="GV8" s="463">
        <v>0</v>
      </c>
      <c r="GW8" s="461">
        <v>0</v>
      </c>
      <c r="GX8" s="461">
        <v>0</v>
      </c>
      <c r="GY8" s="461">
        <v>0</v>
      </c>
      <c r="GZ8" s="461">
        <v>0</v>
      </c>
      <c r="HA8" s="461">
        <v>0</v>
      </c>
      <c r="HB8" s="464">
        <v>0</v>
      </c>
      <c r="HC8" s="465">
        <v>0</v>
      </c>
      <c r="HD8" s="460">
        <v>0</v>
      </c>
      <c r="HE8" s="461">
        <v>0</v>
      </c>
      <c r="HF8" s="462">
        <v>0</v>
      </c>
      <c r="HG8" s="466"/>
      <c r="HH8" s="461">
        <v>0</v>
      </c>
      <c r="HI8" s="461">
        <v>0</v>
      </c>
      <c r="HJ8" s="461">
        <v>0</v>
      </c>
      <c r="HK8" s="461">
        <v>0</v>
      </c>
      <c r="HL8" s="461">
        <v>0</v>
      </c>
      <c r="HM8" s="464">
        <v>0</v>
      </c>
      <c r="HN8" s="465">
        <v>0</v>
      </c>
      <c r="HO8" s="460">
        <v>16169</v>
      </c>
      <c r="HP8" s="461">
        <v>109728</v>
      </c>
      <c r="HQ8" s="462">
        <v>125897</v>
      </c>
      <c r="HR8" s="463">
        <v>0</v>
      </c>
      <c r="HS8" s="461">
        <v>13206482</v>
      </c>
      <c r="HT8" s="461">
        <v>38156660</v>
      </c>
      <c r="HU8" s="461">
        <v>105963154</v>
      </c>
      <c r="HV8" s="461">
        <v>139201023</v>
      </c>
      <c r="HW8" s="461">
        <v>87891840</v>
      </c>
      <c r="HX8" s="464">
        <v>384419159</v>
      </c>
      <c r="HY8" s="465">
        <v>384545056</v>
      </c>
    </row>
    <row r="9" spans="2:233" ht="21" customHeight="1" x14ac:dyDescent="0.2">
      <c r="B9" s="472" t="s">
        <v>6</v>
      </c>
      <c r="C9" s="273">
        <v>0</v>
      </c>
      <c r="D9" s="274">
        <v>18368</v>
      </c>
      <c r="E9" s="275">
        <v>18368</v>
      </c>
      <c r="F9" s="276">
        <v>0</v>
      </c>
      <c r="G9" s="274">
        <v>2423773</v>
      </c>
      <c r="H9" s="274">
        <v>4243185</v>
      </c>
      <c r="I9" s="274">
        <v>14422735</v>
      </c>
      <c r="J9" s="274">
        <v>20817601</v>
      </c>
      <c r="K9" s="274">
        <v>13633633</v>
      </c>
      <c r="L9" s="277">
        <v>55540927</v>
      </c>
      <c r="M9" s="278">
        <v>55559295</v>
      </c>
      <c r="N9" s="273">
        <v>0</v>
      </c>
      <c r="O9" s="274">
        <v>0</v>
      </c>
      <c r="P9" s="275">
        <v>0</v>
      </c>
      <c r="Q9" s="279"/>
      <c r="R9" s="274">
        <v>880620</v>
      </c>
      <c r="S9" s="274">
        <v>1433865</v>
      </c>
      <c r="T9" s="274">
        <v>10300237</v>
      </c>
      <c r="U9" s="274">
        <v>14756908</v>
      </c>
      <c r="V9" s="274">
        <v>10308000</v>
      </c>
      <c r="W9" s="277">
        <v>37679630</v>
      </c>
      <c r="X9" s="278">
        <v>37679630</v>
      </c>
      <c r="Y9" s="273">
        <v>0</v>
      </c>
      <c r="Z9" s="274">
        <v>0</v>
      </c>
      <c r="AA9" s="275">
        <v>0</v>
      </c>
      <c r="AB9" s="279"/>
      <c r="AC9" s="274">
        <v>1183600</v>
      </c>
      <c r="AD9" s="274">
        <v>2226910</v>
      </c>
      <c r="AE9" s="274">
        <v>2733940</v>
      </c>
      <c r="AF9" s="274">
        <v>4207495</v>
      </c>
      <c r="AG9" s="274">
        <v>1938005</v>
      </c>
      <c r="AH9" s="277">
        <v>12289950</v>
      </c>
      <c r="AI9" s="278">
        <v>12289950</v>
      </c>
      <c r="AJ9" s="273">
        <v>0</v>
      </c>
      <c r="AK9" s="274">
        <v>0</v>
      </c>
      <c r="AL9" s="275">
        <v>0</v>
      </c>
      <c r="AM9" s="279"/>
      <c r="AN9" s="274">
        <v>0</v>
      </c>
      <c r="AO9" s="274">
        <v>5565</v>
      </c>
      <c r="AP9" s="274">
        <v>0</v>
      </c>
      <c r="AQ9" s="274">
        <v>272880</v>
      </c>
      <c r="AR9" s="274">
        <v>274930</v>
      </c>
      <c r="AS9" s="277">
        <v>553375</v>
      </c>
      <c r="AT9" s="278">
        <v>553375</v>
      </c>
      <c r="AU9" s="273">
        <v>0</v>
      </c>
      <c r="AV9" s="274">
        <v>0</v>
      </c>
      <c r="AW9" s="275">
        <v>0</v>
      </c>
      <c r="AX9" s="279"/>
      <c r="AY9" s="274">
        <v>2550</v>
      </c>
      <c r="AZ9" s="274">
        <v>0</v>
      </c>
      <c r="BA9" s="274">
        <v>5780</v>
      </c>
      <c r="BB9" s="274">
        <v>212555</v>
      </c>
      <c r="BC9" s="274">
        <v>309285</v>
      </c>
      <c r="BD9" s="277">
        <v>530170</v>
      </c>
      <c r="BE9" s="278">
        <v>530170</v>
      </c>
      <c r="BF9" s="273">
        <v>0</v>
      </c>
      <c r="BG9" s="274">
        <v>0</v>
      </c>
      <c r="BH9" s="275">
        <v>0</v>
      </c>
      <c r="BI9" s="279"/>
      <c r="BJ9" s="274">
        <v>28950</v>
      </c>
      <c r="BK9" s="274">
        <v>101495</v>
      </c>
      <c r="BL9" s="274">
        <v>497540</v>
      </c>
      <c r="BM9" s="274">
        <v>409760</v>
      </c>
      <c r="BN9" s="274">
        <v>347875</v>
      </c>
      <c r="BO9" s="277">
        <v>1385620</v>
      </c>
      <c r="BP9" s="278">
        <v>1385620</v>
      </c>
      <c r="BQ9" s="273">
        <v>0</v>
      </c>
      <c r="BR9" s="274">
        <v>18368</v>
      </c>
      <c r="BS9" s="275">
        <v>18368</v>
      </c>
      <c r="BT9" s="276">
        <v>0</v>
      </c>
      <c r="BU9" s="274">
        <v>322811</v>
      </c>
      <c r="BV9" s="274">
        <v>436030</v>
      </c>
      <c r="BW9" s="274">
        <v>843052</v>
      </c>
      <c r="BX9" s="274">
        <v>895945</v>
      </c>
      <c r="BY9" s="274">
        <v>417232</v>
      </c>
      <c r="BZ9" s="277">
        <v>2915070</v>
      </c>
      <c r="CA9" s="278">
        <v>2933438</v>
      </c>
      <c r="CB9" s="273">
        <v>0</v>
      </c>
      <c r="CC9" s="274">
        <v>0</v>
      </c>
      <c r="CD9" s="275">
        <v>0</v>
      </c>
      <c r="CE9" s="276">
        <v>0</v>
      </c>
      <c r="CF9" s="274">
        <v>5242</v>
      </c>
      <c r="CG9" s="274">
        <v>39320</v>
      </c>
      <c r="CH9" s="274">
        <v>42186</v>
      </c>
      <c r="CI9" s="274">
        <v>62058</v>
      </c>
      <c r="CJ9" s="274">
        <v>38306</v>
      </c>
      <c r="CK9" s="277">
        <v>187112</v>
      </c>
      <c r="CL9" s="278">
        <v>187112</v>
      </c>
      <c r="CM9" s="273">
        <v>0</v>
      </c>
      <c r="CN9" s="274">
        <v>0</v>
      </c>
      <c r="CO9" s="275">
        <v>0</v>
      </c>
      <c r="CP9" s="276">
        <v>0</v>
      </c>
      <c r="CQ9" s="274">
        <v>0</v>
      </c>
      <c r="CR9" s="274">
        <v>0</v>
      </c>
      <c r="CS9" s="274">
        <v>0</v>
      </c>
      <c r="CT9" s="274">
        <v>0</v>
      </c>
      <c r="CU9" s="274">
        <v>0</v>
      </c>
      <c r="CV9" s="277">
        <v>0</v>
      </c>
      <c r="CW9" s="278">
        <v>0</v>
      </c>
      <c r="CX9" s="273">
        <v>0</v>
      </c>
      <c r="CY9" s="274">
        <v>0</v>
      </c>
      <c r="CZ9" s="275">
        <v>0</v>
      </c>
      <c r="DA9" s="279"/>
      <c r="DB9" s="274">
        <v>0</v>
      </c>
      <c r="DC9" s="274">
        <v>0</v>
      </c>
      <c r="DD9" s="274">
        <v>0</v>
      </c>
      <c r="DE9" s="274">
        <v>0</v>
      </c>
      <c r="DF9" s="274">
        <v>0</v>
      </c>
      <c r="DG9" s="277">
        <v>0</v>
      </c>
      <c r="DH9" s="278">
        <v>0</v>
      </c>
      <c r="DI9" s="273">
        <v>0</v>
      </c>
      <c r="DJ9" s="274">
        <v>27717</v>
      </c>
      <c r="DK9" s="275">
        <v>27717</v>
      </c>
      <c r="DL9" s="276">
        <v>0</v>
      </c>
      <c r="DM9" s="274">
        <v>1339958</v>
      </c>
      <c r="DN9" s="274">
        <v>3003524</v>
      </c>
      <c r="DO9" s="274">
        <v>13760425</v>
      </c>
      <c r="DP9" s="274">
        <v>18911081</v>
      </c>
      <c r="DQ9" s="274">
        <v>12591830</v>
      </c>
      <c r="DR9" s="277">
        <v>49606818</v>
      </c>
      <c r="DS9" s="280">
        <v>49634535</v>
      </c>
      <c r="DT9" s="273">
        <v>0</v>
      </c>
      <c r="DU9" s="274">
        <v>0</v>
      </c>
      <c r="DV9" s="275">
        <v>0</v>
      </c>
      <c r="DW9" s="279"/>
      <c r="DX9" s="274">
        <v>715355</v>
      </c>
      <c r="DY9" s="274">
        <v>1770108</v>
      </c>
      <c r="DZ9" s="274">
        <v>11137375</v>
      </c>
      <c r="EA9" s="274">
        <v>15611760</v>
      </c>
      <c r="EB9" s="274">
        <v>10743348</v>
      </c>
      <c r="EC9" s="277">
        <v>39977946</v>
      </c>
      <c r="ED9" s="278">
        <v>39977946</v>
      </c>
      <c r="EE9" s="273">
        <v>0</v>
      </c>
      <c r="EF9" s="274">
        <v>0</v>
      </c>
      <c r="EG9" s="275">
        <v>0</v>
      </c>
      <c r="EH9" s="279"/>
      <c r="EI9" s="274">
        <v>204835</v>
      </c>
      <c r="EJ9" s="274">
        <v>496432</v>
      </c>
      <c r="EK9" s="274">
        <v>618794</v>
      </c>
      <c r="EL9" s="274">
        <v>1092740</v>
      </c>
      <c r="EM9" s="274">
        <v>512094</v>
      </c>
      <c r="EN9" s="277">
        <v>2924895</v>
      </c>
      <c r="EO9" s="278">
        <v>2924895</v>
      </c>
      <c r="EP9" s="273">
        <v>0</v>
      </c>
      <c r="EQ9" s="274">
        <v>0</v>
      </c>
      <c r="ER9" s="275">
        <v>0</v>
      </c>
      <c r="ES9" s="279"/>
      <c r="ET9" s="274">
        <v>0</v>
      </c>
      <c r="EU9" s="274">
        <v>49</v>
      </c>
      <c r="EV9" s="274">
        <v>22620</v>
      </c>
      <c r="EW9" s="274">
        <v>36611</v>
      </c>
      <c r="EX9" s="274">
        <v>71016</v>
      </c>
      <c r="EY9" s="277">
        <v>130296</v>
      </c>
      <c r="EZ9" s="278">
        <v>130296</v>
      </c>
      <c r="FA9" s="273">
        <v>0</v>
      </c>
      <c r="FB9" s="274">
        <v>0</v>
      </c>
      <c r="FC9" s="275">
        <v>0</v>
      </c>
      <c r="FD9" s="279"/>
      <c r="FE9" s="274">
        <v>0</v>
      </c>
      <c r="FF9" s="274">
        <v>0</v>
      </c>
      <c r="FG9" s="274">
        <v>420</v>
      </c>
      <c r="FH9" s="274">
        <v>36401</v>
      </c>
      <c r="FI9" s="274">
        <v>37367</v>
      </c>
      <c r="FJ9" s="277">
        <v>74188</v>
      </c>
      <c r="FK9" s="278">
        <v>74188</v>
      </c>
      <c r="FL9" s="273">
        <v>0</v>
      </c>
      <c r="FM9" s="274">
        <v>0</v>
      </c>
      <c r="FN9" s="275">
        <v>0</v>
      </c>
      <c r="FO9" s="279"/>
      <c r="FP9" s="274">
        <v>62640</v>
      </c>
      <c r="FQ9" s="274">
        <v>87735</v>
      </c>
      <c r="FR9" s="274">
        <v>727520</v>
      </c>
      <c r="FS9" s="274">
        <v>853551</v>
      </c>
      <c r="FT9" s="274">
        <v>606328</v>
      </c>
      <c r="FU9" s="277">
        <v>2337774</v>
      </c>
      <c r="FV9" s="278">
        <v>2337774</v>
      </c>
      <c r="FW9" s="273">
        <v>0</v>
      </c>
      <c r="FX9" s="274">
        <v>27717</v>
      </c>
      <c r="FY9" s="275">
        <v>27717</v>
      </c>
      <c r="FZ9" s="276">
        <v>0</v>
      </c>
      <c r="GA9" s="274">
        <v>347272</v>
      </c>
      <c r="GB9" s="274">
        <v>612040</v>
      </c>
      <c r="GC9" s="274">
        <v>1217800</v>
      </c>
      <c r="GD9" s="274">
        <v>1208454</v>
      </c>
      <c r="GE9" s="274">
        <v>584227</v>
      </c>
      <c r="GF9" s="277">
        <v>3969793</v>
      </c>
      <c r="GG9" s="278">
        <v>3997510</v>
      </c>
      <c r="GH9" s="273">
        <v>0</v>
      </c>
      <c r="GI9" s="274">
        <v>0</v>
      </c>
      <c r="GJ9" s="275">
        <v>0</v>
      </c>
      <c r="GK9" s="276">
        <v>0</v>
      </c>
      <c r="GL9" s="274">
        <v>9856</v>
      </c>
      <c r="GM9" s="274">
        <v>37160</v>
      </c>
      <c r="GN9" s="274">
        <v>35896</v>
      </c>
      <c r="GO9" s="274">
        <v>71564</v>
      </c>
      <c r="GP9" s="274">
        <v>37450</v>
      </c>
      <c r="GQ9" s="277">
        <v>191926</v>
      </c>
      <c r="GR9" s="278">
        <v>191926</v>
      </c>
      <c r="GS9" s="273">
        <v>0</v>
      </c>
      <c r="GT9" s="274">
        <v>0</v>
      </c>
      <c r="GU9" s="275">
        <v>0</v>
      </c>
      <c r="GV9" s="276">
        <v>0</v>
      </c>
      <c r="GW9" s="274">
        <v>0</v>
      </c>
      <c r="GX9" s="274">
        <v>0</v>
      </c>
      <c r="GY9" s="274">
        <v>0</v>
      </c>
      <c r="GZ9" s="274">
        <v>0</v>
      </c>
      <c r="HA9" s="274">
        <v>0</v>
      </c>
      <c r="HB9" s="277">
        <v>0</v>
      </c>
      <c r="HC9" s="278">
        <v>0</v>
      </c>
      <c r="HD9" s="273">
        <v>0</v>
      </c>
      <c r="HE9" s="274">
        <v>0</v>
      </c>
      <c r="HF9" s="275">
        <v>0</v>
      </c>
      <c r="HG9" s="279"/>
      <c r="HH9" s="274">
        <v>0</v>
      </c>
      <c r="HI9" s="274">
        <v>0</v>
      </c>
      <c r="HJ9" s="274">
        <v>0</v>
      </c>
      <c r="HK9" s="274">
        <v>0</v>
      </c>
      <c r="HL9" s="274">
        <v>0</v>
      </c>
      <c r="HM9" s="277">
        <v>0</v>
      </c>
      <c r="HN9" s="278">
        <v>0</v>
      </c>
      <c r="HO9" s="273">
        <v>0</v>
      </c>
      <c r="HP9" s="274">
        <v>46085</v>
      </c>
      <c r="HQ9" s="275">
        <v>46085</v>
      </c>
      <c r="HR9" s="276">
        <v>0</v>
      </c>
      <c r="HS9" s="274">
        <v>3763731</v>
      </c>
      <c r="HT9" s="274">
        <v>7246709</v>
      </c>
      <c r="HU9" s="274">
        <v>28183160</v>
      </c>
      <c r="HV9" s="274">
        <v>39728682</v>
      </c>
      <c r="HW9" s="274">
        <v>26225463</v>
      </c>
      <c r="HX9" s="277">
        <v>105147745</v>
      </c>
      <c r="HY9" s="278">
        <v>105193830</v>
      </c>
    </row>
    <row r="10" spans="2:233" ht="21" customHeight="1" x14ac:dyDescent="0.2">
      <c r="B10" s="472" t="s">
        <v>14</v>
      </c>
      <c r="C10" s="273">
        <v>0</v>
      </c>
      <c r="D10" s="274">
        <v>2915</v>
      </c>
      <c r="E10" s="275">
        <v>2915</v>
      </c>
      <c r="F10" s="276">
        <v>0</v>
      </c>
      <c r="G10" s="274">
        <v>768221</v>
      </c>
      <c r="H10" s="274">
        <v>1778775</v>
      </c>
      <c r="I10" s="274">
        <v>8178376</v>
      </c>
      <c r="J10" s="274">
        <v>13116770</v>
      </c>
      <c r="K10" s="274">
        <v>7986147</v>
      </c>
      <c r="L10" s="277">
        <v>31828289</v>
      </c>
      <c r="M10" s="278">
        <v>31831204</v>
      </c>
      <c r="N10" s="273">
        <v>0</v>
      </c>
      <c r="O10" s="274">
        <v>0</v>
      </c>
      <c r="P10" s="275">
        <v>0</v>
      </c>
      <c r="Q10" s="279"/>
      <c r="R10" s="274">
        <v>100500</v>
      </c>
      <c r="S10" s="274">
        <v>397551</v>
      </c>
      <c r="T10" s="274">
        <v>5535410</v>
      </c>
      <c r="U10" s="274">
        <v>9787165</v>
      </c>
      <c r="V10" s="274">
        <v>5987211</v>
      </c>
      <c r="W10" s="277">
        <v>21807837</v>
      </c>
      <c r="X10" s="278">
        <v>21807837</v>
      </c>
      <c r="Y10" s="273">
        <v>0</v>
      </c>
      <c r="Z10" s="274">
        <v>0</v>
      </c>
      <c r="AA10" s="275">
        <v>0</v>
      </c>
      <c r="AB10" s="279"/>
      <c r="AC10" s="274">
        <v>593185</v>
      </c>
      <c r="AD10" s="274">
        <v>1168136</v>
      </c>
      <c r="AE10" s="274">
        <v>2046494</v>
      </c>
      <c r="AF10" s="274">
        <v>1961452</v>
      </c>
      <c r="AG10" s="274">
        <v>849390</v>
      </c>
      <c r="AH10" s="277">
        <v>6618657</v>
      </c>
      <c r="AI10" s="278">
        <v>6618657</v>
      </c>
      <c r="AJ10" s="273">
        <v>0</v>
      </c>
      <c r="AK10" s="274">
        <v>0</v>
      </c>
      <c r="AL10" s="275">
        <v>0</v>
      </c>
      <c r="AM10" s="279"/>
      <c r="AN10" s="274">
        <v>0</v>
      </c>
      <c r="AO10" s="274">
        <v>0</v>
      </c>
      <c r="AP10" s="274">
        <v>33435</v>
      </c>
      <c r="AQ10" s="274">
        <v>188030</v>
      </c>
      <c r="AR10" s="274">
        <v>179010</v>
      </c>
      <c r="AS10" s="277">
        <v>400475</v>
      </c>
      <c r="AT10" s="278">
        <v>400475</v>
      </c>
      <c r="AU10" s="273">
        <v>0</v>
      </c>
      <c r="AV10" s="274">
        <v>0</v>
      </c>
      <c r="AW10" s="275">
        <v>0</v>
      </c>
      <c r="AX10" s="279"/>
      <c r="AY10" s="274">
        <v>0</v>
      </c>
      <c r="AZ10" s="274">
        <v>0</v>
      </c>
      <c r="BA10" s="274">
        <v>38805</v>
      </c>
      <c r="BB10" s="274">
        <v>465120</v>
      </c>
      <c r="BC10" s="274">
        <v>509315</v>
      </c>
      <c r="BD10" s="277">
        <v>1013240</v>
      </c>
      <c r="BE10" s="278">
        <v>1013240</v>
      </c>
      <c r="BF10" s="273">
        <v>0</v>
      </c>
      <c r="BG10" s="274">
        <v>0</v>
      </c>
      <c r="BH10" s="275">
        <v>0</v>
      </c>
      <c r="BI10" s="279"/>
      <c r="BJ10" s="274">
        <v>0</v>
      </c>
      <c r="BK10" s="274">
        <v>23850</v>
      </c>
      <c r="BL10" s="274">
        <v>42020</v>
      </c>
      <c r="BM10" s="274">
        <v>120370</v>
      </c>
      <c r="BN10" s="274">
        <v>94800</v>
      </c>
      <c r="BO10" s="277">
        <v>281040</v>
      </c>
      <c r="BP10" s="278">
        <v>281040</v>
      </c>
      <c r="BQ10" s="273">
        <v>0</v>
      </c>
      <c r="BR10" s="274">
        <v>2915</v>
      </c>
      <c r="BS10" s="275">
        <v>2915</v>
      </c>
      <c r="BT10" s="276">
        <v>0</v>
      </c>
      <c r="BU10" s="274">
        <v>74536</v>
      </c>
      <c r="BV10" s="274">
        <v>189238</v>
      </c>
      <c r="BW10" s="274">
        <v>476270</v>
      </c>
      <c r="BX10" s="274">
        <v>591713</v>
      </c>
      <c r="BY10" s="274">
        <v>365841</v>
      </c>
      <c r="BZ10" s="277">
        <v>1697598</v>
      </c>
      <c r="CA10" s="278">
        <v>1700513</v>
      </c>
      <c r="CB10" s="273">
        <v>0</v>
      </c>
      <c r="CC10" s="274">
        <v>0</v>
      </c>
      <c r="CD10" s="275">
        <v>0</v>
      </c>
      <c r="CE10" s="276">
        <v>0</v>
      </c>
      <c r="CF10" s="274">
        <v>0</v>
      </c>
      <c r="CG10" s="274">
        <v>0</v>
      </c>
      <c r="CH10" s="274">
        <v>5942</v>
      </c>
      <c r="CI10" s="274">
        <v>2920</v>
      </c>
      <c r="CJ10" s="274">
        <v>580</v>
      </c>
      <c r="CK10" s="277">
        <v>9442</v>
      </c>
      <c r="CL10" s="278">
        <v>9442</v>
      </c>
      <c r="CM10" s="273">
        <v>0</v>
      </c>
      <c r="CN10" s="274">
        <v>0</v>
      </c>
      <c r="CO10" s="275">
        <v>0</v>
      </c>
      <c r="CP10" s="276">
        <v>0</v>
      </c>
      <c r="CQ10" s="274">
        <v>0</v>
      </c>
      <c r="CR10" s="274">
        <v>0</v>
      </c>
      <c r="CS10" s="274">
        <v>0</v>
      </c>
      <c r="CT10" s="274">
        <v>0</v>
      </c>
      <c r="CU10" s="274">
        <v>0</v>
      </c>
      <c r="CV10" s="277">
        <v>0</v>
      </c>
      <c r="CW10" s="278">
        <v>0</v>
      </c>
      <c r="CX10" s="273">
        <v>0</v>
      </c>
      <c r="CY10" s="274">
        <v>0</v>
      </c>
      <c r="CZ10" s="275">
        <v>0</v>
      </c>
      <c r="DA10" s="279"/>
      <c r="DB10" s="274">
        <v>0</v>
      </c>
      <c r="DC10" s="274">
        <v>0</v>
      </c>
      <c r="DD10" s="274">
        <v>0</v>
      </c>
      <c r="DE10" s="274">
        <v>0</v>
      </c>
      <c r="DF10" s="274">
        <v>0</v>
      </c>
      <c r="DG10" s="277">
        <v>0</v>
      </c>
      <c r="DH10" s="278">
        <v>0</v>
      </c>
      <c r="DI10" s="273">
        <v>0</v>
      </c>
      <c r="DJ10" s="274">
        <v>3957</v>
      </c>
      <c r="DK10" s="275">
        <v>3957</v>
      </c>
      <c r="DL10" s="276">
        <v>0</v>
      </c>
      <c r="DM10" s="274">
        <v>222573</v>
      </c>
      <c r="DN10" s="274">
        <v>1106525</v>
      </c>
      <c r="DO10" s="274">
        <v>9228058</v>
      </c>
      <c r="DP10" s="274">
        <v>14174614</v>
      </c>
      <c r="DQ10" s="274">
        <v>8056310</v>
      </c>
      <c r="DR10" s="277">
        <v>32788080</v>
      </c>
      <c r="DS10" s="280">
        <v>32792037</v>
      </c>
      <c r="DT10" s="273">
        <v>0</v>
      </c>
      <c r="DU10" s="274">
        <v>0</v>
      </c>
      <c r="DV10" s="275">
        <v>0</v>
      </c>
      <c r="DW10" s="279"/>
      <c r="DX10" s="274">
        <v>112620</v>
      </c>
      <c r="DY10" s="274">
        <v>552080</v>
      </c>
      <c r="DZ10" s="274">
        <v>7924203</v>
      </c>
      <c r="EA10" s="274">
        <v>12649894</v>
      </c>
      <c r="EB10" s="274">
        <v>7083651</v>
      </c>
      <c r="EC10" s="277">
        <v>28322448</v>
      </c>
      <c r="ED10" s="278">
        <v>28322448</v>
      </c>
      <c r="EE10" s="273">
        <v>0</v>
      </c>
      <c r="EF10" s="274">
        <v>0</v>
      </c>
      <c r="EG10" s="275">
        <v>0</v>
      </c>
      <c r="EH10" s="279"/>
      <c r="EI10" s="274">
        <v>46066</v>
      </c>
      <c r="EJ10" s="274">
        <v>211206</v>
      </c>
      <c r="EK10" s="274">
        <v>316447</v>
      </c>
      <c r="EL10" s="274">
        <v>356884</v>
      </c>
      <c r="EM10" s="274">
        <v>155362</v>
      </c>
      <c r="EN10" s="277">
        <v>1085965</v>
      </c>
      <c r="EO10" s="278">
        <v>1085965</v>
      </c>
      <c r="EP10" s="273">
        <v>0</v>
      </c>
      <c r="EQ10" s="274">
        <v>0</v>
      </c>
      <c r="ER10" s="275">
        <v>0</v>
      </c>
      <c r="ES10" s="279"/>
      <c r="ET10" s="274">
        <v>0</v>
      </c>
      <c r="EU10" s="274">
        <v>0</v>
      </c>
      <c r="EV10" s="274">
        <v>210</v>
      </c>
      <c r="EW10" s="274">
        <v>33720</v>
      </c>
      <c r="EX10" s="274">
        <v>29070</v>
      </c>
      <c r="EY10" s="277">
        <v>63000</v>
      </c>
      <c r="EZ10" s="278">
        <v>63000</v>
      </c>
      <c r="FA10" s="273">
        <v>0</v>
      </c>
      <c r="FB10" s="274">
        <v>0</v>
      </c>
      <c r="FC10" s="275">
        <v>0</v>
      </c>
      <c r="FD10" s="279"/>
      <c r="FE10" s="274">
        <v>0</v>
      </c>
      <c r="FF10" s="274">
        <v>0</v>
      </c>
      <c r="FG10" s="274">
        <v>273</v>
      </c>
      <c r="FH10" s="274">
        <v>72970</v>
      </c>
      <c r="FI10" s="274">
        <v>73288</v>
      </c>
      <c r="FJ10" s="277">
        <v>146531</v>
      </c>
      <c r="FK10" s="278">
        <v>146531</v>
      </c>
      <c r="FL10" s="273">
        <v>0</v>
      </c>
      <c r="FM10" s="274">
        <v>0</v>
      </c>
      <c r="FN10" s="275">
        <v>0</v>
      </c>
      <c r="FO10" s="279"/>
      <c r="FP10" s="274">
        <v>0</v>
      </c>
      <c r="FQ10" s="274">
        <v>20880</v>
      </c>
      <c r="FR10" s="274">
        <v>114858</v>
      </c>
      <c r="FS10" s="274">
        <v>207295</v>
      </c>
      <c r="FT10" s="274">
        <v>154680</v>
      </c>
      <c r="FU10" s="277">
        <v>497713</v>
      </c>
      <c r="FV10" s="278">
        <v>497713</v>
      </c>
      <c r="FW10" s="273">
        <v>0</v>
      </c>
      <c r="FX10" s="274">
        <v>3957</v>
      </c>
      <c r="FY10" s="275">
        <v>3957</v>
      </c>
      <c r="FZ10" s="276">
        <v>0</v>
      </c>
      <c r="GA10" s="274">
        <v>63887</v>
      </c>
      <c r="GB10" s="274">
        <v>322359</v>
      </c>
      <c r="GC10" s="274">
        <v>868045</v>
      </c>
      <c r="GD10" s="274">
        <v>853767</v>
      </c>
      <c r="GE10" s="274">
        <v>560259</v>
      </c>
      <c r="GF10" s="277">
        <v>2668317</v>
      </c>
      <c r="GG10" s="278">
        <v>2672274</v>
      </c>
      <c r="GH10" s="273">
        <v>0</v>
      </c>
      <c r="GI10" s="274">
        <v>0</v>
      </c>
      <c r="GJ10" s="275">
        <v>0</v>
      </c>
      <c r="GK10" s="276">
        <v>0</v>
      </c>
      <c r="GL10" s="274">
        <v>0</v>
      </c>
      <c r="GM10" s="274">
        <v>0</v>
      </c>
      <c r="GN10" s="274">
        <v>4022</v>
      </c>
      <c r="GO10" s="274">
        <v>84</v>
      </c>
      <c r="GP10" s="274">
        <v>0</v>
      </c>
      <c r="GQ10" s="277">
        <v>4106</v>
      </c>
      <c r="GR10" s="278">
        <v>4106</v>
      </c>
      <c r="GS10" s="273">
        <v>0</v>
      </c>
      <c r="GT10" s="274">
        <v>0</v>
      </c>
      <c r="GU10" s="275">
        <v>0</v>
      </c>
      <c r="GV10" s="276">
        <v>0</v>
      </c>
      <c r="GW10" s="274">
        <v>0</v>
      </c>
      <c r="GX10" s="274">
        <v>0</v>
      </c>
      <c r="GY10" s="274">
        <v>0</v>
      </c>
      <c r="GZ10" s="274">
        <v>0</v>
      </c>
      <c r="HA10" s="274">
        <v>0</v>
      </c>
      <c r="HB10" s="277">
        <v>0</v>
      </c>
      <c r="HC10" s="278">
        <v>0</v>
      </c>
      <c r="HD10" s="273">
        <v>0</v>
      </c>
      <c r="HE10" s="274">
        <v>0</v>
      </c>
      <c r="HF10" s="275">
        <v>0</v>
      </c>
      <c r="HG10" s="279"/>
      <c r="HH10" s="274">
        <v>0</v>
      </c>
      <c r="HI10" s="274">
        <v>0</v>
      </c>
      <c r="HJ10" s="274">
        <v>0</v>
      </c>
      <c r="HK10" s="274">
        <v>0</v>
      </c>
      <c r="HL10" s="274">
        <v>0</v>
      </c>
      <c r="HM10" s="277">
        <v>0</v>
      </c>
      <c r="HN10" s="278">
        <v>0</v>
      </c>
      <c r="HO10" s="273">
        <v>0</v>
      </c>
      <c r="HP10" s="274">
        <v>6872</v>
      </c>
      <c r="HQ10" s="275">
        <v>6872</v>
      </c>
      <c r="HR10" s="276">
        <v>0</v>
      </c>
      <c r="HS10" s="274">
        <v>990794</v>
      </c>
      <c r="HT10" s="274">
        <v>2885300</v>
      </c>
      <c r="HU10" s="274">
        <v>17406434</v>
      </c>
      <c r="HV10" s="274">
        <v>27291384</v>
      </c>
      <c r="HW10" s="274">
        <v>16042457</v>
      </c>
      <c r="HX10" s="277">
        <v>64616369</v>
      </c>
      <c r="HY10" s="278">
        <v>64623241</v>
      </c>
    </row>
    <row r="11" spans="2:233" ht="21" customHeight="1" x14ac:dyDescent="0.2">
      <c r="B11" s="472" t="s">
        <v>7</v>
      </c>
      <c r="C11" s="273">
        <v>435</v>
      </c>
      <c r="D11" s="274">
        <v>980</v>
      </c>
      <c r="E11" s="275">
        <v>1415</v>
      </c>
      <c r="F11" s="276">
        <v>0</v>
      </c>
      <c r="G11" s="274">
        <v>1651628</v>
      </c>
      <c r="H11" s="274">
        <v>2002726</v>
      </c>
      <c r="I11" s="274">
        <v>7009897</v>
      </c>
      <c r="J11" s="274">
        <v>9296970</v>
      </c>
      <c r="K11" s="274">
        <v>4669533</v>
      </c>
      <c r="L11" s="277">
        <v>24630754</v>
      </c>
      <c r="M11" s="278">
        <v>24632169</v>
      </c>
      <c r="N11" s="273">
        <v>0</v>
      </c>
      <c r="O11" s="274">
        <v>0</v>
      </c>
      <c r="P11" s="275">
        <v>0</v>
      </c>
      <c r="Q11" s="279"/>
      <c r="R11" s="274">
        <v>166500</v>
      </c>
      <c r="S11" s="274">
        <v>430235</v>
      </c>
      <c r="T11" s="274">
        <v>4886683</v>
      </c>
      <c r="U11" s="274">
        <v>7385615</v>
      </c>
      <c r="V11" s="274">
        <v>3818945</v>
      </c>
      <c r="W11" s="277">
        <v>16687978</v>
      </c>
      <c r="X11" s="278">
        <v>16687978</v>
      </c>
      <c r="Y11" s="273">
        <v>0</v>
      </c>
      <c r="Z11" s="274">
        <v>0</v>
      </c>
      <c r="AA11" s="275">
        <v>0</v>
      </c>
      <c r="AB11" s="279"/>
      <c r="AC11" s="274">
        <v>1301885</v>
      </c>
      <c r="AD11" s="274">
        <v>1311253</v>
      </c>
      <c r="AE11" s="274">
        <v>1782777</v>
      </c>
      <c r="AF11" s="274">
        <v>1592177</v>
      </c>
      <c r="AG11" s="274">
        <v>645403</v>
      </c>
      <c r="AH11" s="277">
        <v>6633495</v>
      </c>
      <c r="AI11" s="278">
        <v>6633495</v>
      </c>
      <c r="AJ11" s="273">
        <v>0</v>
      </c>
      <c r="AK11" s="274">
        <v>0</v>
      </c>
      <c r="AL11" s="275">
        <v>0</v>
      </c>
      <c r="AM11" s="279"/>
      <c r="AN11" s="274">
        <v>0</v>
      </c>
      <c r="AO11" s="274">
        <v>0</v>
      </c>
      <c r="AP11" s="274">
        <v>0</v>
      </c>
      <c r="AQ11" s="274">
        <v>0</v>
      </c>
      <c r="AR11" s="274">
        <v>3825</v>
      </c>
      <c r="AS11" s="277">
        <v>3825</v>
      </c>
      <c r="AT11" s="278">
        <v>3825</v>
      </c>
      <c r="AU11" s="273">
        <v>0</v>
      </c>
      <c r="AV11" s="274">
        <v>0</v>
      </c>
      <c r="AW11" s="275">
        <v>0</v>
      </c>
      <c r="AX11" s="279"/>
      <c r="AY11" s="274">
        <v>0</v>
      </c>
      <c r="AZ11" s="274">
        <v>0</v>
      </c>
      <c r="BA11" s="274">
        <v>0</v>
      </c>
      <c r="BB11" s="274">
        <v>34200</v>
      </c>
      <c r="BC11" s="274">
        <v>0</v>
      </c>
      <c r="BD11" s="277">
        <v>34200</v>
      </c>
      <c r="BE11" s="278">
        <v>34200</v>
      </c>
      <c r="BF11" s="273">
        <v>0</v>
      </c>
      <c r="BG11" s="274">
        <v>0</v>
      </c>
      <c r="BH11" s="275">
        <v>0</v>
      </c>
      <c r="BI11" s="279"/>
      <c r="BJ11" s="274">
        <v>0</v>
      </c>
      <c r="BK11" s="274">
        <v>0</v>
      </c>
      <c r="BL11" s="274">
        <v>0</v>
      </c>
      <c r="BM11" s="274">
        <v>0</v>
      </c>
      <c r="BN11" s="274">
        <v>0</v>
      </c>
      <c r="BO11" s="277">
        <v>0</v>
      </c>
      <c r="BP11" s="278">
        <v>0</v>
      </c>
      <c r="BQ11" s="273">
        <v>435</v>
      </c>
      <c r="BR11" s="274">
        <v>980</v>
      </c>
      <c r="BS11" s="275">
        <v>1415</v>
      </c>
      <c r="BT11" s="276">
        <v>0</v>
      </c>
      <c r="BU11" s="274">
        <v>183243</v>
      </c>
      <c r="BV11" s="274">
        <v>241368</v>
      </c>
      <c r="BW11" s="274">
        <v>317632</v>
      </c>
      <c r="BX11" s="274">
        <v>270728</v>
      </c>
      <c r="BY11" s="274">
        <v>182175</v>
      </c>
      <c r="BZ11" s="277">
        <v>1195146</v>
      </c>
      <c r="CA11" s="278">
        <v>1196561</v>
      </c>
      <c r="CB11" s="273">
        <v>0</v>
      </c>
      <c r="CC11" s="274">
        <v>0</v>
      </c>
      <c r="CD11" s="275">
        <v>0</v>
      </c>
      <c r="CE11" s="276">
        <v>0</v>
      </c>
      <c r="CF11" s="274">
        <v>0</v>
      </c>
      <c r="CG11" s="274">
        <v>19870</v>
      </c>
      <c r="CH11" s="274">
        <v>22805</v>
      </c>
      <c r="CI11" s="274">
        <v>14250</v>
      </c>
      <c r="CJ11" s="274">
        <v>19185</v>
      </c>
      <c r="CK11" s="277">
        <v>76110</v>
      </c>
      <c r="CL11" s="278">
        <v>76110</v>
      </c>
      <c r="CM11" s="273">
        <v>0</v>
      </c>
      <c r="CN11" s="274">
        <v>0</v>
      </c>
      <c r="CO11" s="275">
        <v>0</v>
      </c>
      <c r="CP11" s="276">
        <v>0</v>
      </c>
      <c r="CQ11" s="274">
        <v>0</v>
      </c>
      <c r="CR11" s="274">
        <v>0</v>
      </c>
      <c r="CS11" s="274">
        <v>0</v>
      </c>
      <c r="CT11" s="274">
        <v>0</v>
      </c>
      <c r="CU11" s="274">
        <v>0</v>
      </c>
      <c r="CV11" s="277">
        <v>0</v>
      </c>
      <c r="CW11" s="278">
        <v>0</v>
      </c>
      <c r="CX11" s="273">
        <v>0</v>
      </c>
      <c r="CY11" s="274">
        <v>0</v>
      </c>
      <c r="CZ11" s="275">
        <v>0</v>
      </c>
      <c r="DA11" s="279"/>
      <c r="DB11" s="274">
        <v>0</v>
      </c>
      <c r="DC11" s="274">
        <v>0</v>
      </c>
      <c r="DD11" s="274">
        <v>0</v>
      </c>
      <c r="DE11" s="274">
        <v>0</v>
      </c>
      <c r="DF11" s="274">
        <v>0</v>
      </c>
      <c r="DG11" s="277">
        <v>0</v>
      </c>
      <c r="DH11" s="278">
        <v>0</v>
      </c>
      <c r="DI11" s="273">
        <v>3480</v>
      </c>
      <c r="DJ11" s="274">
        <v>4212</v>
      </c>
      <c r="DK11" s="275">
        <v>7692</v>
      </c>
      <c r="DL11" s="276">
        <v>0</v>
      </c>
      <c r="DM11" s="274">
        <v>621375</v>
      </c>
      <c r="DN11" s="274">
        <v>1167407</v>
      </c>
      <c r="DO11" s="274">
        <v>6888286</v>
      </c>
      <c r="DP11" s="274">
        <v>9437319</v>
      </c>
      <c r="DQ11" s="274">
        <v>4776111</v>
      </c>
      <c r="DR11" s="277">
        <v>22890498</v>
      </c>
      <c r="DS11" s="280">
        <v>22898190</v>
      </c>
      <c r="DT11" s="273">
        <v>0</v>
      </c>
      <c r="DU11" s="274">
        <v>0</v>
      </c>
      <c r="DV11" s="275">
        <v>0</v>
      </c>
      <c r="DW11" s="279"/>
      <c r="DX11" s="274">
        <v>173850</v>
      </c>
      <c r="DY11" s="274">
        <v>564636</v>
      </c>
      <c r="DZ11" s="274">
        <v>6096401</v>
      </c>
      <c r="EA11" s="274">
        <v>8721571</v>
      </c>
      <c r="EB11" s="274">
        <v>4404834</v>
      </c>
      <c r="EC11" s="277">
        <v>19961292</v>
      </c>
      <c r="ED11" s="278">
        <v>19961292</v>
      </c>
      <c r="EE11" s="273">
        <v>0</v>
      </c>
      <c r="EF11" s="274">
        <v>0</v>
      </c>
      <c r="EG11" s="275">
        <v>0</v>
      </c>
      <c r="EH11" s="279"/>
      <c r="EI11" s="274">
        <v>159818</v>
      </c>
      <c r="EJ11" s="274">
        <v>186165</v>
      </c>
      <c r="EK11" s="274">
        <v>250369</v>
      </c>
      <c r="EL11" s="274">
        <v>313633</v>
      </c>
      <c r="EM11" s="274">
        <v>88466</v>
      </c>
      <c r="EN11" s="277">
        <v>998451</v>
      </c>
      <c r="EO11" s="278">
        <v>998451</v>
      </c>
      <c r="EP11" s="273">
        <v>0</v>
      </c>
      <c r="EQ11" s="274">
        <v>0</v>
      </c>
      <c r="ER11" s="275">
        <v>0</v>
      </c>
      <c r="ES11" s="279"/>
      <c r="ET11" s="274">
        <v>0</v>
      </c>
      <c r="EU11" s="274">
        <v>0</v>
      </c>
      <c r="EV11" s="274">
        <v>0</v>
      </c>
      <c r="EW11" s="274">
        <v>0</v>
      </c>
      <c r="EX11" s="274">
        <v>343</v>
      </c>
      <c r="EY11" s="277">
        <v>343</v>
      </c>
      <c r="EZ11" s="278">
        <v>343</v>
      </c>
      <c r="FA11" s="273">
        <v>0</v>
      </c>
      <c r="FB11" s="274">
        <v>0</v>
      </c>
      <c r="FC11" s="275">
        <v>0</v>
      </c>
      <c r="FD11" s="279"/>
      <c r="FE11" s="274">
        <v>0</v>
      </c>
      <c r="FF11" s="274">
        <v>0</v>
      </c>
      <c r="FG11" s="274">
        <v>0</v>
      </c>
      <c r="FH11" s="274">
        <v>420</v>
      </c>
      <c r="FI11" s="274">
        <v>0</v>
      </c>
      <c r="FJ11" s="277">
        <v>420</v>
      </c>
      <c r="FK11" s="278">
        <v>420</v>
      </c>
      <c r="FL11" s="273">
        <v>0</v>
      </c>
      <c r="FM11" s="274">
        <v>0</v>
      </c>
      <c r="FN11" s="275">
        <v>0</v>
      </c>
      <c r="FO11" s="279"/>
      <c r="FP11" s="274">
        <v>0</v>
      </c>
      <c r="FQ11" s="274">
        <v>0</v>
      </c>
      <c r="FR11" s="274">
        <v>0</v>
      </c>
      <c r="FS11" s="274">
        <v>0</v>
      </c>
      <c r="FT11" s="274">
        <v>0</v>
      </c>
      <c r="FU11" s="277">
        <v>0</v>
      </c>
      <c r="FV11" s="278">
        <v>0</v>
      </c>
      <c r="FW11" s="273">
        <v>3480</v>
      </c>
      <c r="FX11" s="274">
        <v>4212</v>
      </c>
      <c r="FY11" s="275">
        <v>7692</v>
      </c>
      <c r="FZ11" s="276">
        <v>0</v>
      </c>
      <c r="GA11" s="274">
        <v>287707</v>
      </c>
      <c r="GB11" s="274">
        <v>416284</v>
      </c>
      <c r="GC11" s="274">
        <v>539608</v>
      </c>
      <c r="GD11" s="274">
        <v>401352</v>
      </c>
      <c r="GE11" s="274">
        <v>254762</v>
      </c>
      <c r="GF11" s="277">
        <v>1899713</v>
      </c>
      <c r="GG11" s="278">
        <v>1907405</v>
      </c>
      <c r="GH11" s="273">
        <v>0</v>
      </c>
      <c r="GI11" s="274">
        <v>0</v>
      </c>
      <c r="GJ11" s="275">
        <v>0</v>
      </c>
      <c r="GK11" s="276">
        <v>0</v>
      </c>
      <c r="GL11" s="274">
        <v>0</v>
      </c>
      <c r="GM11" s="274">
        <v>322</v>
      </c>
      <c r="GN11" s="274">
        <v>1908</v>
      </c>
      <c r="GO11" s="274">
        <v>343</v>
      </c>
      <c r="GP11" s="274">
        <v>27706</v>
      </c>
      <c r="GQ11" s="277">
        <v>30279</v>
      </c>
      <c r="GR11" s="278">
        <v>30279</v>
      </c>
      <c r="GS11" s="273">
        <v>0</v>
      </c>
      <c r="GT11" s="274">
        <v>0</v>
      </c>
      <c r="GU11" s="275">
        <v>0</v>
      </c>
      <c r="GV11" s="276">
        <v>0</v>
      </c>
      <c r="GW11" s="274">
        <v>0</v>
      </c>
      <c r="GX11" s="274">
        <v>0</v>
      </c>
      <c r="GY11" s="274">
        <v>0</v>
      </c>
      <c r="GZ11" s="274">
        <v>0</v>
      </c>
      <c r="HA11" s="274">
        <v>0</v>
      </c>
      <c r="HB11" s="277">
        <v>0</v>
      </c>
      <c r="HC11" s="278">
        <v>0</v>
      </c>
      <c r="HD11" s="273">
        <v>0</v>
      </c>
      <c r="HE11" s="274">
        <v>0</v>
      </c>
      <c r="HF11" s="275">
        <v>0</v>
      </c>
      <c r="HG11" s="279"/>
      <c r="HH11" s="274">
        <v>0</v>
      </c>
      <c r="HI11" s="274">
        <v>0</v>
      </c>
      <c r="HJ11" s="274">
        <v>0</v>
      </c>
      <c r="HK11" s="274">
        <v>0</v>
      </c>
      <c r="HL11" s="274">
        <v>0</v>
      </c>
      <c r="HM11" s="277">
        <v>0</v>
      </c>
      <c r="HN11" s="278">
        <v>0</v>
      </c>
      <c r="HO11" s="273">
        <v>3915</v>
      </c>
      <c r="HP11" s="274">
        <v>5192</v>
      </c>
      <c r="HQ11" s="275">
        <v>9107</v>
      </c>
      <c r="HR11" s="276">
        <v>0</v>
      </c>
      <c r="HS11" s="274">
        <v>2273003</v>
      </c>
      <c r="HT11" s="274">
        <v>3170133</v>
      </c>
      <c r="HU11" s="274">
        <v>13898183</v>
      </c>
      <c r="HV11" s="274">
        <v>18734289</v>
      </c>
      <c r="HW11" s="274">
        <v>9445644</v>
      </c>
      <c r="HX11" s="277">
        <v>47521252</v>
      </c>
      <c r="HY11" s="278">
        <v>47530359</v>
      </c>
    </row>
    <row r="12" spans="2:233" ht="21" customHeight="1" x14ac:dyDescent="0.2">
      <c r="B12" s="472" t="s">
        <v>8</v>
      </c>
      <c r="C12" s="273">
        <v>1780</v>
      </c>
      <c r="D12" s="274">
        <v>5080</v>
      </c>
      <c r="E12" s="275">
        <v>6860</v>
      </c>
      <c r="F12" s="276">
        <v>0</v>
      </c>
      <c r="G12" s="274">
        <v>534512</v>
      </c>
      <c r="H12" s="274">
        <v>1203774</v>
      </c>
      <c r="I12" s="274">
        <v>5001347</v>
      </c>
      <c r="J12" s="274">
        <v>4609707</v>
      </c>
      <c r="K12" s="274">
        <v>2675701</v>
      </c>
      <c r="L12" s="277">
        <v>14025041</v>
      </c>
      <c r="M12" s="278">
        <v>14031901</v>
      </c>
      <c r="N12" s="273">
        <v>0</v>
      </c>
      <c r="O12" s="274">
        <v>0</v>
      </c>
      <c r="P12" s="275">
        <v>0</v>
      </c>
      <c r="Q12" s="279"/>
      <c r="R12" s="274">
        <v>171185</v>
      </c>
      <c r="S12" s="274">
        <v>338975</v>
      </c>
      <c r="T12" s="274">
        <v>3419533</v>
      </c>
      <c r="U12" s="274">
        <v>3380908</v>
      </c>
      <c r="V12" s="274">
        <v>2021367</v>
      </c>
      <c r="W12" s="277">
        <v>9331968</v>
      </c>
      <c r="X12" s="278">
        <v>9331968</v>
      </c>
      <c r="Y12" s="273">
        <v>0</v>
      </c>
      <c r="Z12" s="274">
        <v>0</v>
      </c>
      <c r="AA12" s="275">
        <v>0</v>
      </c>
      <c r="AB12" s="279"/>
      <c r="AC12" s="274">
        <v>260550</v>
      </c>
      <c r="AD12" s="274">
        <v>683245</v>
      </c>
      <c r="AE12" s="274">
        <v>1139144</v>
      </c>
      <c r="AF12" s="274">
        <v>785455</v>
      </c>
      <c r="AG12" s="274">
        <v>414200</v>
      </c>
      <c r="AH12" s="277">
        <v>3282594</v>
      </c>
      <c r="AI12" s="278">
        <v>3282594</v>
      </c>
      <c r="AJ12" s="273">
        <v>0</v>
      </c>
      <c r="AK12" s="274">
        <v>0</v>
      </c>
      <c r="AL12" s="275">
        <v>0</v>
      </c>
      <c r="AM12" s="279"/>
      <c r="AN12" s="274">
        <v>0</v>
      </c>
      <c r="AO12" s="274">
        <v>0</v>
      </c>
      <c r="AP12" s="274">
        <v>0</v>
      </c>
      <c r="AQ12" s="274">
        <v>0</v>
      </c>
      <c r="AR12" s="274">
        <v>0</v>
      </c>
      <c r="AS12" s="277">
        <v>0</v>
      </c>
      <c r="AT12" s="278">
        <v>0</v>
      </c>
      <c r="AU12" s="273">
        <v>0</v>
      </c>
      <c r="AV12" s="274">
        <v>0</v>
      </c>
      <c r="AW12" s="275">
        <v>0</v>
      </c>
      <c r="AX12" s="279"/>
      <c r="AY12" s="274">
        <v>34350</v>
      </c>
      <c r="AZ12" s="274">
        <v>0</v>
      </c>
      <c r="BA12" s="274">
        <v>31650</v>
      </c>
      <c r="BB12" s="274">
        <v>2550</v>
      </c>
      <c r="BC12" s="274">
        <v>68550</v>
      </c>
      <c r="BD12" s="277">
        <v>137100</v>
      </c>
      <c r="BE12" s="278">
        <v>137100</v>
      </c>
      <c r="BF12" s="273">
        <v>0</v>
      </c>
      <c r="BG12" s="274">
        <v>0</v>
      </c>
      <c r="BH12" s="275">
        <v>0</v>
      </c>
      <c r="BI12" s="279"/>
      <c r="BJ12" s="274">
        <v>0</v>
      </c>
      <c r="BK12" s="274">
        <v>2550</v>
      </c>
      <c r="BL12" s="274">
        <v>46950</v>
      </c>
      <c r="BM12" s="274">
        <v>201205</v>
      </c>
      <c r="BN12" s="274">
        <v>73075</v>
      </c>
      <c r="BO12" s="277">
        <v>323780</v>
      </c>
      <c r="BP12" s="278">
        <v>323780</v>
      </c>
      <c r="BQ12" s="273">
        <v>1780</v>
      </c>
      <c r="BR12" s="274">
        <v>5080</v>
      </c>
      <c r="BS12" s="275">
        <v>6860</v>
      </c>
      <c r="BT12" s="276">
        <v>0</v>
      </c>
      <c r="BU12" s="274">
        <v>68327</v>
      </c>
      <c r="BV12" s="274">
        <v>163329</v>
      </c>
      <c r="BW12" s="274">
        <v>344507</v>
      </c>
      <c r="BX12" s="274">
        <v>239589</v>
      </c>
      <c r="BY12" s="274">
        <v>98509</v>
      </c>
      <c r="BZ12" s="277">
        <v>914261</v>
      </c>
      <c r="CA12" s="278">
        <v>921121</v>
      </c>
      <c r="CB12" s="273">
        <v>0</v>
      </c>
      <c r="CC12" s="274">
        <v>0</v>
      </c>
      <c r="CD12" s="275">
        <v>0</v>
      </c>
      <c r="CE12" s="276">
        <v>0</v>
      </c>
      <c r="CF12" s="274">
        <v>100</v>
      </c>
      <c r="CG12" s="274">
        <v>15675</v>
      </c>
      <c r="CH12" s="274">
        <v>19563</v>
      </c>
      <c r="CI12" s="274">
        <v>0</v>
      </c>
      <c r="CJ12" s="274">
        <v>0</v>
      </c>
      <c r="CK12" s="277">
        <v>35338</v>
      </c>
      <c r="CL12" s="278">
        <v>35338</v>
      </c>
      <c r="CM12" s="273">
        <v>0</v>
      </c>
      <c r="CN12" s="274">
        <v>0</v>
      </c>
      <c r="CO12" s="275">
        <v>0</v>
      </c>
      <c r="CP12" s="276">
        <v>0</v>
      </c>
      <c r="CQ12" s="274">
        <v>0</v>
      </c>
      <c r="CR12" s="274">
        <v>0</v>
      </c>
      <c r="CS12" s="274">
        <v>0</v>
      </c>
      <c r="CT12" s="274">
        <v>0</v>
      </c>
      <c r="CU12" s="274">
        <v>0</v>
      </c>
      <c r="CV12" s="277">
        <v>0</v>
      </c>
      <c r="CW12" s="278">
        <v>0</v>
      </c>
      <c r="CX12" s="273">
        <v>0</v>
      </c>
      <c r="CY12" s="274">
        <v>0</v>
      </c>
      <c r="CZ12" s="275">
        <v>0</v>
      </c>
      <c r="DA12" s="279"/>
      <c r="DB12" s="274">
        <v>0</v>
      </c>
      <c r="DC12" s="274">
        <v>0</v>
      </c>
      <c r="DD12" s="274">
        <v>0</v>
      </c>
      <c r="DE12" s="274">
        <v>0</v>
      </c>
      <c r="DF12" s="274">
        <v>0</v>
      </c>
      <c r="DG12" s="277">
        <v>0</v>
      </c>
      <c r="DH12" s="278">
        <v>0</v>
      </c>
      <c r="DI12" s="273">
        <v>2784</v>
      </c>
      <c r="DJ12" s="274">
        <v>9757</v>
      </c>
      <c r="DK12" s="275">
        <v>12541</v>
      </c>
      <c r="DL12" s="276">
        <v>0</v>
      </c>
      <c r="DM12" s="274">
        <v>408457</v>
      </c>
      <c r="DN12" s="274">
        <v>1113367</v>
      </c>
      <c r="DO12" s="274">
        <v>5532360</v>
      </c>
      <c r="DP12" s="274">
        <v>5627465</v>
      </c>
      <c r="DQ12" s="274">
        <v>3111688</v>
      </c>
      <c r="DR12" s="277">
        <v>15793337</v>
      </c>
      <c r="DS12" s="280">
        <v>15805878</v>
      </c>
      <c r="DT12" s="273">
        <v>0</v>
      </c>
      <c r="DU12" s="274">
        <v>0</v>
      </c>
      <c r="DV12" s="275">
        <v>0</v>
      </c>
      <c r="DW12" s="279"/>
      <c r="DX12" s="274">
        <v>237516</v>
      </c>
      <c r="DY12" s="274">
        <v>763210</v>
      </c>
      <c r="DZ12" s="274">
        <v>4519507</v>
      </c>
      <c r="EA12" s="274">
        <v>4756331</v>
      </c>
      <c r="EB12" s="274">
        <v>2729679</v>
      </c>
      <c r="EC12" s="277">
        <v>13006243</v>
      </c>
      <c r="ED12" s="278">
        <v>13006243</v>
      </c>
      <c r="EE12" s="273">
        <v>0</v>
      </c>
      <c r="EF12" s="274">
        <v>0</v>
      </c>
      <c r="EG12" s="275">
        <v>0</v>
      </c>
      <c r="EH12" s="279"/>
      <c r="EI12" s="274">
        <v>45000</v>
      </c>
      <c r="EJ12" s="274">
        <v>85479</v>
      </c>
      <c r="EK12" s="274">
        <v>138346</v>
      </c>
      <c r="EL12" s="274">
        <v>126126</v>
      </c>
      <c r="EM12" s="274">
        <v>41563</v>
      </c>
      <c r="EN12" s="277">
        <v>436514</v>
      </c>
      <c r="EO12" s="278">
        <v>436514</v>
      </c>
      <c r="EP12" s="273">
        <v>0</v>
      </c>
      <c r="EQ12" s="274">
        <v>0</v>
      </c>
      <c r="ER12" s="275">
        <v>0</v>
      </c>
      <c r="ES12" s="279"/>
      <c r="ET12" s="274">
        <v>0</v>
      </c>
      <c r="EU12" s="274">
        <v>0</v>
      </c>
      <c r="EV12" s="274">
        <v>0</v>
      </c>
      <c r="EW12" s="274">
        <v>0</v>
      </c>
      <c r="EX12" s="274">
        <v>0</v>
      </c>
      <c r="EY12" s="277">
        <v>0</v>
      </c>
      <c r="EZ12" s="278">
        <v>0</v>
      </c>
      <c r="FA12" s="273">
        <v>0</v>
      </c>
      <c r="FB12" s="274">
        <v>0</v>
      </c>
      <c r="FC12" s="275">
        <v>0</v>
      </c>
      <c r="FD12" s="279"/>
      <c r="FE12" s="274">
        <v>11310</v>
      </c>
      <c r="FF12" s="274">
        <v>0</v>
      </c>
      <c r="FG12" s="274">
        <v>210</v>
      </c>
      <c r="FH12" s="274">
        <v>210</v>
      </c>
      <c r="FI12" s="274">
        <v>11730</v>
      </c>
      <c r="FJ12" s="277">
        <v>23460</v>
      </c>
      <c r="FK12" s="278">
        <v>23460</v>
      </c>
      <c r="FL12" s="273">
        <v>0</v>
      </c>
      <c r="FM12" s="274">
        <v>0</v>
      </c>
      <c r="FN12" s="275">
        <v>0</v>
      </c>
      <c r="FO12" s="279"/>
      <c r="FP12" s="274">
        <v>0</v>
      </c>
      <c r="FQ12" s="274">
        <v>20880</v>
      </c>
      <c r="FR12" s="274">
        <v>160860</v>
      </c>
      <c r="FS12" s="274">
        <v>322406</v>
      </c>
      <c r="FT12" s="274">
        <v>151200</v>
      </c>
      <c r="FU12" s="277">
        <v>655346</v>
      </c>
      <c r="FV12" s="278">
        <v>655346</v>
      </c>
      <c r="FW12" s="273">
        <v>2784</v>
      </c>
      <c r="FX12" s="274">
        <v>9757</v>
      </c>
      <c r="FY12" s="275">
        <v>12541</v>
      </c>
      <c r="FZ12" s="276">
        <v>0</v>
      </c>
      <c r="GA12" s="274">
        <v>114617</v>
      </c>
      <c r="GB12" s="274">
        <v>243581</v>
      </c>
      <c r="GC12" s="274">
        <v>711393</v>
      </c>
      <c r="GD12" s="274">
        <v>422392</v>
      </c>
      <c r="GE12" s="274">
        <v>177516</v>
      </c>
      <c r="GF12" s="277">
        <v>1669499</v>
      </c>
      <c r="GG12" s="278">
        <v>1682040</v>
      </c>
      <c r="GH12" s="273">
        <v>0</v>
      </c>
      <c r="GI12" s="274">
        <v>0</v>
      </c>
      <c r="GJ12" s="275">
        <v>0</v>
      </c>
      <c r="GK12" s="276">
        <v>0</v>
      </c>
      <c r="GL12" s="274">
        <v>14</v>
      </c>
      <c r="GM12" s="274">
        <v>217</v>
      </c>
      <c r="GN12" s="274">
        <v>2044</v>
      </c>
      <c r="GO12" s="274">
        <v>0</v>
      </c>
      <c r="GP12" s="274">
        <v>0</v>
      </c>
      <c r="GQ12" s="277">
        <v>2275</v>
      </c>
      <c r="GR12" s="278">
        <v>2275</v>
      </c>
      <c r="GS12" s="273">
        <v>0</v>
      </c>
      <c r="GT12" s="274">
        <v>0</v>
      </c>
      <c r="GU12" s="275">
        <v>0</v>
      </c>
      <c r="GV12" s="276">
        <v>0</v>
      </c>
      <c r="GW12" s="274">
        <v>0</v>
      </c>
      <c r="GX12" s="274">
        <v>0</v>
      </c>
      <c r="GY12" s="274">
        <v>0</v>
      </c>
      <c r="GZ12" s="274">
        <v>0</v>
      </c>
      <c r="HA12" s="274">
        <v>0</v>
      </c>
      <c r="HB12" s="277">
        <v>0</v>
      </c>
      <c r="HC12" s="278">
        <v>0</v>
      </c>
      <c r="HD12" s="273">
        <v>0</v>
      </c>
      <c r="HE12" s="274">
        <v>0</v>
      </c>
      <c r="HF12" s="275">
        <v>0</v>
      </c>
      <c r="HG12" s="279"/>
      <c r="HH12" s="274">
        <v>0</v>
      </c>
      <c r="HI12" s="274">
        <v>0</v>
      </c>
      <c r="HJ12" s="274">
        <v>0</v>
      </c>
      <c r="HK12" s="274">
        <v>0</v>
      </c>
      <c r="HL12" s="274">
        <v>0</v>
      </c>
      <c r="HM12" s="277">
        <v>0</v>
      </c>
      <c r="HN12" s="278">
        <v>0</v>
      </c>
      <c r="HO12" s="273">
        <v>4564</v>
      </c>
      <c r="HP12" s="274">
        <v>14837</v>
      </c>
      <c r="HQ12" s="275">
        <v>19401</v>
      </c>
      <c r="HR12" s="276">
        <v>0</v>
      </c>
      <c r="HS12" s="274">
        <v>942969</v>
      </c>
      <c r="HT12" s="274">
        <v>2317141</v>
      </c>
      <c r="HU12" s="274">
        <v>10533707</v>
      </c>
      <c r="HV12" s="274">
        <v>10237172</v>
      </c>
      <c r="HW12" s="274">
        <v>5787389</v>
      </c>
      <c r="HX12" s="277">
        <v>29818378</v>
      </c>
      <c r="HY12" s="278">
        <v>29837779</v>
      </c>
    </row>
    <row r="13" spans="2:233" ht="21" customHeight="1" x14ac:dyDescent="0.2">
      <c r="B13" s="472" t="s">
        <v>9</v>
      </c>
      <c r="C13" s="273">
        <v>2880</v>
      </c>
      <c r="D13" s="274">
        <v>13261</v>
      </c>
      <c r="E13" s="275">
        <v>16141</v>
      </c>
      <c r="F13" s="276">
        <v>0</v>
      </c>
      <c r="G13" s="274">
        <v>250106</v>
      </c>
      <c r="H13" s="274">
        <v>276417</v>
      </c>
      <c r="I13" s="274">
        <v>1902813</v>
      </c>
      <c r="J13" s="274">
        <v>2474162</v>
      </c>
      <c r="K13" s="274">
        <v>1581241</v>
      </c>
      <c r="L13" s="277">
        <v>6484739</v>
      </c>
      <c r="M13" s="278">
        <v>6500880</v>
      </c>
      <c r="N13" s="273">
        <v>0</v>
      </c>
      <c r="O13" s="274">
        <v>0</v>
      </c>
      <c r="P13" s="275">
        <v>0</v>
      </c>
      <c r="Q13" s="279"/>
      <c r="R13" s="274">
        <v>68400</v>
      </c>
      <c r="S13" s="274">
        <v>34200</v>
      </c>
      <c r="T13" s="274">
        <v>1374720</v>
      </c>
      <c r="U13" s="274">
        <v>1809092</v>
      </c>
      <c r="V13" s="274">
        <v>1310220</v>
      </c>
      <c r="W13" s="277">
        <v>4596632</v>
      </c>
      <c r="X13" s="278">
        <v>4596632</v>
      </c>
      <c r="Y13" s="273">
        <v>0</v>
      </c>
      <c r="Z13" s="274">
        <v>0</v>
      </c>
      <c r="AA13" s="275">
        <v>0</v>
      </c>
      <c r="AB13" s="279"/>
      <c r="AC13" s="274">
        <v>147120</v>
      </c>
      <c r="AD13" s="274">
        <v>138785</v>
      </c>
      <c r="AE13" s="274">
        <v>373145</v>
      </c>
      <c r="AF13" s="274">
        <v>569860</v>
      </c>
      <c r="AG13" s="274">
        <v>204960</v>
      </c>
      <c r="AH13" s="277">
        <v>1433870</v>
      </c>
      <c r="AI13" s="278">
        <v>1433870</v>
      </c>
      <c r="AJ13" s="273">
        <v>0</v>
      </c>
      <c r="AK13" s="274">
        <v>0</v>
      </c>
      <c r="AL13" s="275">
        <v>0</v>
      </c>
      <c r="AM13" s="279"/>
      <c r="AN13" s="274">
        <v>0</v>
      </c>
      <c r="AO13" s="274">
        <v>0</v>
      </c>
      <c r="AP13" s="274">
        <v>0</v>
      </c>
      <c r="AQ13" s="274">
        <v>0</v>
      </c>
      <c r="AR13" s="274">
        <v>0</v>
      </c>
      <c r="AS13" s="277">
        <v>0</v>
      </c>
      <c r="AT13" s="278">
        <v>0</v>
      </c>
      <c r="AU13" s="273">
        <v>0</v>
      </c>
      <c r="AV13" s="274">
        <v>0</v>
      </c>
      <c r="AW13" s="275">
        <v>0</v>
      </c>
      <c r="AX13" s="279"/>
      <c r="AY13" s="274">
        <v>0</v>
      </c>
      <c r="AZ13" s="274">
        <v>0</v>
      </c>
      <c r="BA13" s="274">
        <v>0</v>
      </c>
      <c r="BB13" s="274">
        <v>7735</v>
      </c>
      <c r="BC13" s="274">
        <v>7565</v>
      </c>
      <c r="BD13" s="277">
        <v>15300</v>
      </c>
      <c r="BE13" s="278">
        <v>15300</v>
      </c>
      <c r="BF13" s="273">
        <v>0</v>
      </c>
      <c r="BG13" s="274">
        <v>0</v>
      </c>
      <c r="BH13" s="275">
        <v>0</v>
      </c>
      <c r="BI13" s="279"/>
      <c r="BJ13" s="274">
        <v>0</v>
      </c>
      <c r="BK13" s="274">
        <v>0</v>
      </c>
      <c r="BL13" s="274">
        <v>0</v>
      </c>
      <c r="BM13" s="274">
        <v>23850</v>
      </c>
      <c r="BN13" s="274">
        <v>0</v>
      </c>
      <c r="BO13" s="277">
        <v>23850</v>
      </c>
      <c r="BP13" s="278">
        <v>23850</v>
      </c>
      <c r="BQ13" s="273">
        <v>2880</v>
      </c>
      <c r="BR13" s="274">
        <v>10980</v>
      </c>
      <c r="BS13" s="275">
        <v>13860</v>
      </c>
      <c r="BT13" s="276">
        <v>0</v>
      </c>
      <c r="BU13" s="274">
        <v>31696</v>
      </c>
      <c r="BV13" s="274">
        <v>103237</v>
      </c>
      <c r="BW13" s="274">
        <v>150594</v>
      </c>
      <c r="BX13" s="274">
        <v>60067</v>
      </c>
      <c r="BY13" s="274">
        <v>49696</v>
      </c>
      <c r="BZ13" s="277">
        <v>395290</v>
      </c>
      <c r="CA13" s="278">
        <v>409150</v>
      </c>
      <c r="CB13" s="273">
        <v>0</v>
      </c>
      <c r="CC13" s="274">
        <v>2281</v>
      </c>
      <c r="CD13" s="275">
        <v>2281</v>
      </c>
      <c r="CE13" s="276">
        <v>0</v>
      </c>
      <c r="CF13" s="274">
        <v>2890</v>
      </c>
      <c r="CG13" s="274">
        <v>195</v>
      </c>
      <c r="CH13" s="274">
        <v>4354</v>
      </c>
      <c r="CI13" s="274">
        <v>3558</v>
      </c>
      <c r="CJ13" s="274">
        <v>8800</v>
      </c>
      <c r="CK13" s="277">
        <v>19797</v>
      </c>
      <c r="CL13" s="278">
        <v>22078</v>
      </c>
      <c r="CM13" s="273">
        <v>0</v>
      </c>
      <c r="CN13" s="274">
        <v>0</v>
      </c>
      <c r="CO13" s="275">
        <v>0</v>
      </c>
      <c r="CP13" s="276">
        <v>0</v>
      </c>
      <c r="CQ13" s="274">
        <v>0</v>
      </c>
      <c r="CR13" s="274">
        <v>0</v>
      </c>
      <c r="CS13" s="274">
        <v>0</v>
      </c>
      <c r="CT13" s="274">
        <v>0</v>
      </c>
      <c r="CU13" s="274">
        <v>0</v>
      </c>
      <c r="CV13" s="277">
        <v>0</v>
      </c>
      <c r="CW13" s="278">
        <v>0</v>
      </c>
      <c r="CX13" s="273">
        <v>0</v>
      </c>
      <c r="CY13" s="274">
        <v>0</v>
      </c>
      <c r="CZ13" s="275">
        <v>0</v>
      </c>
      <c r="DA13" s="279"/>
      <c r="DB13" s="274">
        <v>0</v>
      </c>
      <c r="DC13" s="274">
        <v>0</v>
      </c>
      <c r="DD13" s="274">
        <v>0</v>
      </c>
      <c r="DE13" s="274">
        <v>0</v>
      </c>
      <c r="DF13" s="274">
        <v>0</v>
      </c>
      <c r="DG13" s="277">
        <v>0</v>
      </c>
      <c r="DH13" s="278">
        <v>0</v>
      </c>
      <c r="DI13" s="273">
        <v>1940</v>
      </c>
      <c r="DJ13" s="274">
        <v>9963</v>
      </c>
      <c r="DK13" s="275">
        <v>11903</v>
      </c>
      <c r="DL13" s="276">
        <v>0</v>
      </c>
      <c r="DM13" s="274">
        <v>197726</v>
      </c>
      <c r="DN13" s="274">
        <v>228070</v>
      </c>
      <c r="DO13" s="274">
        <v>2217344</v>
      </c>
      <c r="DP13" s="274">
        <v>2843812</v>
      </c>
      <c r="DQ13" s="274">
        <v>2005703</v>
      </c>
      <c r="DR13" s="277">
        <v>7492655</v>
      </c>
      <c r="DS13" s="280">
        <v>7504558</v>
      </c>
      <c r="DT13" s="273">
        <v>0</v>
      </c>
      <c r="DU13" s="274">
        <v>0</v>
      </c>
      <c r="DV13" s="275">
        <v>0</v>
      </c>
      <c r="DW13" s="279"/>
      <c r="DX13" s="274">
        <v>98556</v>
      </c>
      <c r="DY13" s="274">
        <v>56460</v>
      </c>
      <c r="DZ13" s="274">
        <v>1872290</v>
      </c>
      <c r="EA13" s="274">
        <v>2609388</v>
      </c>
      <c r="EB13" s="274">
        <v>1873546</v>
      </c>
      <c r="EC13" s="277">
        <v>6510240</v>
      </c>
      <c r="ED13" s="278">
        <v>6510240</v>
      </c>
      <c r="EE13" s="273">
        <v>0</v>
      </c>
      <c r="EF13" s="274">
        <v>0</v>
      </c>
      <c r="EG13" s="275">
        <v>0</v>
      </c>
      <c r="EH13" s="279"/>
      <c r="EI13" s="274">
        <v>44407</v>
      </c>
      <c r="EJ13" s="274">
        <v>34759</v>
      </c>
      <c r="EK13" s="274">
        <v>45145</v>
      </c>
      <c r="EL13" s="274">
        <v>88743</v>
      </c>
      <c r="EM13" s="274">
        <v>26337</v>
      </c>
      <c r="EN13" s="277">
        <v>239391</v>
      </c>
      <c r="EO13" s="278">
        <v>239391</v>
      </c>
      <c r="EP13" s="273">
        <v>0</v>
      </c>
      <c r="EQ13" s="274">
        <v>0</v>
      </c>
      <c r="ER13" s="275">
        <v>0</v>
      </c>
      <c r="ES13" s="279"/>
      <c r="ET13" s="274">
        <v>0</v>
      </c>
      <c r="EU13" s="274">
        <v>0</v>
      </c>
      <c r="EV13" s="274">
        <v>0</v>
      </c>
      <c r="EW13" s="274">
        <v>0</v>
      </c>
      <c r="EX13" s="274">
        <v>0</v>
      </c>
      <c r="EY13" s="277">
        <v>0</v>
      </c>
      <c r="EZ13" s="278">
        <v>0</v>
      </c>
      <c r="FA13" s="273">
        <v>0</v>
      </c>
      <c r="FB13" s="274">
        <v>0</v>
      </c>
      <c r="FC13" s="275">
        <v>0</v>
      </c>
      <c r="FD13" s="279"/>
      <c r="FE13" s="274">
        <v>0</v>
      </c>
      <c r="FF13" s="274">
        <v>0</v>
      </c>
      <c r="FG13" s="274">
        <v>0</v>
      </c>
      <c r="FH13" s="274">
        <v>637</v>
      </c>
      <c r="FI13" s="274">
        <v>630</v>
      </c>
      <c r="FJ13" s="277">
        <v>1267</v>
      </c>
      <c r="FK13" s="278">
        <v>1267</v>
      </c>
      <c r="FL13" s="273">
        <v>0</v>
      </c>
      <c r="FM13" s="274">
        <v>0</v>
      </c>
      <c r="FN13" s="275">
        <v>0</v>
      </c>
      <c r="FO13" s="279"/>
      <c r="FP13" s="274">
        <v>0</v>
      </c>
      <c r="FQ13" s="274">
        <v>0</v>
      </c>
      <c r="FR13" s="274">
        <v>0</v>
      </c>
      <c r="FS13" s="274">
        <v>20880</v>
      </c>
      <c r="FT13" s="274">
        <v>0</v>
      </c>
      <c r="FU13" s="277">
        <v>20880</v>
      </c>
      <c r="FV13" s="278">
        <v>20880</v>
      </c>
      <c r="FW13" s="273">
        <v>1940</v>
      </c>
      <c r="FX13" s="274">
        <v>9942</v>
      </c>
      <c r="FY13" s="275">
        <v>11882</v>
      </c>
      <c r="FZ13" s="276">
        <v>0</v>
      </c>
      <c r="GA13" s="274">
        <v>54735</v>
      </c>
      <c r="GB13" s="274">
        <v>136830</v>
      </c>
      <c r="GC13" s="274">
        <v>299727</v>
      </c>
      <c r="GD13" s="274">
        <v>123996</v>
      </c>
      <c r="GE13" s="274">
        <v>103263</v>
      </c>
      <c r="GF13" s="277">
        <v>718551</v>
      </c>
      <c r="GG13" s="278">
        <v>730433</v>
      </c>
      <c r="GH13" s="273">
        <v>0</v>
      </c>
      <c r="GI13" s="274">
        <v>21</v>
      </c>
      <c r="GJ13" s="275">
        <v>21</v>
      </c>
      <c r="GK13" s="276">
        <v>0</v>
      </c>
      <c r="GL13" s="274">
        <v>28</v>
      </c>
      <c r="GM13" s="274">
        <v>21</v>
      </c>
      <c r="GN13" s="274">
        <v>182</v>
      </c>
      <c r="GO13" s="274">
        <v>168</v>
      </c>
      <c r="GP13" s="274">
        <v>1927</v>
      </c>
      <c r="GQ13" s="277">
        <v>2326</v>
      </c>
      <c r="GR13" s="278">
        <v>2347</v>
      </c>
      <c r="GS13" s="273">
        <v>0</v>
      </c>
      <c r="GT13" s="274">
        <v>0</v>
      </c>
      <c r="GU13" s="275">
        <v>0</v>
      </c>
      <c r="GV13" s="276">
        <v>0</v>
      </c>
      <c r="GW13" s="274">
        <v>0</v>
      </c>
      <c r="GX13" s="274">
        <v>0</v>
      </c>
      <c r="GY13" s="274">
        <v>0</v>
      </c>
      <c r="GZ13" s="274">
        <v>0</v>
      </c>
      <c r="HA13" s="274">
        <v>0</v>
      </c>
      <c r="HB13" s="277">
        <v>0</v>
      </c>
      <c r="HC13" s="278">
        <v>0</v>
      </c>
      <c r="HD13" s="273">
        <v>0</v>
      </c>
      <c r="HE13" s="274">
        <v>0</v>
      </c>
      <c r="HF13" s="275">
        <v>0</v>
      </c>
      <c r="HG13" s="279"/>
      <c r="HH13" s="274">
        <v>0</v>
      </c>
      <c r="HI13" s="274">
        <v>0</v>
      </c>
      <c r="HJ13" s="274">
        <v>0</v>
      </c>
      <c r="HK13" s="274">
        <v>0</v>
      </c>
      <c r="HL13" s="274">
        <v>0</v>
      </c>
      <c r="HM13" s="277">
        <v>0</v>
      </c>
      <c r="HN13" s="278">
        <v>0</v>
      </c>
      <c r="HO13" s="273">
        <v>4820</v>
      </c>
      <c r="HP13" s="274">
        <v>23224</v>
      </c>
      <c r="HQ13" s="275">
        <v>28044</v>
      </c>
      <c r="HR13" s="276">
        <v>0</v>
      </c>
      <c r="HS13" s="274">
        <v>447832</v>
      </c>
      <c r="HT13" s="274">
        <v>504487</v>
      </c>
      <c r="HU13" s="274">
        <v>4120157</v>
      </c>
      <c r="HV13" s="274">
        <v>5317974</v>
      </c>
      <c r="HW13" s="274">
        <v>3586944</v>
      </c>
      <c r="HX13" s="277">
        <v>13977394</v>
      </c>
      <c r="HY13" s="278">
        <v>14005438</v>
      </c>
    </row>
    <row r="14" spans="2:233" ht="21" customHeight="1" x14ac:dyDescent="0.2">
      <c r="B14" s="472" t="s">
        <v>10</v>
      </c>
      <c r="C14" s="273">
        <v>0</v>
      </c>
      <c r="D14" s="274">
        <v>18425</v>
      </c>
      <c r="E14" s="275">
        <v>18425</v>
      </c>
      <c r="F14" s="276">
        <v>0</v>
      </c>
      <c r="G14" s="274">
        <v>709085</v>
      </c>
      <c r="H14" s="274">
        <v>1144178</v>
      </c>
      <c r="I14" s="274">
        <v>3111141</v>
      </c>
      <c r="J14" s="274">
        <v>4436285</v>
      </c>
      <c r="K14" s="274">
        <v>4170589</v>
      </c>
      <c r="L14" s="277">
        <v>13571278</v>
      </c>
      <c r="M14" s="278">
        <v>13589703</v>
      </c>
      <c r="N14" s="273">
        <v>0</v>
      </c>
      <c r="O14" s="274">
        <v>0</v>
      </c>
      <c r="P14" s="275">
        <v>0</v>
      </c>
      <c r="Q14" s="279"/>
      <c r="R14" s="274">
        <v>73075</v>
      </c>
      <c r="S14" s="274">
        <v>267245</v>
      </c>
      <c r="T14" s="274">
        <v>1808790</v>
      </c>
      <c r="U14" s="274">
        <v>3194459</v>
      </c>
      <c r="V14" s="274">
        <v>3137160</v>
      </c>
      <c r="W14" s="277">
        <v>8480729</v>
      </c>
      <c r="X14" s="278">
        <v>8480729</v>
      </c>
      <c r="Y14" s="273">
        <v>0</v>
      </c>
      <c r="Z14" s="274">
        <v>0</v>
      </c>
      <c r="AA14" s="275">
        <v>0</v>
      </c>
      <c r="AB14" s="279"/>
      <c r="AC14" s="274">
        <v>505555</v>
      </c>
      <c r="AD14" s="274">
        <v>680445</v>
      </c>
      <c r="AE14" s="274">
        <v>1051437</v>
      </c>
      <c r="AF14" s="274">
        <v>842420</v>
      </c>
      <c r="AG14" s="274">
        <v>633505</v>
      </c>
      <c r="AH14" s="277">
        <v>3713362</v>
      </c>
      <c r="AI14" s="278">
        <v>3713362</v>
      </c>
      <c r="AJ14" s="273">
        <v>0</v>
      </c>
      <c r="AK14" s="274">
        <v>0</v>
      </c>
      <c r="AL14" s="275">
        <v>0</v>
      </c>
      <c r="AM14" s="279"/>
      <c r="AN14" s="274">
        <v>0</v>
      </c>
      <c r="AO14" s="274">
        <v>0</v>
      </c>
      <c r="AP14" s="274">
        <v>0</v>
      </c>
      <c r="AQ14" s="274">
        <v>0</v>
      </c>
      <c r="AR14" s="274">
        <v>0</v>
      </c>
      <c r="AS14" s="277">
        <v>0</v>
      </c>
      <c r="AT14" s="278">
        <v>0</v>
      </c>
      <c r="AU14" s="273">
        <v>0</v>
      </c>
      <c r="AV14" s="274">
        <v>0</v>
      </c>
      <c r="AW14" s="275">
        <v>0</v>
      </c>
      <c r="AX14" s="279"/>
      <c r="AY14" s="274">
        <v>0</v>
      </c>
      <c r="AZ14" s="274">
        <v>0</v>
      </c>
      <c r="BA14" s="274">
        <v>0</v>
      </c>
      <c r="BB14" s="274">
        <v>79350</v>
      </c>
      <c r="BC14" s="274">
        <v>192150</v>
      </c>
      <c r="BD14" s="277">
        <v>271500</v>
      </c>
      <c r="BE14" s="278">
        <v>271500</v>
      </c>
      <c r="BF14" s="273">
        <v>0</v>
      </c>
      <c r="BG14" s="274">
        <v>0</v>
      </c>
      <c r="BH14" s="275">
        <v>0</v>
      </c>
      <c r="BI14" s="279"/>
      <c r="BJ14" s="274">
        <v>0</v>
      </c>
      <c r="BK14" s="274">
        <v>0</v>
      </c>
      <c r="BL14" s="274">
        <v>0</v>
      </c>
      <c r="BM14" s="274">
        <v>31650</v>
      </c>
      <c r="BN14" s="274">
        <v>68400</v>
      </c>
      <c r="BO14" s="277">
        <v>100050</v>
      </c>
      <c r="BP14" s="278">
        <v>100050</v>
      </c>
      <c r="BQ14" s="273">
        <v>0</v>
      </c>
      <c r="BR14" s="274">
        <v>18425</v>
      </c>
      <c r="BS14" s="275">
        <v>18425</v>
      </c>
      <c r="BT14" s="276">
        <v>0</v>
      </c>
      <c r="BU14" s="274">
        <v>130114</v>
      </c>
      <c r="BV14" s="274">
        <v>196010</v>
      </c>
      <c r="BW14" s="274">
        <v>246761</v>
      </c>
      <c r="BX14" s="274">
        <v>276118</v>
      </c>
      <c r="BY14" s="274">
        <v>118356</v>
      </c>
      <c r="BZ14" s="277">
        <v>967359</v>
      </c>
      <c r="CA14" s="278">
        <v>985784</v>
      </c>
      <c r="CB14" s="273">
        <v>0</v>
      </c>
      <c r="CC14" s="274">
        <v>0</v>
      </c>
      <c r="CD14" s="275">
        <v>0</v>
      </c>
      <c r="CE14" s="276">
        <v>0</v>
      </c>
      <c r="CF14" s="274">
        <v>341</v>
      </c>
      <c r="CG14" s="274">
        <v>478</v>
      </c>
      <c r="CH14" s="274">
        <v>4153</v>
      </c>
      <c r="CI14" s="274">
        <v>12288</v>
      </c>
      <c r="CJ14" s="274">
        <v>21018</v>
      </c>
      <c r="CK14" s="277">
        <v>38278</v>
      </c>
      <c r="CL14" s="278">
        <v>38278</v>
      </c>
      <c r="CM14" s="273">
        <v>0</v>
      </c>
      <c r="CN14" s="274">
        <v>0</v>
      </c>
      <c r="CO14" s="275">
        <v>0</v>
      </c>
      <c r="CP14" s="276">
        <v>0</v>
      </c>
      <c r="CQ14" s="274">
        <v>0</v>
      </c>
      <c r="CR14" s="274">
        <v>0</v>
      </c>
      <c r="CS14" s="274">
        <v>0</v>
      </c>
      <c r="CT14" s="274">
        <v>0</v>
      </c>
      <c r="CU14" s="274">
        <v>0</v>
      </c>
      <c r="CV14" s="277">
        <v>0</v>
      </c>
      <c r="CW14" s="278">
        <v>0</v>
      </c>
      <c r="CX14" s="273">
        <v>0</v>
      </c>
      <c r="CY14" s="274">
        <v>0</v>
      </c>
      <c r="CZ14" s="275">
        <v>0</v>
      </c>
      <c r="DA14" s="279"/>
      <c r="DB14" s="274">
        <v>0</v>
      </c>
      <c r="DC14" s="274">
        <v>0</v>
      </c>
      <c r="DD14" s="274">
        <v>0</v>
      </c>
      <c r="DE14" s="274">
        <v>0</v>
      </c>
      <c r="DF14" s="274">
        <v>0</v>
      </c>
      <c r="DG14" s="277">
        <v>0</v>
      </c>
      <c r="DH14" s="278">
        <v>0</v>
      </c>
      <c r="DI14" s="273">
        <v>0</v>
      </c>
      <c r="DJ14" s="274">
        <v>23275</v>
      </c>
      <c r="DK14" s="275">
        <v>23275</v>
      </c>
      <c r="DL14" s="276">
        <v>0</v>
      </c>
      <c r="DM14" s="274">
        <v>481875</v>
      </c>
      <c r="DN14" s="274">
        <v>1017927</v>
      </c>
      <c r="DO14" s="274">
        <v>3398410</v>
      </c>
      <c r="DP14" s="274">
        <v>5043400</v>
      </c>
      <c r="DQ14" s="274">
        <v>4346580</v>
      </c>
      <c r="DR14" s="277">
        <v>14288192</v>
      </c>
      <c r="DS14" s="280">
        <v>14311467</v>
      </c>
      <c r="DT14" s="273">
        <v>0</v>
      </c>
      <c r="DU14" s="274">
        <v>0</v>
      </c>
      <c r="DV14" s="275">
        <v>0</v>
      </c>
      <c r="DW14" s="279"/>
      <c r="DX14" s="274">
        <v>171096</v>
      </c>
      <c r="DY14" s="274">
        <v>434995</v>
      </c>
      <c r="DZ14" s="274">
        <v>2867237</v>
      </c>
      <c r="EA14" s="274">
        <v>4373015</v>
      </c>
      <c r="EB14" s="274">
        <v>3926520</v>
      </c>
      <c r="EC14" s="277">
        <v>11772863</v>
      </c>
      <c r="ED14" s="278">
        <v>11772863</v>
      </c>
      <c r="EE14" s="273">
        <v>0</v>
      </c>
      <c r="EF14" s="274">
        <v>0</v>
      </c>
      <c r="EG14" s="275">
        <v>0</v>
      </c>
      <c r="EH14" s="279"/>
      <c r="EI14" s="274">
        <v>117066</v>
      </c>
      <c r="EJ14" s="274">
        <v>183608</v>
      </c>
      <c r="EK14" s="274">
        <v>143972</v>
      </c>
      <c r="EL14" s="274">
        <v>138862</v>
      </c>
      <c r="EM14" s="274">
        <v>106044</v>
      </c>
      <c r="EN14" s="277">
        <v>689552</v>
      </c>
      <c r="EO14" s="278">
        <v>689552</v>
      </c>
      <c r="EP14" s="273">
        <v>0</v>
      </c>
      <c r="EQ14" s="274">
        <v>0</v>
      </c>
      <c r="ER14" s="275">
        <v>0</v>
      </c>
      <c r="ES14" s="279"/>
      <c r="ET14" s="274">
        <v>0</v>
      </c>
      <c r="EU14" s="274">
        <v>0</v>
      </c>
      <c r="EV14" s="274">
        <v>0</v>
      </c>
      <c r="EW14" s="274">
        <v>0</v>
      </c>
      <c r="EX14" s="274">
        <v>0</v>
      </c>
      <c r="EY14" s="277">
        <v>0</v>
      </c>
      <c r="EZ14" s="278">
        <v>0</v>
      </c>
      <c r="FA14" s="273">
        <v>0</v>
      </c>
      <c r="FB14" s="274">
        <v>0</v>
      </c>
      <c r="FC14" s="275">
        <v>0</v>
      </c>
      <c r="FD14" s="279"/>
      <c r="FE14" s="274">
        <v>0</v>
      </c>
      <c r="FF14" s="274">
        <v>0</v>
      </c>
      <c r="FG14" s="274">
        <v>0</v>
      </c>
      <c r="FH14" s="274">
        <v>630</v>
      </c>
      <c r="FI14" s="274">
        <v>2730</v>
      </c>
      <c r="FJ14" s="277">
        <v>3360</v>
      </c>
      <c r="FK14" s="278">
        <v>3360</v>
      </c>
      <c r="FL14" s="273">
        <v>0</v>
      </c>
      <c r="FM14" s="274">
        <v>0</v>
      </c>
      <c r="FN14" s="275">
        <v>0</v>
      </c>
      <c r="FO14" s="279"/>
      <c r="FP14" s="274">
        <v>0</v>
      </c>
      <c r="FQ14" s="274">
        <v>0</v>
      </c>
      <c r="FR14" s="274">
        <v>0</v>
      </c>
      <c r="FS14" s="274">
        <v>35580</v>
      </c>
      <c r="FT14" s="274">
        <v>89520</v>
      </c>
      <c r="FU14" s="277">
        <v>125100</v>
      </c>
      <c r="FV14" s="278">
        <v>125100</v>
      </c>
      <c r="FW14" s="273">
        <v>0</v>
      </c>
      <c r="FX14" s="274">
        <v>23275</v>
      </c>
      <c r="FY14" s="275">
        <v>23275</v>
      </c>
      <c r="FZ14" s="276">
        <v>0</v>
      </c>
      <c r="GA14" s="274">
        <v>193678</v>
      </c>
      <c r="GB14" s="274">
        <v>399282</v>
      </c>
      <c r="GC14" s="274">
        <v>383564</v>
      </c>
      <c r="GD14" s="274">
        <v>491166</v>
      </c>
      <c r="GE14" s="274">
        <v>215650</v>
      </c>
      <c r="GF14" s="277">
        <v>1683340</v>
      </c>
      <c r="GG14" s="278">
        <v>1706615</v>
      </c>
      <c r="GH14" s="273">
        <v>0</v>
      </c>
      <c r="GI14" s="274">
        <v>0</v>
      </c>
      <c r="GJ14" s="275">
        <v>0</v>
      </c>
      <c r="GK14" s="276">
        <v>0</v>
      </c>
      <c r="GL14" s="274">
        <v>35</v>
      </c>
      <c r="GM14" s="274">
        <v>42</v>
      </c>
      <c r="GN14" s="274">
        <v>3637</v>
      </c>
      <c r="GO14" s="274">
        <v>4147</v>
      </c>
      <c r="GP14" s="274">
        <v>6116</v>
      </c>
      <c r="GQ14" s="277">
        <v>13977</v>
      </c>
      <c r="GR14" s="278">
        <v>13977</v>
      </c>
      <c r="GS14" s="273">
        <v>0</v>
      </c>
      <c r="GT14" s="274">
        <v>0</v>
      </c>
      <c r="GU14" s="275">
        <v>0</v>
      </c>
      <c r="GV14" s="276">
        <v>0</v>
      </c>
      <c r="GW14" s="274">
        <v>0</v>
      </c>
      <c r="GX14" s="274">
        <v>0</v>
      </c>
      <c r="GY14" s="274">
        <v>0</v>
      </c>
      <c r="GZ14" s="274">
        <v>0</v>
      </c>
      <c r="HA14" s="274">
        <v>0</v>
      </c>
      <c r="HB14" s="277">
        <v>0</v>
      </c>
      <c r="HC14" s="278">
        <v>0</v>
      </c>
      <c r="HD14" s="273">
        <v>0</v>
      </c>
      <c r="HE14" s="274">
        <v>0</v>
      </c>
      <c r="HF14" s="275">
        <v>0</v>
      </c>
      <c r="HG14" s="279"/>
      <c r="HH14" s="274">
        <v>0</v>
      </c>
      <c r="HI14" s="274">
        <v>0</v>
      </c>
      <c r="HJ14" s="274">
        <v>0</v>
      </c>
      <c r="HK14" s="274">
        <v>0</v>
      </c>
      <c r="HL14" s="274">
        <v>0</v>
      </c>
      <c r="HM14" s="277">
        <v>0</v>
      </c>
      <c r="HN14" s="278">
        <v>0</v>
      </c>
      <c r="HO14" s="273">
        <v>0</v>
      </c>
      <c r="HP14" s="274">
        <v>41700</v>
      </c>
      <c r="HQ14" s="275">
        <v>41700</v>
      </c>
      <c r="HR14" s="276">
        <v>0</v>
      </c>
      <c r="HS14" s="274">
        <v>1190960</v>
      </c>
      <c r="HT14" s="274">
        <v>2162105</v>
      </c>
      <c r="HU14" s="274">
        <v>6509551</v>
      </c>
      <c r="HV14" s="274">
        <v>9479685</v>
      </c>
      <c r="HW14" s="274">
        <v>8517169</v>
      </c>
      <c r="HX14" s="277">
        <v>27859470</v>
      </c>
      <c r="HY14" s="278">
        <v>27901170</v>
      </c>
    </row>
    <row r="15" spans="2:233" ht="21" customHeight="1" x14ac:dyDescent="0.2">
      <c r="B15" s="472" t="s">
        <v>11</v>
      </c>
      <c r="C15" s="273">
        <v>4900</v>
      </c>
      <c r="D15" s="274">
        <v>3760</v>
      </c>
      <c r="E15" s="275">
        <v>8660</v>
      </c>
      <c r="F15" s="276">
        <v>0</v>
      </c>
      <c r="G15" s="274">
        <v>814090</v>
      </c>
      <c r="H15" s="274">
        <v>964273</v>
      </c>
      <c r="I15" s="274">
        <v>2509317</v>
      </c>
      <c r="J15" s="274">
        <v>4094596</v>
      </c>
      <c r="K15" s="274">
        <v>2321916</v>
      </c>
      <c r="L15" s="277">
        <v>10704192</v>
      </c>
      <c r="M15" s="278">
        <v>10712852</v>
      </c>
      <c r="N15" s="273">
        <v>0</v>
      </c>
      <c r="O15" s="274">
        <v>0</v>
      </c>
      <c r="P15" s="275">
        <v>0</v>
      </c>
      <c r="Q15" s="279"/>
      <c r="R15" s="274">
        <v>0</v>
      </c>
      <c r="S15" s="274">
        <v>124350</v>
      </c>
      <c r="T15" s="274">
        <v>1470480</v>
      </c>
      <c r="U15" s="274">
        <v>2772779</v>
      </c>
      <c r="V15" s="274">
        <v>1503990</v>
      </c>
      <c r="W15" s="277">
        <v>5871599</v>
      </c>
      <c r="X15" s="278">
        <v>5871599</v>
      </c>
      <c r="Y15" s="273">
        <v>0</v>
      </c>
      <c r="Z15" s="274">
        <v>0</v>
      </c>
      <c r="AA15" s="275">
        <v>0</v>
      </c>
      <c r="AB15" s="279"/>
      <c r="AC15" s="274">
        <v>663375</v>
      </c>
      <c r="AD15" s="274">
        <v>631650</v>
      </c>
      <c r="AE15" s="274">
        <v>748276</v>
      </c>
      <c r="AF15" s="274">
        <v>985075</v>
      </c>
      <c r="AG15" s="274">
        <v>349430</v>
      </c>
      <c r="AH15" s="277">
        <v>3377806</v>
      </c>
      <c r="AI15" s="278">
        <v>3377806</v>
      </c>
      <c r="AJ15" s="273">
        <v>0</v>
      </c>
      <c r="AK15" s="274">
        <v>0</v>
      </c>
      <c r="AL15" s="275">
        <v>0</v>
      </c>
      <c r="AM15" s="279"/>
      <c r="AN15" s="274">
        <v>0</v>
      </c>
      <c r="AO15" s="274">
        <v>0</v>
      </c>
      <c r="AP15" s="274">
        <v>0</v>
      </c>
      <c r="AQ15" s="274">
        <v>0</v>
      </c>
      <c r="AR15" s="274">
        <v>0</v>
      </c>
      <c r="AS15" s="277">
        <v>0</v>
      </c>
      <c r="AT15" s="278">
        <v>0</v>
      </c>
      <c r="AU15" s="273">
        <v>0</v>
      </c>
      <c r="AV15" s="274">
        <v>0</v>
      </c>
      <c r="AW15" s="275">
        <v>0</v>
      </c>
      <c r="AX15" s="279"/>
      <c r="AY15" s="274">
        <v>108505</v>
      </c>
      <c r="AZ15" s="274">
        <v>53595</v>
      </c>
      <c r="BA15" s="274">
        <v>167760</v>
      </c>
      <c r="BB15" s="274">
        <v>101295</v>
      </c>
      <c r="BC15" s="274">
        <v>381395</v>
      </c>
      <c r="BD15" s="277">
        <v>812550</v>
      </c>
      <c r="BE15" s="278">
        <v>812550</v>
      </c>
      <c r="BF15" s="273">
        <v>0</v>
      </c>
      <c r="BG15" s="274">
        <v>0</v>
      </c>
      <c r="BH15" s="275">
        <v>0</v>
      </c>
      <c r="BI15" s="279"/>
      <c r="BJ15" s="274">
        <v>0</v>
      </c>
      <c r="BK15" s="274">
        <v>23850</v>
      </c>
      <c r="BL15" s="274">
        <v>0</v>
      </c>
      <c r="BM15" s="274">
        <v>0</v>
      </c>
      <c r="BN15" s="274">
        <v>0</v>
      </c>
      <c r="BO15" s="277">
        <v>23850</v>
      </c>
      <c r="BP15" s="278">
        <v>23850</v>
      </c>
      <c r="BQ15" s="273">
        <v>4900</v>
      </c>
      <c r="BR15" s="274">
        <v>3760</v>
      </c>
      <c r="BS15" s="275">
        <v>8660</v>
      </c>
      <c r="BT15" s="276">
        <v>0</v>
      </c>
      <c r="BU15" s="274">
        <v>42210</v>
      </c>
      <c r="BV15" s="274">
        <v>125760</v>
      </c>
      <c r="BW15" s="274">
        <v>122801</v>
      </c>
      <c r="BX15" s="274">
        <v>235447</v>
      </c>
      <c r="BY15" s="274">
        <v>83296</v>
      </c>
      <c r="BZ15" s="277">
        <v>609514</v>
      </c>
      <c r="CA15" s="278">
        <v>618174</v>
      </c>
      <c r="CB15" s="273">
        <v>0</v>
      </c>
      <c r="CC15" s="274">
        <v>0</v>
      </c>
      <c r="CD15" s="275">
        <v>0</v>
      </c>
      <c r="CE15" s="276">
        <v>0</v>
      </c>
      <c r="CF15" s="274">
        <v>0</v>
      </c>
      <c r="CG15" s="274">
        <v>5068</v>
      </c>
      <c r="CH15" s="274">
        <v>0</v>
      </c>
      <c r="CI15" s="274">
        <v>0</v>
      </c>
      <c r="CJ15" s="274">
        <v>3805</v>
      </c>
      <c r="CK15" s="277">
        <v>8873</v>
      </c>
      <c r="CL15" s="278">
        <v>8873</v>
      </c>
      <c r="CM15" s="273">
        <v>0</v>
      </c>
      <c r="CN15" s="274">
        <v>0</v>
      </c>
      <c r="CO15" s="275">
        <v>0</v>
      </c>
      <c r="CP15" s="276">
        <v>0</v>
      </c>
      <c r="CQ15" s="274">
        <v>0</v>
      </c>
      <c r="CR15" s="274">
        <v>0</v>
      </c>
      <c r="CS15" s="274">
        <v>0</v>
      </c>
      <c r="CT15" s="274">
        <v>0</v>
      </c>
      <c r="CU15" s="274">
        <v>0</v>
      </c>
      <c r="CV15" s="277">
        <v>0</v>
      </c>
      <c r="CW15" s="278">
        <v>0</v>
      </c>
      <c r="CX15" s="273">
        <v>0</v>
      </c>
      <c r="CY15" s="274">
        <v>0</v>
      </c>
      <c r="CZ15" s="275">
        <v>0</v>
      </c>
      <c r="DA15" s="279"/>
      <c r="DB15" s="274">
        <v>0</v>
      </c>
      <c r="DC15" s="274">
        <v>0</v>
      </c>
      <c r="DD15" s="274">
        <v>0</v>
      </c>
      <c r="DE15" s="274">
        <v>0</v>
      </c>
      <c r="DF15" s="274">
        <v>0</v>
      </c>
      <c r="DG15" s="277">
        <v>0</v>
      </c>
      <c r="DH15" s="278">
        <v>0</v>
      </c>
      <c r="DI15" s="273">
        <v>7510</v>
      </c>
      <c r="DJ15" s="274">
        <v>3510</v>
      </c>
      <c r="DK15" s="275">
        <v>11020</v>
      </c>
      <c r="DL15" s="276">
        <v>0</v>
      </c>
      <c r="DM15" s="274">
        <v>195489</v>
      </c>
      <c r="DN15" s="274">
        <v>416203</v>
      </c>
      <c r="DO15" s="274">
        <v>2392637</v>
      </c>
      <c r="DP15" s="274">
        <v>3629733</v>
      </c>
      <c r="DQ15" s="274">
        <v>1952446</v>
      </c>
      <c r="DR15" s="277">
        <v>8586508</v>
      </c>
      <c r="DS15" s="280">
        <v>8597528</v>
      </c>
      <c r="DT15" s="273">
        <v>0</v>
      </c>
      <c r="DU15" s="274">
        <v>0</v>
      </c>
      <c r="DV15" s="275">
        <v>0</v>
      </c>
      <c r="DW15" s="279"/>
      <c r="DX15" s="274">
        <v>0</v>
      </c>
      <c r="DY15" s="274">
        <v>114510</v>
      </c>
      <c r="DZ15" s="274">
        <v>2050893</v>
      </c>
      <c r="EA15" s="274">
        <v>3273922</v>
      </c>
      <c r="EB15" s="274">
        <v>1737599</v>
      </c>
      <c r="EC15" s="277">
        <v>7176924</v>
      </c>
      <c r="ED15" s="278">
        <v>7176924</v>
      </c>
      <c r="EE15" s="273">
        <v>0</v>
      </c>
      <c r="EF15" s="274">
        <v>0</v>
      </c>
      <c r="EG15" s="275">
        <v>0</v>
      </c>
      <c r="EH15" s="279"/>
      <c r="EI15" s="274">
        <v>118156</v>
      </c>
      <c r="EJ15" s="274">
        <v>141252</v>
      </c>
      <c r="EK15" s="274">
        <v>146240</v>
      </c>
      <c r="EL15" s="274">
        <v>123794</v>
      </c>
      <c r="EM15" s="274">
        <v>42544</v>
      </c>
      <c r="EN15" s="277">
        <v>571986</v>
      </c>
      <c r="EO15" s="278">
        <v>571986</v>
      </c>
      <c r="EP15" s="273">
        <v>0</v>
      </c>
      <c r="EQ15" s="274">
        <v>0</v>
      </c>
      <c r="ER15" s="275">
        <v>0</v>
      </c>
      <c r="ES15" s="279"/>
      <c r="ET15" s="274">
        <v>0</v>
      </c>
      <c r="EU15" s="274">
        <v>0</v>
      </c>
      <c r="EV15" s="274">
        <v>0</v>
      </c>
      <c r="EW15" s="274">
        <v>0</v>
      </c>
      <c r="EX15" s="274">
        <v>0</v>
      </c>
      <c r="EY15" s="277">
        <v>0</v>
      </c>
      <c r="EZ15" s="278">
        <v>0</v>
      </c>
      <c r="FA15" s="273">
        <v>0</v>
      </c>
      <c r="FB15" s="274">
        <v>0</v>
      </c>
      <c r="FC15" s="275">
        <v>0</v>
      </c>
      <c r="FD15" s="279"/>
      <c r="FE15" s="274">
        <v>791</v>
      </c>
      <c r="FF15" s="274">
        <v>420</v>
      </c>
      <c r="FG15" s="274">
        <v>30113</v>
      </c>
      <c r="FH15" s="274">
        <v>1267</v>
      </c>
      <c r="FI15" s="274">
        <v>70127</v>
      </c>
      <c r="FJ15" s="277">
        <v>102718</v>
      </c>
      <c r="FK15" s="278">
        <v>102718</v>
      </c>
      <c r="FL15" s="273">
        <v>0</v>
      </c>
      <c r="FM15" s="274">
        <v>0</v>
      </c>
      <c r="FN15" s="275">
        <v>0</v>
      </c>
      <c r="FO15" s="279"/>
      <c r="FP15" s="274">
        <v>0</v>
      </c>
      <c r="FQ15" s="274">
        <v>20880</v>
      </c>
      <c r="FR15" s="274">
        <v>0</v>
      </c>
      <c r="FS15" s="274">
        <v>0</v>
      </c>
      <c r="FT15" s="274">
        <v>0</v>
      </c>
      <c r="FU15" s="277">
        <v>20880</v>
      </c>
      <c r="FV15" s="278">
        <v>20880</v>
      </c>
      <c r="FW15" s="273">
        <v>7510</v>
      </c>
      <c r="FX15" s="274">
        <v>3510</v>
      </c>
      <c r="FY15" s="275">
        <v>11020</v>
      </c>
      <c r="FZ15" s="276">
        <v>0</v>
      </c>
      <c r="GA15" s="274">
        <v>76542</v>
      </c>
      <c r="GB15" s="274">
        <v>138369</v>
      </c>
      <c r="GC15" s="274">
        <v>165391</v>
      </c>
      <c r="GD15" s="274">
        <v>230750</v>
      </c>
      <c r="GE15" s="274">
        <v>97522</v>
      </c>
      <c r="GF15" s="277">
        <v>708574</v>
      </c>
      <c r="GG15" s="278">
        <v>719594</v>
      </c>
      <c r="GH15" s="273">
        <v>0</v>
      </c>
      <c r="GI15" s="274">
        <v>0</v>
      </c>
      <c r="GJ15" s="275">
        <v>0</v>
      </c>
      <c r="GK15" s="276">
        <v>0</v>
      </c>
      <c r="GL15" s="274">
        <v>0</v>
      </c>
      <c r="GM15" s="274">
        <v>772</v>
      </c>
      <c r="GN15" s="274">
        <v>0</v>
      </c>
      <c r="GO15" s="274">
        <v>0</v>
      </c>
      <c r="GP15" s="274">
        <v>4654</v>
      </c>
      <c r="GQ15" s="277">
        <v>5426</v>
      </c>
      <c r="GR15" s="278">
        <v>5426</v>
      </c>
      <c r="GS15" s="273">
        <v>0</v>
      </c>
      <c r="GT15" s="274">
        <v>0</v>
      </c>
      <c r="GU15" s="275">
        <v>0</v>
      </c>
      <c r="GV15" s="276">
        <v>0</v>
      </c>
      <c r="GW15" s="274">
        <v>0</v>
      </c>
      <c r="GX15" s="274">
        <v>0</v>
      </c>
      <c r="GY15" s="274">
        <v>0</v>
      </c>
      <c r="GZ15" s="274">
        <v>0</v>
      </c>
      <c r="HA15" s="274">
        <v>0</v>
      </c>
      <c r="HB15" s="277">
        <v>0</v>
      </c>
      <c r="HC15" s="278">
        <v>0</v>
      </c>
      <c r="HD15" s="273">
        <v>0</v>
      </c>
      <c r="HE15" s="274">
        <v>0</v>
      </c>
      <c r="HF15" s="275">
        <v>0</v>
      </c>
      <c r="HG15" s="279"/>
      <c r="HH15" s="274">
        <v>0</v>
      </c>
      <c r="HI15" s="274">
        <v>0</v>
      </c>
      <c r="HJ15" s="274">
        <v>0</v>
      </c>
      <c r="HK15" s="274">
        <v>0</v>
      </c>
      <c r="HL15" s="274">
        <v>0</v>
      </c>
      <c r="HM15" s="277">
        <v>0</v>
      </c>
      <c r="HN15" s="278">
        <v>0</v>
      </c>
      <c r="HO15" s="273">
        <v>12410</v>
      </c>
      <c r="HP15" s="274">
        <v>7270</v>
      </c>
      <c r="HQ15" s="275">
        <v>19680</v>
      </c>
      <c r="HR15" s="276">
        <v>0</v>
      </c>
      <c r="HS15" s="274">
        <v>1009579</v>
      </c>
      <c r="HT15" s="274">
        <v>1380476</v>
      </c>
      <c r="HU15" s="274">
        <v>4901954</v>
      </c>
      <c r="HV15" s="274">
        <v>7724329</v>
      </c>
      <c r="HW15" s="274">
        <v>4274362</v>
      </c>
      <c r="HX15" s="277">
        <v>19290700</v>
      </c>
      <c r="HY15" s="278">
        <v>19310380</v>
      </c>
    </row>
    <row r="16" spans="2:233" ht="21" customHeight="1" x14ac:dyDescent="0.2">
      <c r="B16" s="472" t="s">
        <v>12</v>
      </c>
      <c r="C16" s="273">
        <v>3870</v>
      </c>
      <c r="D16" s="274">
        <v>4375</v>
      </c>
      <c r="E16" s="275">
        <v>8245</v>
      </c>
      <c r="F16" s="276">
        <v>0</v>
      </c>
      <c r="G16" s="274">
        <v>233735</v>
      </c>
      <c r="H16" s="274">
        <v>607053</v>
      </c>
      <c r="I16" s="274">
        <v>2342355</v>
      </c>
      <c r="J16" s="274">
        <v>3345138</v>
      </c>
      <c r="K16" s="274">
        <v>1866061</v>
      </c>
      <c r="L16" s="277">
        <v>8394342</v>
      </c>
      <c r="M16" s="278">
        <v>8402587</v>
      </c>
      <c r="N16" s="273">
        <v>0</v>
      </c>
      <c r="O16" s="274">
        <v>0</v>
      </c>
      <c r="P16" s="275">
        <v>0</v>
      </c>
      <c r="Q16" s="279"/>
      <c r="R16" s="274">
        <v>0</v>
      </c>
      <c r="S16" s="274">
        <v>102125</v>
      </c>
      <c r="T16" s="274">
        <v>1358295</v>
      </c>
      <c r="U16" s="274">
        <v>2387660</v>
      </c>
      <c r="V16" s="274">
        <v>1378634</v>
      </c>
      <c r="W16" s="277">
        <v>5226714</v>
      </c>
      <c r="X16" s="278">
        <v>5226714</v>
      </c>
      <c r="Y16" s="273">
        <v>0</v>
      </c>
      <c r="Z16" s="274">
        <v>0</v>
      </c>
      <c r="AA16" s="275">
        <v>0</v>
      </c>
      <c r="AB16" s="279"/>
      <c r="AC16" s="274">
        <v>162855</v>
      </c>
      <c r="AD16" s="274">
        <v>423760</v>
      </c>
      <c r="AE16" s="274">
        <v>728750</v>
      </c>
      <c r="AF16" s="274">
        <v>731167</v>
      </c>
      <c r="AG16" s="274">
        <v>332108</v>
      </c>
      <c r="AH16" s="277">
        <v>2378640</v>
      </c>
      <c r="AI16" s="278">
        <v>2378640</v>
      </c>
      <c r="AJ16" s="273">
        <v>0</v>
      </c>
      <c r="AK16" s="274">
        <v>0</v>
      </c>
      <c r="AL16" s="275">
        <v>0</v>
      </c>
      <c r="AM16" s="279"/>
      <c r="AN16" s="274">
        <v>0</v>
      </c>
      <c r="AO16" s="274">
        <v>0</v>
      </c>
      <c r="AP16" s="274">
        <v>0</v>
      </c>
      <c r="AQ16" s="274">
        <v>0</v>
      </c>
      <c r="AR16" s="274">
        <v>2550</v>
      </c>
      <c r="AS16" s="277">
        <v>2550</v>
      </c>
      <c r="AT16" s="278">
        <v>2550</v>
      </c>
      <c r="AU16" s="273">
        <v>0</v>
      </c>
      <c r="AV16" s="274">
        <v>0</v>
      </c>
      <c r="AW16" s="275">
        <v>0</v>
      </c>
      <c r="AX16" s="279"/>
      <c r="AY16" s="274">
        <v>0</v>
      </c>
      <c r="AZ16" s="274">
        <v>0</v>
      </c>
      <c r="BA16" s="274">
        <v>0</v>
      </c>
      <c r="BB16" s="274">
        <v>5100</v>
      </c>
      <c r="BC16" s="274">
        <v>39915</v>
      </c>
      <c r="BD16" s="277">
        <v>45015</v>
      </c>
      <c r="BE16" s="278">
        <v>45015</v>
      </c>
      <c r="BF16" s="273">
        <v>0</v>
      </c>
      <c r="BG16" s="274">
        <v>0</v>
      </c>
      <c r="BH16" s="275">
        <v>0</v>
      </c>
      <c r="BI16" s="279"/>
      <c r="BJ16" s="274">
        <v>0</v>
      </c>
      <c r="BK16" s="274">
        <v>0</v>
      </c>
      <c r="BL16" s="274">
        <v>100955</v>
      </c>
      <c r="BM16" s="274">
        <v>97350</v>
      </c>
      <c r="BN16" s="274">
        <v>36750</v>
      </c>
      <c r="BO16" s="277">
        <v>235055</v>
      </c>
      <c r="BP16" s="278">
        <v>235055</v>
      </c>
      <c r="BQ16" s="273">
        <v>3870</v>
      </c>
      <c r="BR16" s="274">
        <v>4375</v>
      </c>
      <c r="BS16" s="275">
        <v>8245</v>
      </c>
      <c r="BT16" s="276">
        <v>0</v>
      </c>
      <c r="BU16" s="274">
        <v>70880</v>
      </c>
      <c r="BV16" s="274">
        <v>78053</v>
      </c>
      <c r="BW16" s="274">
        <v>154355</v>
      </c>
      <c r="BX16" s="274">
        <v>123861</v>
      </c>
      <c r="BY16" s="274">
        <v>75865</v>
      </c>
      <c r="BZ16" s="277">
        <v>503014</v>
      </c>
      <c r="CA16" s="278">
        <v>511259</v>
      </c>
      <c r="CB16" s="273">
        <v>0</v>
      </c>
      <c r="CC16" s="274">
        <v>0</v>
      </c>
      <c r="CD16" s="275">
        <v>0</v>
      </c>
      <c r="CE16" s="276">
        <v>0</v>
      </c>
      <c r="CF16" s="274">
        <v>0</v>
      </c>
      <c r="CG16" s="274">
        <v>3115</v>
      </c>
      <c r="CH16" s="274">
        <v>0</v>
      </c>
      <c r="CI16" s="274">
        <v>0</v>
      </c>
      <c r="CJ16" s="274">
        <v>239</v>
      </c>
      <c r="CK16" s="277">
        <v>3354</v>
      </c>
      <c r="CL16" s="278">
        <v>3354</v>
      </c>
      <c r="CM16" s="273">
        <v>0</v>
      </c>
      <c r="CN16" s="274">
        <v>0</v>
      </c>
      <c r="CO16" s="275">
        <v>0</v>
      </c>
      <c r="CP16" s="276">
        <v>0</v>
      </c>
      <c r="CQ16" s="274">
        <v>0</v>
      </c>
      <c r="CR16" s="274">
        <v>0</v>
      </c>
      <c r="CS16" s="274">
        <v>0</v>
      </c>
      <c r="CT16" s="274">
        <v>0</v>
      </c>
      <c r="CU16" s="274">
        <v>0</v>
      </c>
      <c r="CV16" s="277">
        <v>0</v>
      </c>
      <c r="CW16" s="278">
        <v>0</v>
      </c>
      <c r="CX16" s="273">
        <v>0</v>
      </c>
      <c r="CY16" s="274">
        <v>0</v>
      </c>
      <c r="CZ16" s="275">
        <v>0</v>
      </c>
      <c r="DA16" s="279"/>
      <c r="DB16" s="274">
        <v>0</v>
      </c>
      <c r="DC16" s="274">
        <v>0</v>
      </c>
      <c r="DD16" s="274">
        <v>0</v>
      </c>
      <c r="DE16" s="274">
        <v>0</v>
      </c>
      <c r="DF16" s="274">
        <v>0</v>
      </c>
      <c r="DG16" s="277">
        <v>0</v>
      </c>
      <c r="DH16" s="278">
        <v>0</v>
      </c>
      <c r="DI16" s="273">
        <v>4998</v>
      </c>
      <c r="DJ16" s="274">
        <v>11160</v>
      </c>
      <c r="DK16" s="275">
        <v>16158</v>
      </c>
      <c r="DL16" s="276">
        <v>0</v>
      </c>
      <c r="DM16" s="274">
        <v>104789</v>
      </c>
      <c r="DN16" s="274">
        <v>470012</v>
      </c>
      <c r="DO16" s="274">
        <v>2607920</v>
      </c>
      <c r="DP16" s="274">
        <v>3570836</v>
      </c>
      <c r="DQ16" s="274">
        <v>2134377</v>
      </c>
      <c r="DR16" s="277">
        <v>8887934</v>
      </c>
      <c r="DS16" s="280">
        <v>8904092</v>
      </c>
      <c r="DT16" s="273">
        <v>0</v>
      </c>
      <c r="DU16" s="274">
        <v>0</v>
      </c>
      <c r="DV16" s="275">
        <v>0</v>
      </c>
      <c r="DW16" s="279"/>
      <c r="DX16" s="274">
        <v>0</v>
      </c>
      <c r="DY16" s="274">
        <v>268608</v>
      </c>
      <c r="DZ16" s="274">
        <v>2062166</v>
      </c>
      <c r="EA16" s="274">
        <v>3045374</v>
      </c>
      <c r="EB16" s="274">
        <v>1870837</v>
      </c>
      <c r="EC16" s="277">
        <v>7246985</v>
      </c>
      <c r="ED16" s="278">
        <v>7246985</v>
      </c>
      <c r="EE16" s="273">
        <v>0</v>
      </c>
      <c r="EF16" s="274">
        <v>0</v>
      </c>
      <c r="EG16" s="275">
        <v>0</v>
      </c>
      <c r="EH16" s="279"/>
      <c r="EI16" s="274">
        <v>1890</v>
      </c>
      <c r="EJ16" s="274">
        <v>77594</v>
      </c>
      <c r="EK16" s="274">
        <v>87234</v>
      </c>
      <c r="EL16" s="274">
        <v>138183</v>
      </c>
      <c r="EM16" s="274">
        <v>47779</v>
      </c>
      <c r="EN16" s="277">
        <v>352680</v>
      </c>
      <c r="EO16" s="278">
        <v>352680</v>
      </c>
      <c r="EP16" s="273">
        <v>0</v>
      </c>
      <c r="EQ16" s="274">
        <v>0</v>
      </c>
      <c r="ER16" s="275">
        <v>0</v>
      </c>
      <c r="ES16" s="279"/>
      <c r="ET16" s="274">
        <v>0</v>
      </c>
      <c r="EU16" s="274">
        <v>0</v>
      </c>
      <c r="EV16" s="274">
        <v>0</v>
      </c>
      <c r="EW16" s="274">
        <v>0</v>
      </c>
      <c r="EX16" s="274">
        <v>210</v>
      </c>
      <c r="EY16" s="277">
        <v>210</v>
      </c>
      <c r="EZ16" s="278">
        <v>210</v>
      </c>
      <c r="FA16" s="273">
        <v>0</v>
      </c>
      <c r="FB16" s="274">
        <v>0</v>
      </c>
      <c r="FC16" s="275">
        <v>0</v>
      </c>
      <c r="FD16" s="279"/>
      <c r="FE16" s="274">
        <v>0</v>
      </c>
      <c r="FF16" s="274">
        <v>0</v>
      </c>
      <c r="FG16" s="274">
        <v>0</v>
      </c>
      <c r="FH16" s="274">
        <v>420</v>
      </c>
      <c r="FI16" s="274">
        <v>1533</v>
      </c>
      <c r="FJ16" s="277">
        <v>1953</v>
      </c>
      <c r="FK16" s="278">
        <v>1953</v>
      </c>
      <c r="FL16" s="273">
        <v>0</v>
      </c>
      <c r="FM16" s="274">
        <v>0</v>
      </c>
      <c r="FN16" s="275">
        <v>0</v>
      </c>
      <c r="FO16" s="279"/>
      <c r="FP16" s="274">
        <v>0</v>
      </c>
      <c r="FQ16" s="274">
        <v>0</v>
      </c>
      <c r="FR16" s="274">
        <v>197626</v>
      </c>
      <c r="FS16" s="274">
        <v>175560</v>
      </c>
      <c r="FT16" s="274">
        <v>77340</v>
      </c>
      <c r="FU16" s="277">
        <v>450526</v>
      </c>
      <c r="FV16" s="278">
        <v>450526</v>
      </c>
      <c r="FW16" s="273">
        <v>4998</v>
      </c>
      <c r="FX16" s="274">
        <v>11160</v>
      </c>
      <c r="FY16" s="275">
        <v>16158</v>
      </c>
      <c r="FZ16" s="276">
        <v>0</v>
      </c>
      <c r="GA16" s="274">
        <v>102899</v>
      </c>
      <c r="GB16" s="274">
        <v>123810</v>
      </c>
      <c r="GC16" s="274">
        <v>260894</v>
      </c>
      <c r="GD16" s="274">
        <v>211299</v>
      </c>
      <c r="GE16" s="274">
        <v>136657</v>
      </c>
      <c r="GF16" s="277">
        <v>835559</v>
      </c>
      <c r="GG16" s="278">
        <v>851717</v>
      </c>
      <c r="GH16" s="273">
        <v>0</v>
      </c>
      <c r="GI16" s="274">
        <v>0</v>
      </c>
      <c r="GJ16" s="275">
        <v>0</v>
      </c>
      <c r="GK16" s="276">
        <v>0</v>
      </c>
      <c r="GL16" s="274">
        <v>0</v>
      </c>
      <c r="GM16" s="274">
        <v>0</v>
      </c>
      <c r="GN16" s="274">
        <v>0</v>
      </c>
      <c r="GO16" s="274">
        <v>0</v>
      </c>
      <c r="GP16" s="274">
        <v>21</v>
      </c>
      <c r="GQ16" s="277">
        <v>21</v>
      </c>
      <c r="GR16" s="278">
        <v>21</v>
      </c>
      <c r="GS16" s="273">
        <v>0</v>
      </c>
      <c r="GT16" s="274">
        <v>0</v>
      </c>
      <c r="GU16" s="275">
        <v>0</v>
      </c>
      <c r="GV16" s="276">
        <v>0</v>
      </c>
      <c r="GW16" s="274">
        <v>0</v>
      </c>
      <c r="GX16" s="274">
        <v>0</v>
      </c>
      <c r="GY16" s="274">
        <v>0</v>
      </c>
      <c r="GZ16" s="274">
        <v>0</v>
      </c>
      <c r="HA16" s="274">
        <v>0</v>
      </c>
      <c r="HB16" s="277">
        <v>0</v>
      </c>
      <c r="HC16" s="278">
        <v>0</v>
      </c>
      <c r="HD16" s="273">
        <v>0</v>
      </c>
      <c r="HE16" s="274">
        <v>0</v>
      </c>
      <c r="HF16" s="275">
        <v>0</v>
      </c>
      <c r="HG16" s="279"/>
      <c r="HH16" s="274">
        <v>0</v>
      </c>
      <c r="HI16" s="274">
        <v>0</v>
      </c>
      <c r="HJ16" s="274">
        <v>0</v>
      </c>
      <c r="HK16" s="274">
        <v>0</v>
      </c>
      <c r="HL16" s="274">
        <v>0</v>
      </c>
      <c r="HM16" s="277">
        <v>0</v>
      </c>
      <c r="HN16" s="278">
        <v>0</v>
      </c>
      <c r="HO16" s="273">
        <v>8868</v>
      </c>
      <c r="HP16" s="274">
        <v>15535</v>
      </c>
      <c r="HQ16" s="275">
        <v>24403</v>
      </c>
      <c r="HR16" s="276">
        <v>0</v>
      </c>
      <c r="HS16" s="274">
        <v>338524</v>
      </c>
      <c r="HT16" s="274">
        <v>1077065</v>
      </c>
      <c r="HU16" s="274">
        <v>4950275</v>
      </c>
      <c r="HV16" s="274">
        <v>6915974</v>
      </c>
      <c r="HW16" s="274">
        <v>4000438</v>
      </c>
      <c r="HX16" s="277">
        <v>17282276</v>
      </c>
      <c r="HY16" s="278">
        <v>17306679</v>
      </c>
    </row>
    <row r="17" spans="2:233" ht="21" customHeight="1" x14ac:dyDescent="0.2">
      <c r="B17" s="472" t="s">
        <v>13</v>
      </c>
      <c r="C17" s="273">
        <v>0</v>
      </c>
      <c r="D17" s="274">
        <v>0</v>
      </c>
      <c r="E17" s="275">
        <v>0</v>
      </c>
      <c r="F17" s="276">
        <v>0</v>
      </c>
      <c r="G17" s="274">
        <v>61955</v>
      </c>
      <c r="H17" s="274">
        <v>160978</v>
      </c>
      <c r="I17" s="274">
        <v>512958</v>
      </c>
      <c r="J17" s="274">
        <v>995168</v>
      </c>
      <c r="K17" s="274">
        <v>642025</v>
      </c>
      <c r="L17" s="277">
        <v>2373084</v>
      </c>
      <c r="M17" s="278">
        <v>2373084</v>
      </c>
      <c r="N17" s="273">
        <v>0</v>
      </c>
      <c r="O17" s="274">
        <v>0</v>
      </c>
      <c r="P17" s="275">
        <v>0</v>
      </c>
      <c r="Q17" s="279"/>
      <c r="R17" s="274">
        <v>2550</v>
      </c>
      <c r="S17" s="274">
        <v>2550</v>
      </c>
      <c r="T17" s="274">
        <v>358155</v>
      </c>
      <c r="U17" s="274">
        <v>860520</v>
      </c>
      <c r="V17" s="274">
        <v>600600</v>
      </c>
      <c r="W17" s="277">
        <v>1824375</v>
      </c>
      <c r="X17" s="278">
        <v>1824375</v>
      </c>
      <c r="Y17" s="273">
        <v>0</v>
      </c>
      <c r="Z17" s="274">
        <v>0</v>
      </c>
      <c r="AA17" s="275">
        <v>0</v>
      </c>
      <c r="AB17" s="279"/>
      <c r="AC17" s="274">
        <v>46275</v>
      </c>
      <c r="AD17" s="274">
        <v>138300</v>
      </c>
      <c r="AE17" s="274">
        <v>106875</v>
      </c>
      <c r="AF17" s="274">
        <v>114045</v>
      </c>
      <c r="AG17" s="274">
        <v>12750</v>
      </c>
      <c r="AH17" s="277">
        <v>418245</v>
      </c>
      <c r="AI17" s="278">
        <v>418245</v>
      </c>
      <c r="AJ17" s="273">
        <v>0</v>
      </c>
      <c r="AK17" s="274">
        <v>0</v>
      </c>
      <c r="AL17" s="275">
        <v>0</v>
      </c>
      <c r="AM17" s="279"/>
      <c r="AN17" s="274">
        <v>0</v>
      </c>
      <c r="AO17" s="274">
        <v>0</v>
      </c>
      <c r="AP17" s="274">
        <v>0</v>
      </c>
      <c r="AQ17" s="274">
        <v>0</v>
      </c>
      <c r="AR17" s="274">
        <v>0</v>
      </c>
      <c r="AS17" s="277">
        <v>0</v>
      </c>
      <c r="AT17" s="278">
        <v>0</v>
      </c>
      <c r="AU17" s="273">
        <v>0</v>
      </c>
      <c r="AV17" s="274">
        <v>0</v>
      </c>
      <c r="AW17" s="275">
        <v>0</v>
      </c>
      <c r="AX17" s="279"/>
      <c r="AY17" s="274">
        <v>0</v>
      </c>
      <c r="AZ17" s="274">
        <v>0</v>
      </c>
      <c r="BA17" s="274">
        <v>0</v>
      </c>
      <c r="BB17" s="274">
        <v>0</v>
      </c>
      <c r="BC17" s="274">
        <v>0</v>
      </c>
      <c r="BD17" s="277">
        <v>0</v>
      </c>
      <c r="BE17" s="278">
        <v>0</v>
      </c>
      <c r="BF17" s="273">
        <v>0</v>
      </c>
      <c r="BG17" s="274">
        <v>0</v>
      </c>
      <c r="BH17" s="275">
        <v>0</v>
      </c>
      <c r="BI17" s="279"/>
      <c r="BJ17" s="274">
        <v>0</v>
      </c>
      <c r="BK17" s="274">
        <v>0</v>
      </c>
      <c r="BL17" s="274">
        <v>0</v>
      </c>
      <c r="BM17" s="274">
        <v>0</v>
      </c>
      <c r="BN17" s="274">
        <v>0</v>
      </c>
      <c r="BO17" s="277">
        <v>0</v>
      </c>
      <c r="BP17" s="278">
        <v>0</v>
      </c>
      <c r="BQ17" s="273">
        <v>0</v>
      </c>
      <c r="BR17" s="274">
        <v>0</v>
      </c>
      <c r="BS17" s="275">
        <v>0</v>
      </c>
      <c r="BT17" s="276">
        <v>0</v>
      </c>
      <c r="BU17" s="274">
        <v>12840</v>
      </c>
      <c r="BV17" s="274">
        <v>17953</v>
      </c>
      <c r="BW17" s="274">
        <v>44603</v>
      </c>
      <c r="BX17" s="274">
        <v>14423</v>
      </c>
      <c r="BY17" s="274">
        <v>28675</v>
      </c>
      <c r="BZ17" s="277">
        <v>118494</v>
      </c>
      <c r="CA17" s="278">
        <v>118494</v>
      </c>
      <c r="CB17" s="273">
        <v>0</v>
      </c>
      <c r="CC17" s="274">
        <v>0</v>
      </c>
      <c r="CD17" s="275">
        <v>0</v>
      </c>
      <c r="CE17" s="276">
        <v>0</v>
      </c>
      <c r="CF17" s="274">
        <v>290</v>
      </c>
      <c r="CG17" s="274">
        <v>2175</v>
      </c>
      <c r="CH17" s="274">
        <v>3325</v>
      </c>
      <c r="CI17" s="274">
        <v>6180</v>
      </c>
      <c r="CJ17" s="274">
        <v>0</v>
      </c>
      <c r="CK17" s="277">
        <v>11970</v>
      </c>
      <c r="CL17" s="278">
        <v>11970</v>
      </c>
      <c r="CM17" s="273">
        <v>0</v>
      </c>
      <c r="CN17" s="274">
        <v>0</v>
      </c>
      <c r="CO17" s="275">
        <v>0</v>
      </c>
      <c r="CP17" s="276">
        <v>0</v>
      </c>
      <c r="CQ17" s="274">
        <v>0</v>
      </c>
      <c r="CR17" s="274">
        <v>0</v>
      </c>
      <c r="CS17" s="274">
        <v>0</v>
      </c>
      <c r="CT17" s="274">
        <v>0</v>
      </c>
      <c r="CU17" s="274">
        <v>0</v>
      </c>
      <c r="CV17" s="277">
        <v>0</v>
      </c>
      <c r="CW17" s="278">
        <v>0</v>
      </c>
      <c r="CX17" s="273">
        <v>0</v>
      </c>
      <c r="CY17" s="274">
        <v>0</v>
      </c>
      <c r="CZ17" s="275">
        <v>0</v>
      </c>
      <c r="DA17" s="279"/>
      <c r="DB17" s="274">
        <v>0</v>
      </c>
      <c r="DC17" s="274">
        <v>0</v>
      </c>
      <c r="DD17" s="274">
        <v>0</v>
      </c>
      <c r="DE17" s="274">
        <v>0</v>
      </c>
      <c r="DF17" s="274">
        <v>0</v>
      </c>
      <c r="DG17" s="277">
        <v>0</v>
      </c>
      <c r="DH17" s="278">
        <v>0</v>
      </c>
      <c r="DI17" s="273">
        <v>0</v>
      </c>
      <c r="DJ17" s="274">
        <v>0</v>
      </c>
      <c r="DK17" s="275">
        <v>0</v>
      </c>
      <c r="DL17" s="276">
        <v>0</v>
      </c>
      <c r="DM17" s="274">
        <v>58743</v>
      </c>
      <c r="DN17" s="274">
        <v>49633</v>
      </c>
      <c r="DO17" s="274">
        <v>619290</v>
      </c>
      <c r="DP17" s="274">
        <v>1003005</v>
      </c>
      <c r="DQ17" s="274">
        <v>754082</v>
      </c>
      <c r="DR17" s="277">
        <v>2484753</v>
      </c>
      <c r="DS17" s="280">
        <v>2484753</v>
      </c>
      <c r="DT17" s="273">
        <v>0</v>
      </c>
      <c r="DU17" s="274">
        <v>0</v>
      </c>
      <c r="DV17" s="275">
        <v>0</v>
      </c>
      <c r="DW17" s="279"/>
      <c r="DX17" s="274">
        <v>20880</v>
      </c>
      <c r="DY17" s="274">
        <v>20880</v>
      </c>
      <c r="DZ17" s="274">
        <v>478605</v>
      </c>
      <c r="EA17" s="274">
        <v>942762</v>
      </c>
      <c r="EB17" s="274">
        <v>711181</v>
      </c>
      <c r="EC17" s="277">
        <v>2174308</v>
      </c>
      <c r="ED17" s="278">
        <v>2174308</v>
      </c>
      <c r="EE17" s="273">
        <v>0</v>
      </c>
      <c r="EF17" s="274">
        <v>0</v>
      </c>
      <c r="EG17" s="275">
        <v>0</v>
      </c>
      <c r="EH17" s="279"/>
      <c r="EI17" s="274">
        <v>4807</v>
      </c>
      <c r="EJ17" s="274">
        <v>1932</v>
      </c>
      <c r="EK17" s="274">
        <v>1743</v>
      </c>
      <c r="EL17" s="274">
        <v>3929</v>
      </c>
      <c r="EM17" s="274">
        <v>21720</v>
      </c>
      <c r="EN17" s="277">
        <v>34131</v>
      </c>
      <c r="EO17" s="278">
        <v>34131</v>
      </c>
      <c r="EP17" s="273">
        <v>0</v>
      </c>
      <c r="EQ17" s="274">
        <v>0</v>
      </c>
      <c r="ER17" s="275">
        <v>0</v>
      </c>
      <c r="ES17" s="279"/>
      <c r="ET17" s="274">
        <v>0</v>
      </c>
      <c r="EU17" s="274">
        <v>0</v>
      </c>
      <c r="EV17" s="274">
        <v>0</v>
      </c>
      <c r="EW17" s="274">
        <v>0</v>
      </c>
      <c r="EX17" s="274">
        <v>0</v>
      </c>
      <c r="EY17" s="277">
        <v>0</v>
      </c>
      <c r="EZ17" s="278">
        <v>0</v>
      </c>
      <c r="FA17" s="273">
        <v>0</v>
      </c>
      <c r="FB17" s="274">
        <v>0</v>
      </c>
      <c r="FC17" s="275">
        <v>0</v>
      </c>
      <c r="FD17" s="279"/>
      <c r="FE17" s="274">
        <v>0</v>
      </c>
      <c r="FF17" s="274">
        <v>0</v>
      </c>
      <c r="FG17" s="274">
        <v>0</v>
      </c>
      <c r="FH17" s="274">
        <v>0</v>
      </c>
      <c r="FI17" s="274">
        <v>0</v>
      </c>
      <c r="FJ17" s="277">
        <v>0</v>
      </c>
      <c r="FK17" s="278">
        <v>0</v>
      </c>
      <c r="FL17" s="273">
        <v>0</v>
      </c>
      <c r="FM17" s="274">
        <v>0</v>
      </c>
      <c r="FN17" s="275">
        <v>0</v>
      </c>
      <c r="FO17" s="279"/>
      <c r="FP17" s="274">
        <v>0</v>
      </c>
      <c r="FQ17" s="274">
        <v>0</v>
      </c>
      <c r="FR17" s="274">
        <v>0</v>
      </c>
      <c r="FS17" s="274">
        <v>0</v>
      </c>
      <c r="FT17" s="274">
        <v>0</v>
      </c>
      <c r="FU17" s="277">
        <v>0</v>
      </c>
      <c r="FV17" s="278">
        <v>0</v>
      </c>
      <c r="FW17" s="273">
        <v>0</v>
      </c>
      <c r="FX17" s="274">
        <v>0</v>
      </c>
      <c r="FY17" s="275">
        <v>0</v>
      </c>
      <c r="FZ17" s="276">
        <v>0</v>
      </c>
      <c r="GA17" s="274">
        <v>31624</v>
      </c>
      <c r="GB17" s="274">
        <v>25324</v>
      </c>
      <c r="GC17" s="274">
        <v>138914</v>
      </c>
      <c r="GD17" s="274">
        <v>56265</v>
      </c>
      <c r="GE17" s="274">
        <v>21181</v>
      </c>
      <c r="GF17" s="277">
        <v>273308</v>
      </c>
      <c r="GG17" s="278">
        <v>273308</v>
      </c>
      <c r="GH17" s="273">
        <v>0</v>
      </c>
      <c r="GI17" s="274">
        <v>0</v>
      </c>
      <c r="GJ17" s="275">
        <v>0</v>
      </c>
      <c r="GK17" s="276">
        <v>0</v>
      </c>
      <c r="GL17" s="274">
        <v>1432</v>
      </c>
      <c r="GM17" s="274">
        <v>1497</v>
      </c>
      <c r="GN17" s="274">
        <v>28</v>
      </c>
      <c r="GO17" s="274">
        <v>49</v>
      </c>
      <c r="GP17" s="274">
        <v>0</v>
      </c>
      <c r="GQ17" s="277">
        <v>3006</v>
      </c>
      <c r="GR17" s="278">
        <v>3006</v>
      </c>
      <c r="GS17" s="273">
        <v>0</v>
      </c>
      <c r="GT17" s="274">
        <v>0</v>
      </c>
      <c r="GU17" s="275">
        <v>0</v>
      </c>
      <c r="GV17" s="276">
        <v>0</v>
      </c>
      <c r="GW17" s="274">
        <v>0</v>
      </c>
      <c r="GX17" s="274">
        <v>0</v>
      </c>
      <c r="GY17" s="274">
        <v>0</v>
      </c>
      <c r="GZ17" s="274">
        <v>0</v>
      </c>
      <c r="HA17" s="274">
        <v>0</v>
      </c>
      <c r="HB17" s="277">
        <v>0</v>
      </c>
      <c r="HC17" s="278">
        <v>0</v>
      </c>
      <c r="HD17" s="273">
        <v>0</v>
      </c>
      <c r="HE17" s="274">
        <v>0</v>
      </c>
      <c r="HF17" s="275">
        <v>0</v>
      </c>
      <c r="HG17" s="279"/>
      <c r="HH17" s="274">
        <v>0</v>
      </c>
      <c r="HI17" s="274">
        <v>0</v>
      </c>
      <c r="HJ17" s="274">
        <v>0</v>
      </c>
      <c r="HK17" s="274">
        <v>0</v>
      </c>
      <c r="HL17" s="274">
        <v>0</v>
      </c>
      <c r="HM17" s="277">
        <v>0</v>
      </c>
      <c r="HN17" s="278">
        <v>0</v>
      </c>
      <c r="HO17" s="273">
        <v>0</v>
      </c>
      <c r="HP17" s="274">
        <v>0</v>
      </c>
      <c r="HQ17" s="275">
        <v>0</v>
      </c>
      <c r="HR17" s="276">
        <v>0</v>
      </c>
      <c r="HS17" s="274">
        <v>120698</v>
      </c>
      <c r="HT17" s="274">
        <v>210611</v>
      </c>
      <c r="HU17" s="274">
        <v>1132248</v>
      </c>
      <c r="HV17" s="274">
        <v>1998173</v>
      </c>
      <c r="HW17" s="274">
        <v>1396107</v>
      </c>
      <c r="HX17" s="277">
        <v>4857837</v>
      </c>
      <c r="HY17" s="278">
        <v>4857837</v>
      </c>
    </row>
    <row r="18" spans="2:233" ht="21" customHeight="1" x14ac:dyDescent="0.2">
      <c r="B18" s="472" t="s">
        <v>15</v>
      </c>
      <c r="C18" s="273">
        <v>0</v>
      </c>
      <c r="D18" s="274">
        <v>0</v>
      </c>
      <c r="E18" s="275">
        <v>0</v>
      </c>
      <c r="F18" s="276">
        <v>0</v>
      </c>
      <c r="G18" s="274">
        <v>192035</v>
      </c>
      <c r="H18" s="274">
        <v>399958</v>
      </c>
      <c r="I18" s="274">
        <v>1389515</v>
      </c>
      <c r="J18" s="274">
        <v>2196687</v>
      </c>
      <c r="K18" s="274">
        <v>1431469</v>
      </c>
      <c r="L18" s="277">
        <v>5609664</v>
      </c>
      <c r="M18" s="278">
        <v>5609664</v>
      </c>
      <c r="N18" s="273">
        <v>0</v>
      </c>
      <c r="O18" s="274">
        <v>0</v>
      </c>
      <c r="P18" s="275">
        <v>0</v>
      </c>
      <c r="Q18" s="279"/>
      <c r="R18" s="274">
        <v>2550</v>
      </c>
      <c r="S18" s="274">
        <v>34350</v>
      </c>
      <c r="T18" s="274">
        <v>831145</v>
      </c>
      <c r="U18" s="274">
        <v>1278655</v>
      </c>
      <c r="V18" s="274">
        <v>1094515</v>
      </c>
      <c r="W18" s="277">
        <v>3241215</v>
      </c>
      <c r="X18" s="278">
        <v>3241215</v>
      </c>
      <c r="Y18" s="273">
        <v>0</v>
      </c>
      <c r="Z18" s="274">
        <v>0</v>
      </c>
      <c r="AA18" s="275">
        <v>0</v>
      </c>
      <c r="AB18" s="279"/>
      <c r="AC18" s="274">
        <v>172850</v>
      </c>
      <c r="AD18" s="274">
        <v>318665</v>
      </c>
      <c r="AE18" s="274">
        <v>339501</v>
      </c>
      <c r="AF18" s="274">
        <v>596036</v>
      </c>
      <c r="AG18" s="274">
        <v>153670</v>
      </c>
      <c r="AH18" s="277">
        <v>1580722</v>
      </c>
      <c r="AI18" s="278">
        <v>1580722</v>
      </c>
      <c r="AJ18" s="273">
        <v>0</v>
      </c>
      <c r="AK18" s="274">
        <v>0</v>
      </c>
      <c r="AL18" s="275">
        <v>0</v>
      </c>
      <c r="AM18" s="279"/>
      <c r="AN18" s="274">
        <v>0</v>
      </c>
      <c r="AO18" s="274">
        <v>0</v>
      </c>
      <c r="AP18" s="274">
        <v>0</v>
      </c>
      <c r="AQ18" s="274">
        <v>0</v>
      </c>
      <c r="AR18" s="274">
        <v>0</v>
      </c>
      <c r="AS18" s="277">
        <v>0</v>
      </c>
      <c r="AT18" s="278">
        <v>0</v>
      </c>
      <c r="AU18" s="273">
        <v>0</v>
      </c>
      <c r="AV18" s="274">
        <v>0</v>
      </c>
      <c r="AW18" s="275">
        <v>0</v>
      </c>
      <c r="AX18" s="279"/>
      <c r="AY18" s="274">
        <v>0</v>
      </c>
      <c r="AZ18" s="274">
        <v>0</v>
      </c>
      <c r="BA18" s="274">
        <v>0</v>
      </c>
      <c r="BB18" s="274">
        <v>0</v>
      </c>
      <c r="BC18" s="274">
        <v>0</v>
      </c>
      <c r="BD18" s="277">
        <v>0</v>
      </c>
      <c r="BE18" s="278">
        <v>0</v>
      </c>
      <c r="BF18" s="273">
        <v>0</v>
      </c>
      <c r="BG18" s="274">
        <v>0</v>
      </c>
      <c r="BH18" s="275">
        <v>0</v>
      </c>
      <c r="BI18" s="279"/>
      <c r="BJ18" s="274">
        <v>0</v>
      </c>
      <c r="BK18" s="274">
        <v>0</v>
      </c>
      <c r="BL18" s="274">
        <v>67785</v>
      </c>
      <c r="BM18" s="274">
        <v>76050</v>
      </c>
      <c r="BN18" s="274">
        <v>91170</v>
      </c>
      <c r="BO18" s="277">
        <v>235005</v>
      </c>
      <c r="BP18" s="278">
        <v>235005</v>
      </c>
      <c r="BQ18" s="273">
        <v>0</v>
      </c>
      <c r="BR18" s="274">
        <v>0</v>
      </c>
      <c r="BS18" s="275">
        <v>0</v>
      </c>
      <c r="BT18" s="276">
        <v>0</v>
      </c>
      <c r="BU18" s="274">
        <v>14460</v>
      </c>
      <c r="BV18" s="274">
        <v>46943</v>
      </c>
      <c r="BW18" s="274">
        <v>147448</v>
      </c>
      <c r="BX18" s="274">
        <v>236156</v>
      </c>
      <c r="BY18" s="274">
        <v>92114</v>
      </c>
      <c r="BZ18" s="277">
        <v>537121</v>
      </c>
      <c r="CA18" s="278">
        <v>537121</v>
      </c>
      <c r="CB18" s="273">
        <v>0</v>
      </c>
      <c r="CC18" s="274">
        <v>0</v>
      </c>
      <c r="CD18" s="275">
        <v>0</v>
      </c>
      <c r="CE18" s="276">
        <v>0</v>
      </c>
      <c r="CF18" s="274">
        <v>2175</v>
      </c>
      <c r="CG18" s="274">
        <v>0</v>
      </c>
      <c r="CH18" s="274">
        <v>3636</v>
      </c>
      <c r="CI18" s="274">
        <v>9790</v>
      </c>
      <c r="CJ18" s="274">
        <v>0</v>
      </c>
      <c r="CK18" s="277">
        <v>15601</v>
      </c>
      <c r="CL18" s="278">
        <v>15601</v>
      </c>
      <c r="CM18" s="273">
        <v>0</v>
      </c>
      <c r="CN18" s="274">
        <v>0</v>
      </c>
      <c r="CO18" s="275">
        <v>0</v>
      </c>
      <c r="CP18" s="276">
        <v>0</v>
      </c>
      <c r="CQ18" s="274">
        <v>0</v>
      </c>
      <c r="CR18" s="274">
        <v>0</v>
      </c>
      <c r="CS18" s="274">
        <v>0</v>
      </c>
      <c r="CT18" s="274">
        <v>0</v>
      </c>
      <c r="CU18" s="274">
        <v>0</v>
      </c>
      <c r="CV18" s="277">
        <v>0</v>
      </c>
      <c r="CW18" s="278">
        <v>0</v>
      </c>
      <c r="CX18" s="273">
        <v>0</v>
      </c>
      <c r="CY18" s="274">
        <v>0</v>
      </c>
      <c r="CZ18" s="275">
        <v>0</v>
      </c>
      <c r="DA18" s="279"/>
      <c r="DB18" s="274">
        <v>0</v>
      </c>
      <c r="DC18" s="274">
        <v>0</v>
      </c>
      <c r="DD18" s="274">
        <v>0</v>
      </c>
      <c r="DE18" s="274">
        <v>0</v>
      </c>
      <c r="DF18" s="274">
        <v>0</v>
      </c>
      <c r="DG18" s="277">
        <v>0</v>
      </c>
      <c r="DH18" s="278">
        <v>0</v>
      </c>
      <c r="DI18" s="273">
        <v>0</v>
      </c>
      <c r="DJ18" s="274">
        <v>0</v>
      </c>
      <c r="DK18" s="275">
        <v>0</v>
      </c>
      <c r="DL18" s="276">
        <v>0</v>
      </c>
      <c r="DM18" s="274">
        <v>37432</v>
      </c>
      <c r="DN18" s="274">
        <v>161723</v>
      </c>
      <c r="DO18" s="274">
        <v>1404730</v>
      </c>
      <c r="DP18" s="274">
        <v>1998226</v>
      </c>
      <c r="DQ18" s="274">
        <v>1410250</v>
      </c>
      <c r="DR18" s="277">
        <v>5012361</v>
      </c>
      <c r="DS18" s="280">
        <v>5012361</v>
      </c>
      <c r="DT18" s="273">
        <v>0</v>
      </c>
      <c r="DU18" s="274">
        <v>0</v>
      </c>
      <c r="DV18" s="275">
        <v>0</v>
      </c>
      <c r="DW18" s="279"/>
      <c r="DX18" s="274">
        <v>10530</v>
      </c>
      <c r="DY18" s="274">
        <v>25650</v>
      </c>
      <c r="DZ18" s="274">
        <v>983961</v>
      </c>
      <c r="EA18" s="274">
        <v>1494039</v>
      </c>
      <c r="EB18" s="274">
        <v>1153905</v>
      </c>
      <c r="EC18" s="277">
        <v>3668085</v>
      </c>
      <c r="ED18" s="278">
        <v>3668085</v>
      </c>
      <c r="EE18" s="273">
        <v>0</v>
      </c>
      <c r="EF18" s="274">
        <v>0</v>
      </c>
      <c r="EG18" s="275">
        <v>0</v>
      </c>
      <c r="EH18" s="279"/>
      <c r="EI18" s="274">
        <v>13137</v>
      </c>
      <c r="EJ18" s="274">
        <v>70177</v>
      </c>
      <c r="EK18" s="274">
        <v>36427</v>
      </c>
      <c r="EL18" s="274">
        <v>50287</v>
      </c>
      <c r="EM18" s="274">
        <v>31732</v>
      </c>
      <c r="EN18" s="277">
        <v>201760</v>
      </c>
      <c r="EO18" s="278">
        <v>201760</v>
      </c>
      <c r="EP18" s="273">
        <v>0</v>
      </c>
      <c r="EQ18" s="274">
        <v>0</v>
      </c>
      <c r="ER18" s="275">
        <v>0</v>
      </c>
      <c r="ES18" s="279"/>
      <c r="ET18" s="274">
        <v>0</v>
      </c>
      <c r="EU18" s="274">
        <v>0</v>
      </c>
      <c r="EV18" s="274">
        <v>0</v>
      </c>
      <c r="EW18" s="274">
        <v>0</v>
      </c>
      <c r="EX18" s="274">
        <v>0</v>
      </c>
      <c r="EY18" s="277">
        <v>0</v>
      </c>
      <c r="EZ18" s="278">
        <v>0</v>
      </c>
      <c r="FA18" s="273">
        <v>0</v>
      </c>
      <c r="FB18" s="274">
        <v>0</v>
      </c>
      <c r="FC18" s="275">
        <v>0</v>
      </c>
      <c r="FD18" s="279"/>
      <c r="FE18" s="274">
        <v>0</v>
      </c>
      <c r="FF18" s="274">
        <v>0</v>
      </c>
      <c r="FG18" s="274">
        <v>0</v>
      </c>
      <c r="FH18" s="274">
        <v>0</v>
      </c>
      <c r="FI18" s="274">
        <v>0</v>
      </c>
      <c r="FJ18" s="277">
        <v>0</v>
      </c>
      <c r="FK18" s="278">
        <v>0</v>
      </c>
      <c r="FL18" s="273">
        <v>0</v>
      </c>
      <c r="FM18" s="274">
        <v>0</v>
      </c>
      <c r="FN18" s="275">
        <v>0</v>
      </c>
      <c r="FO18" s="279"/>
      <c r="FP18" s="274">
        <v>0</v>
      </c>
      <c r="FQ18" s="274">
        <v>0</v>
      </c>
      <c r="FR18" s="274">
        <v>131428</v>
      </c>
      <c r="FS18" s="274">
        <v>175560</v>
      </c>
      <c r="FT18" s="274">
        <v>120504</v>
      </c>
      <c r="FU18" s="277">
        <v>427492</v>
      </c>
      <c r="FV18" s="278">
        <v>427492</v>
      </c>
      <c r="FW18" s="273">
        <v>0</v>
      </c>
      <c r="FX18" s="274">
        <v>0</v>
      </c>
      <c r="FY18" s="275">
        <v>0</v>
      </c>
      <c r="FZ18" s="276">
        <v>0</v>
      </c>
      <c r="GA18" s="274">
        <v>13646</v>
      </c>
      <c r="GB18" s="274">
        <v>65896</v>
      </c>
      <c r="GC18" s="274">
        <v>251406</v>
      </c>
      <c r="GD18" s="274">
        <v>278165</v>
      </c>
      <c r="GE18" s="274">
        <v>104109</v>
      </c>
      <c r="GF18" s="277">
        <v>713222</v>
      </c>
      <c r="GG18" s="278">
        <v>713222</v>
      </c>
      <c r="GH18" s="273">
        <v>0</v>
      </c>
      <c r="GI18" s="274">
        <v>0</v>
      </c>
      <c r="GJ18" s="275">
        <v>0</v>
      </c>
      <c r="GK18" s="276">
        <v>0</v>
      </c>
      <c r="GL18" s="274">
        <v>119</v>
      </c>
      <c r="GM18" s="274">
        <v>0</v>
      </c>
      <c r="GN18" s="274">
        <v>1508</v>
      </c>
      <c r="GO18" s="274">
        <v>175</v>
      </c>
      <c r="GP18" s="274">
        <v>0</v>
      </c>
      <c r="GQ18" s="277">
        <v>1802</v>
      </c>
      <c r="GR18" s="278">
        <v>1802</v>
      </c>
      <c r="GS18" s="273">
        <v>0</v>
      </c>
      <c r="GT18" s="274">
        <v>0</v>
      </c>
      <c r="GU18" s="275">
        <v>0</v>
      </c>
      <c r="GV18" s="276">
        <v>0</v>
      </c>
      <c r="GW18" s="274">
        <v>0</v>
      </c>
      <c r="GX18" s="274">
        <v>0</v>
      </c>
      <c r="GY18" s="274">
        <v>0</v>
      </c>
      <c r="GZ18" s="274">
        <v>0</v>
      </c>
      <c r="HA18" s="274">
        <v>0</v>
      </c>
      <c r="HB18" s="277">
        <v>0</v>
      </c>
      <c r="HC18" s="278">
        <v>0</v>
      </c>
      <c r="HD18" s="273">
        <v>0</v>
      </c>
      <c r="HE18" s="274">
        <v>0</v>
      </c>
      <c r="HF18" s="275">
        <v>0</v>
      </c>
      <c r="HG18" s="279"/>
      <c r="HH18" s="274">
        <v>0</v>
      </c>
      <c r="HI18" s="274">
        <v>0</v>
      </c>
      <c r="HJ18" s="274">
        <v>0</v>
      </c>
      <c r="HK18" s="274">
        <v>0</v>
      </c>
      <c r="HL18" s="274">
        <v>0</v>
      </c>
      <c r="HM18" s="277">
        <v>0</v>
      </c>
      <c r="HN18" s="278">
        <v>0</v>
      </c>
      <c r="HO18" s="273">
        <v>0</v>
      </c>
      <c r="HP18" s="274">
        <v>0</v>
      </c>
      <c r="HQ18" s="275">
        <v>0</v>
      </c>
      <c r="HR18" s="276">
        <v>0</v>
      </c>
      <c r="HS18" s="274">
        <v>229467</v>
      </c>
      <c r="HT18" s="274">
        <v>561681</v>
      </c>
      <c r="HU18" s="274">
        <v>2794245</v>
      </c>
      <c r="HV18" s="274">
        <v>4194913</v>
      </c>
      <c r="HW18" s="274">
        <v>2841719</v>
      </c>
      <c r="HX18" s="277">
        <v>10622025</v>
      </c>
      <c r="HY18" s="278">
        <v>10622025</v>
      </c>
    </row>
    <row r="19" spans="2:233" ht="21" customHeight="1" x14ac:dyDescent="0.2">
      <c r="B19" s="472" t="s">
        <v>16</v>
      </c>
      <c r="C19" s="273">
        <v>3245</v>
      </c>
      <c r="D19" s="274">
        <v>3225</v>
      </c>
      <c r="E19" s="275">
        <v>6470</v>
      </c>
      <c r="F19" s="276">
        <v>0</v>
      </c>
      <c r="G19" s="274">
        <v>342506</v>
      </c>
      <c r="H19" s="274">
        <v>899965</v>
      </c>
      <c r="I19" s="274">
        <v>2844619</v>
      </c>
      <c r="J19" s="274">
        <v>3086642</v>
      </c>
      <c r="K19" s="274">
        <v>2299337</v>
      </c>
      <c r="L19" s="277">
        <v>9473069</v>
      </c>
      <c r="M19" s="278">
        <v>9479539</v>
      </c>
      <c r="N19" s="273">
        <v>0</v>
      </c>
      <c r="O19" s="274">
        <v>0</v>
      </c>
      <c r="P19" s="275">
        <v>0</v>
      </c>
      <c r="Q19" s="279"/>
      <c r="R19" s="274">
        <v>94800</v>
      </c>
      <c r="S19" s="274">
        <v>64720</v>
      </c>
      <c r="T19" s="274">
        <v>1715580</v>
      </c>
      <c r="U19" s="274">
        <v>2386566</v>
      </c>
      <c r="V19" s="274">
        <v>1701652</v>
      </c>
      <c r="W19" s="277">
        <v>5963318</v>
      </c>
      <c r="X19" s="278">
        <v>5963318</v>
      </c>
      <c r="Y19" s="273">
        <v>0</v>
      </c>
      <c r="Z19" s="274">
        <v>0</v>
      </c>
      <c r="AA19" s="275">
        <v>0</v>
      </c>
      <c r="AB19" s="279"/>
      <c r="AC19" s="274">
        <v>194880</v>
      </c>
      <c r="AD19" s="274">
        <v>726374</v>
      </c>
      <c r="AE19" s="274">
        <v>961005</v>
      </c>
      <c r="AF19" s="274">
        <v>469370</v>
      </c>
      <c r="AG19" s="274">
        <v>247170</v>
      </c>
      <c r="AH19" s="277">
        <v>2598799</v>
      </c>
      <c r="AI19" s="278">
        <v>2598799</v>
      </c>
      <c r="AJ19" s="273">
        <v>0</v>
      </c>
      <c r="AK19" s="274">
        <v>0</v>
      </c>
      <c r="AL19" s="275">
        <v>0</v>
      </c>
      <c r="AM19" s="279"/>
      <c r="AN19" s="274">
        <v>0</v>
      </c>
      <c r="AO19" s="274">
        <v>0</v>
      </c>
      <c r="AP19" s="274">
        <v>0</v>
      </c>
      <c r="AQ19" s="274">
        <v>0</v>
      </c>
      <c r="AR19" s="274">
        <v>0</v>
      </c>
      <c r="AS19" s="277">
        <v>0</v>
      </c>
      <c r="AT19" s="278">
        <v>0</v>
      </c>
      <c r="AU19" s="273">
        <v>0</v>
      </c>
      <c r="AV19" s="274">
        <v>0</v>
      </c>
      <c r="AW19" s="275">
        <v>0</v>
      </c>
      <c r="AX19" s="279"/>
      <c r="AY19" s="274">
        <v>0</v>
      </c>
      <c r="AZ19" s="274">
        <v>0</v>
      </c>
      <c r="BA19" s="274">
        <v>31650</v>
      </c>
      <c r="BB19" s="274">
        <v>79075</v>
      </c>
      <c r="BC19" s="274">
        <v>144750</v>
      </c>
      <c r="BD19" s="277">
        <v>255475</v>
      </c>
      <c r="BE19" s="278">
        <v>255475</v>
      </c>
      <c r="BF19" s="273">
        <v>0</v>
      </c>
      <c r="BG19" s="274">
        <v>0</v>
      </c>
      <c r="BH19" s="275">
        <v>0</v>
      </c>
      <c r="BI19" s="279"/>
      <c r="BJ19" s="274">
        <v>0</v>
      </c>
      <c r="BK19" s="274">
        <v>28950</v>
      </c>
      <c r="BL19" s="274">
        <v>23680</v>
      </c>
      <c r="BM19" s="274">
        <v>58050</v>
      </c>
      <c r="BN19" s="274">
        <v>147750</v>
      </c>
      <c r="BO19" s="277">
        <v>258430</v>
      </c>
      <c r="BP19" s="278">
        <v>258430</v>
      </c>
      <c r="BQ19" s="273">
        <v>3245</v>
      </c>
      <c r="BR19" s="274">
        <v>3225</v>
      </c>
      <c r="BS19" s="275">
        <v>6470</v>
      </c>
      <c r="BT19" s="276">
        <v>0</v>
      </c>
      <c r="BU19" s="274">
        <v>52353</v>
      </c>
      <c r="BV19" s="274">
        <v>78181</v>
      </c>
      <c r="BW19" s="274">
        <v>111361</v>
      </c>
      <c r="BX19" s="274">
        <v>90386</v>
      </c>
      <c r="BY19" s="274">
        <v>58015</v>
      </c>
      <c r="BZ19" s="277">
        <v>390296</v>
      </c>
      <c r="CA19" s="278">
        <v>396766</v>
      </c>
      <c r="CB19" s="273">
        <v>0</v>
      </c>
      <c r="CC19" s="274">
        <v>0</v>
      </c>
      <c r="CD19" s="275">
        <v>0</v>
      </c>
      <c r="CE19" s="276">
        <v>0</v>
      </c>
      <c r="CF19" s="274">
        <v>473</v>
      </c>
      <c r="CG19" s="274">
        <v>1740</v>
      </c>
      <c r="CH19" s="274">
        <v>1343</v>
      </c>
      <c r="CI19" s="274">
        <v>3195</v>
      </c>
      <c r="CJ19" s="274">
        <v>0</v>
      </c>
      <c r="CK19" s="277">
        <v>6751</v>
      </c>
      <c r="CL19" s="278">
        <v>6751</v>
      </c>
      <c r="CM19" s="273">
        <v>0</v>
      </c>
      <c r="CN19" s="274">
        <v>0</v>
      </c>
      <c r="CO19" s="275">
        <v>0</v>
      </c>
      <c r="CP19" s="276">
        <v>0</v>
      </c>
      <c r="CQ19" s="274">
        <v>0</v>
      </c>
      <c r="CR19" s="274">
        <v>0</v>
      </c>
      <c r="CS19" s="274">
        <v>0</v>
      </c>
      <c r="CT19" s="274">
        <v>0</v>
      </c>
      <c r="CU19" s="274">
        <v>0</v>
      </c>
      <c r="CV19" s="277">
        <v>0</v>
      </c>
      <c r="CW19" s="278">
        <v>0</v>
      </c>
      <c r="CX19" s="273">
        <v>0</v>
      </c>
      <c r="CY19" s="274">
        <v>0</v>
      </c>
      <c r="CZ19" s="275">
        <v>0</v>
      </c>
      <c r="DA19" s="279"/>
      <c r="DB19" s="274">
        <v>0</v>
      </c>
      <c r="DC19" s="274">
        <v>0</v>
      </c>
      <c r="DD19" s="274">
        <v>0</v>
      </c>
      <c r="DE19" s="274">
        <v>0</v>
      </c>
      <c r="DF19" s="274">
        <v>0</v>
      </c>
      <c r="DG19" s="277">
        <v>0</v>
      </c>
      <c r="DH19" s="278">
        <v>0</v>
      </c>
      <c r="DI19" s="273">
        <v>2553</v>
      </c>
      <c r="DJ19" s="274">
        <v>4744</v>
      </c>
      <c r="DK19" s="275">
        <v>7297</v>
      </c>
      <c r="DL19" s="276">
        <v>0</v>
      </c>
      <c r="DM19" s="274">
        <v>376278</v>
      </c>
      <c r="DN19" s="274">
        <v>721997</v>
      </c>
      <c r="DO19" s="274">
        <v>2838462</v>
      </c>
      <c r="DP19" s="274">
        <v>3713326</v>
      </c>
      <c r="DQ19" s="274">
        <v>2419929</v>
      </c>
      <c r="DR19" s="277">
        <v>10069992</v>
      </c>
      <c r="DS19" s="280">
        <v>10077289</v>
      </c>
      <c r="DT19" s="273">
        <v>0</v>
      </c>
      <c r="DU19" s="274">
        <v>0</v>
      </c>
      <c r="DV19" s="275">
        <v>0</v>
      </c>
      <c r="DW19" s="279"/>
      <c r="DX19" s="274">
        <v>88560</v>
      </c>
      <c r="DY19" s="274">
        <v>259637</v>
      </c>
      <c r="DZ19" s="274">
        <v>2264340</v>
      </c>
      <c r="EA19" s="274">
        <v>3279608</v>
      </c>
      <c r="EB19" s="274">
        <v>2046530</v>
      </c>
      <c r="EC19" s="277">
        <v>7938675</v>
      </c>
      <c r="ED19" s="278">
        <v>7938675</v>
      </c>
      <c r="EE19" s="273">
        <v>0</v>
      </c>
      <c r="EF19" s="274">
        <v>0</v>
      </c>
      <c r="EG19" s="275">
        <v>0</v>
      </c>
      <c r="EH19" s="279"/>
      <c r="EI19" s="274">
        <v>206803</v>
      </c>
      <c r="EJ19" s="274">
        <v>260306</v>
      </c>
      <c r="EK19" s="274">
        <v>350817</v>
      </c>
      <c r="EL19" s="274">
        <v>186606</v>
      </c>
      <c r="EM19" s="274">
        <v>89486</v>
      </c>
      <c r="EN19" s="277">
        <v>1094018</v>
      </c>
      <c r="EO19" s="278">
        <v>1094018</v>
      </c>
      <c r="EP19" s="273">
        <v>0</v>
      </c>
      <c r="EQ19" s="274">
        <v>0</v>
      </c>
      <c r="ER19" s="275">
        <v>0</v>
      </c>
      <c r="ES19" s="279"/>
      <c r="ET19" s="274">
        <v>0</v>
      </c>
      <c r="EU19" s="274">
        <v>0</v>
      </c>
      <c r="EV19" s="274">
        <v>0</v>
      </c>
      <c r="EW19" s="274">
        <v>0</v>
      </c>
      <c r="EX19" s="274">
        <v>0</v>
      </c>
      <c r="EY19" s="277">
        <v>0</v>
      </c>
      <c r="EZ19" s="278">
        <v>0</v>
      </c>
      <c r="FA19" s="273">
        <v>0</v>
      </c>
      <c r="FB19" s="274">
        <v>0</v>
      </c>
      <c r="FC19" s="275">
        <v>0</v>
      </c>
      <c r="FD19" s="279"/>
      <c r="FE19" s="274">
        <v>0</v>
      </c>
      <c r="FF19" s="274">
        <v>0</v>
      </c>
      <c r="FG19" s="274">
        <v>210</v>
      </c>
      <c r="FH19" s="274">
        <v>23250</v>
      </c>
      <c r="FI19" s="274">
        <v>24090</v>
      </c>
      <c r="FJ19" s="277">
        <v>47550</v>
      </c>
      <c r="FK19" s="278">
        <v>47550</v>
      </c>
      <c r="FL19" s="273">
        <v>0</v>
      </c>
      <c r="FM19" s="274">
        <v>0</v>
      </c>
      <c r="FN19" s="275">
        <v>0</v>
      </c>
      <c r="FO19" s="279"/>
      <c r="FP19" s="274">
        <v>0</v>
      </c>
      <c r="FQ19" s="274">
        <v>62640</v>
      </c>
      <c r="FR19" s="274">
        <v>19488</v>
      </c>
      <c r="FS19" s="274">
        <v>77340</v>
      </c>
      <c r="FT19" s="274">
        <v>190260</v>
      </c>
      <c r="FU19" s="277">
        <v>349728</v>
      </c>
      <c r="FV19" s="278">
        <v>349728</v>
      </c>
      <c r="FW19" s="273">
        <v>2553</v>
      </c>
      <c r="FX19" s="274">
        <v>4744</v>
      </c>
      <c r="FY19" s="275">
        <v>7297</v>
      </c>
      <c r="FZ19" s="276">
        <v>0</v>
      </c>
      <c r="GA19" s="274">
        <v>80880</v>
      </c>
      <c r="GB19" s="274">
        <v>139316</v>
      </c>
      <c r="GC19" s="274">
        <v>203530</v>
      </c>
      <c r="GD19" s="274">
        <v>145778</v>
      </c>
      <c r="GE19" s="274">
        <v>69563</v>
      </c>
      <c r="GF19" s="277">
        <v>639067</v>
      </c>
      <c r="GG19" s="278">
        <v>646364</v>
      </c>
      <c r="GH19" s="273">
        <v>0</v>
      </c>
      <c r="GI19" s="274">
        <v>0</v>
      </c>
      <c r="GJ19" s="275">
        <v>0</v>
      </c>
      <c r="GK19" s="276">
        <v>0</v>
      </c>
      <c r="GL19" s="274">
        <v>35</v>
      </c>
      <c r="GM19" s="274">
        <v>98</v>
      </c>
      <c r="GN19" s="274">
        <v>77</v>
      </c>
      <c r="GO19" s="274">
        <v>744</v>
      </c>
      <c r="GP19" s="274">
        <v>0</v>
      </c>
      <c r="GQ19" s="277">
        <v>954</v>
      </c>
      <c r="GR19" s="278">
        <v>954</v>
      </c>
      <c r="GS19" s="273">
        <v>0</v>
      </c>
      <c r="GT19" s="274">
        <v>0</v>
      </c>
      <c r="GU19" s="275">
        <v>0</v>
      </c>
      <c r="GV19" s="276">
        <v>0</v>
      </c>
      <c r="GW19" s="274">
        <v>0</v>
      </c>
      <c r="GX19" s="274">
        <v>0</v>
      </c>
      <c r="GY19" s="274">
        <v>0</v>
      </c>
      <c r="GZ19" s="274">
        <v>0</v>
      </c>
      <c r="HA19" s="274">
        <v>0</v>
      </c>
      <c r="HB19" s="277">
        <v>0</v>
      </c>
      <c r="HC19" s="278">
        <v>0</v>
      </c>
      <c r="HD19" s="273">
        <v>0</v>
      </c>
      <c r="HE19" s="274">
        <v>0</v>
      </c>
      <c r="HF19" s="275">
        <v>0</v>
      </c>
      <c r="HG19" s="279"/>
      <c r="HH19" s="274">
        <v>0</v>
      </c>
      <c r="HI19" s="274">
        <v>0</v>
      </c>
      <c r="HJ19" s="274">
        <v>0</v>
      </c>
      <c r="HK19" s="274">
        <v>0</v>
      </c>
      <c r="HL19" s="274">
        <v>0</v>
      </c>
      <c r="HM19" s="277">
        <v>0</v>
      </c>
      <c r="HN19" s="278">
        <v>0</v>
      </c>
      <c r="HO19" s="273">
        <v>5798</v>
      </c>
      <c r="HP19" s="274">
        <v>7969</v>
      </c>
      <c r="HQ19" s="275">
        <v>13767</v>
      </c>
      <c r="HR19" s="276">
        <v>0</v>
      </c>
      <c r="HS19" s="274">
        <v>718784</v>
      </c>
      <c r="HT19" s="274">
        <v>1621962</v>
      </c>
      <c r="HU19" s="274">
        <v>5683081</v>
      </c>
      <c r="HV19" s="274">
        <v>6799968</v>
      </c>
      <c r="HW19" s="274">
        <v>4719266</v>
      </c>
      <c r="HX19" s="277">
        <v>19543061</v>
      </c>
      <c r="HY19" s="278">
        <v>19556828</v>
      </c>
    </row>
    <row r="20" spans="2:233" ht="21" customHeight="1" x14ac:dyDescent="0.2">
      <c r="B20" s="472" t="s">
        <v>17</v>
      </c>
      <c r="C20" s="273">
        <v>0</v>
      </c>
      <c r="D20" s="274">
        <v>0</v>
      </c>
      <c r="E20" s="275">
        <v>0</v>
      </c>
      <c r="F20" s="276">
        <v>0</v>
      </c>
      <c r="G20" s="274">
        <v>265060</v>
      </c>
      <c r="H20" s="274">
        <v>990589</v>
      </c>
      <c r="I20" s="274">
        <v>2783315</v>
      </c>
      <c r="J20" s="274">
        <v>3336195</v>
      </c>
      <c r="K20" s="274">
        <v>2620490</v>
      </c>
      <c r="L20" s="277">
        <v>9995649</v>
      </c>
      <c r="M20" s="278">
        <v>9995649</v>
      </c>
      <c r="N20" s="273">
        <v>0</v>
      </c>
      <c r="O20" s="274">
        <v>0</v>
      </c>
      <c r="P20" s="275">
        <v>0</v>
      </c>
      <c r="Q20" s="279"/>
      <c r="R20" s="274">
        <v>23850</v>
      </c>
      <c r="S20" s="274">
        <v>160650</v>
      </c>
      <c r="T20" s="274">
        <v>1524210</v>
      </c>
      <c r="U20" s="274">
        <v>2288210</v>
      </c>
      <c r="V20" s="274">
        <v>2045560</v>
      </c>
      <c r="W20" s="277">
        <v>6042480</v>
      </c>
      <c r="X20" s="278">
        <v>6042480</v>
      </c>
      <c r="Y20" s="273">
        <v>0</v>
      </c>
      <c r="Z20" s="274">
        <v>0</v>
      </c>
      <c r="AA20" s="275">
        <v>0</v>
      </c>
      <c r="AB20" s="279"/>
      <c r="AC20" s="274">
        <v>201290</v>
      </c>
      <c r="AD20" s="274">
        <v>714239</v>
      </c>
      <c r="AE20" s="274">
        <v>797965</v>
      </c>
      <c r="AF20" s="274">
        <v>500230</v>
      </c>
      <c r="AG20" s="274">
        <v>180975</v>
      </c>
      <c r="AH20" s="277">
        <v>2394699</v>
      </c>
      <c r="AI20" s="278">
        <v>2394699</v>
      </c>
      <c r="AJ20" s="273">
        <v>0</v>
      </c>
      <c r="AK20" s="274">
        <v>0</v>
      </c>
      <c r="AL20" s="275">
        <v>0</v>
      </c>
      <c r="AM20" s="279"/>
      <c r="AN20" s="274">
        <v>0</v>
      </c>
      <c r="AO20" s="274">
        <v>0</v>
      </c>
      <c r="AP20" s="274">
        <v>0</v>
      </c>
      <c r="AQ20" s="274">
        <v>0</v>
      </c>
      <c r="AR20" s="274">
        <v>34200</v>
      </c>
      <c r="AS20" s="277">
        <v>34200</v>
      </c>
      <c r="AT20" s="278">
        <v>34200</v>
      </c>
      <c r="AU20" s="273">
        <v>0</v>
      </c>
      <c r="AV20" s="274">
        <v>0</v>
      </c>
      <c r="AW20" s="275">
        <v>0</v>
      </c>
      <c r="AX20" s="279"/>
      <c r="AY20" s="274">
        <v>0</v>
      </c>
      <c r="AZ20" s="274">
        <v>0</v>
      </c>
      <c r="BA20" s="274">
        <v>0</v>
      </c>
      <c r="BB20" s="274">
        <v>2550</v>
      </c>
      <c r="BC20" s="274">
        <v>63300</v>
      </c>
      <c r="BD20" s="277">
        <v>65850</v>
      </c>
      <c r="BE20" s="278">
        <v>65850</v>
      </c>
      <c r="BF20" s="273">
        <v>0</v>
      </c>
      <c r="BG20" s="274">
        <v>0</v>
      </c>
      <c r="BH20" s="275">
        <v>0</v>
      </c>
      <c r="BI20" s="279"/>
      <c r="BJ20" s="274">
        <v>0</v>
      </c>
      <c r="BK20" s="274">
        <v>2550</v>
      </c>
      <c r="BL20" s="274">
        <v>234300</v>
      </c>
      <c r="BM20" s="274">
        <v>203750</v>
      </c>
      <c r="BN20" s="274">
        <v>218700</v>
      </c>
      <c r="BO20" s="277">
        <v>659300</v>
      </c>
      <c r="BP20" s="278">
        <v>659300</v>
      </c>
      <c r="BQ20" s="273">
        <v>0</v>
      </c>
      <c r="BR20" s="274">
        <v>0</v>
      </c>
      <c r="BS20" s="275">
        <v>0</v>
      </c>
      <c r="BT20" s="276">
        <v>0</v>
      </c>
      <c r="BU20" s="274">
        <v>30980</v>
      </c>
      <c r="BV20" s="274">
        <v>104960</v>
      </c>
      <c r="BW20" s="274">
        <v>224665</v>
      </c>
      <c r="BX20" s="274">
        <v>329495</v>
      </c>
      <c r="BY20" s="274">
        <v>59945</v>
      </c>
      <c r="BZ20" s="277">
        <v>750045</v>
      </c>
      <c r="CA20" s="278">
        <v>750045</v>
      </c>
      <c r="CB20" s="273">
        <v>0</v>
      </c>
      <c r="CC20" s="274">
        <v>0</v>
      </c>
      <c r="CD20" s="275">
        <v>0</v>
      </c>
      <c r="CE20" s="276">
        <v>0</v>
      </c>
      <c r="CF20" s="274">
        <v>8940</v>
      </c>
      <c r="CG20" s="274">
        <v>8190</v>
      </c>
      <c r="CH20" s="274">
        <v>2175</v>
      </c>
      <c r="CI20" s="274">
        <v>11960</v>
      </c>
      <c r="CJ20" s="274">
        <v>17810</v>
      </c>
      <c r="CK20" s="277">
        <v>49075</v>
      </c>
      <c r="CL20" s="278">
        <v>49075</v>
      </c>
      <c r="CM20" s="273">
        <v>0</v>
      </c>
      <c r="CN20" s="274">
        <v>0</v>
      </c>
      <c r="CO20" s="275">
        <v>0</v>
      </c>
      <c r="CP20" s="276">
        <v>0</v>
      </c>
      <c r="CQ20" s="274">
        <v>0</v>
      </c>
      <c r="CR20" s="274">
        <v>0</v>
      </c>
      <c r="CS20" s="274">
        <v>0</v>
      </c>
      <c r="CT20" s="274">
        <v>0</v>
      </c>
      <c r="CU20" s="274">
        <v>0</v>
      </c>
      <c r="CV20" s="277">
        <v>0</v>
      </c>
      <c r="CW20" s="278">
        <v>0</v>
      </c>
      <c r="CX20" s="273">
        <v>0</v>
      </c>
      <c r="CY20" s="274">
        <v>0</v>
      </c>
      <c r="CZ20" s="275">
        <v>0</v>
      </c>
      <c r="DA20" s="279"/>
      <c r="DB20" s="274">
        <v>0</v>
      </c>
      <c r="DC20" s="274">
        <v>0</v>
      </c>
      <c r="DD20" s="274">
        <v>0</v>
      </c>
      <c r="DE20" s="274">
        <v>0</v>
      </c>
      <c r="DF20" s="274">
        <v>0</v>
      </c>
      <c r="DG20" s="277">
        <v>0</v>
      </c>
      <c r="DH20" s="278">
        <v>0</v>
      </c>
      <c r="DI20" s="273">
        <v>0</v>
      </c>
      <c r="DJ20" s="274">
        <v>0</v>
      </c>
      <c r="DK20" s="275">
        <v>0</v>
      </c>
      <c r="DL20" s="276">
        <v>0</v>
      </c>
      <c r="DM20" s="274">
        <v>55433</v>
      </c>
      <c r="DN20" s="274">
        <v>413025</v>
      </c>
      <c r="DO20" s="274">
        <v>2829962</v>
      </c>
      <c r="DP20" s="274">
        <v>3986157</v>
      </c>
      <c r="DQ20" s="274">
        <v>2807563</v>
      </c>
      <c r="DR20" s="277">
        <v>10092140</v>
      </c>
      <c r="DS20" s="280">
        <v>10092140</v>
      </c>
      <c r="DT20" s="273">
        <v>0</v>
      </c>
      <c r="DU20" s="274">
        <v>0</v>
      </c>
      <c r="DV20" s="275">
        <v>0</v>
      </c>
      <c r="DW20" s="279"/>
      <c r="DX20" s="274">
        <v>14550</v>
      </c>
      <c r="DY20" s="274">
        <v>206250</v>
      </c>
      <c r="DZ20" s="274">
        <v>2123391</v>
      </c>
      <c r="EA20" s="274">
        <v>3173605</v>
      </c>
      <c r="EB20" s="274">
        <v>2339316</v>
      </c>
      <c r="EC20" s="277">
        <v>7857112</v>
      </c>
      <c r="ED20" s="278">
        <v>7857112</v>
      </c>
      <c r="EE20" s="273">
        <v>0</v>
      </c>
      <c r="EF20" s="274">
        <v>0</v>
      </c>
      <c r="EG20" s="275">
        <v>0</v>
      </c>
      <c r="EH20" s="279"/>
      <c r="EI20" s="274">
        <v>3136</v>
      </c>
      <c r="EJ20" s="274">
        <v>40231</v>
      </c>
      <c r="EK20" s="274">
        <v>87809</v>
      </c>
      <c r="EL20" s="274">
        <v>41515</v>
      </c>
      <c r="EM20" s="274">
        <v>11536</v>
      </c>
      <c r="EN20" s="277">
        <v>184227</v>
      </c>
      <c r="EO20" s="278">
        <v>184227</v>
      </c>
      <c r="EP20" s="273">
        <v>0</v>
      </c>
      <c r="EQ20" s="274">
        <v>0</v>
      </c>
      <c r="ER20" s="275">
        <v>0</v>
      </c>
      <c r="ES20" s="279"/>
      <c r="ET20" s="274">
        <v>0</v>
      </c>
      <c r="EU20" s="274">
        <v>0</v>
      </c>
      <c r="EV20" s="274">
        <v>0</v>
      </c>
      <c r="EW20" s="274">
        <v>0</v>
      </c>
      <c r="EX20" s="274">
        <v>210</v>
      </c>
      <c r="EY20" s="277">
        <v>210</v>
      </c>
      <c r="EZ20" s="278">
        <v>210</v>
      </c>
      <c r="FA20" s="273">
        <v>0</v>
      </c>
      <c r="FB20" s="274">
        <v>0</v>
      </c>
      <c r="FC20" s="275">
        <v>0</v>
      </c>
      <c r="FD20" s="279"/>
      <c r="FE20" s="274">
        <v>0</v>
      </c>
      <c r="FF20" s="274">
        <v>0</v>
      </c>
      <c r="FG20" s="274">
        <v>0</v>
      </c>
      <c r="FH20" s="274">
        <v>210</v>
      </c>
      <c r="FI20" s="274">
        <v>420</v>
      </c>
      <c r="FJ20" s="277">
        <v>630</v>
      </c>
      <c r="FK20" s="278">
        <v>630</v>
      </c>
      <c r="FL20" s="273">
        <v>0</v>
      </c>
      <c r="FM20" s="274">
        <v>0</v>
      </c>
      <c r="FN20" s="275">
        <v>0</v>
      </c>
      <c r="FO20" s="279"/>
      <c r="FP20" s="274">
        <v>0</v>
      </c>
      <c r="FQ20" s="274">
        <v>10530</v>
      </c>
      <c r="FR20" s="274">
        <v>334410</v>
      </c>
      <c r="FS20" s="274">
        <v>354160</v>
      </c>
      <c r="FT20" s="274">
        <v>380572</v>
      </c>
      <c r="FU20" s="277">
        <v>1079672</v>
      </c>
      <c r="FV20" s="278">
        <v>1079672</v>
      </c>
      <c r="FW20" s="273">
        <v>0</v>
      </c>
      <c r="FX20" s="274">
        <v>0</v>
      </c>
      <c r="FY20" s="275">
        <v>0</v>
      </c>
      <c r="FZ20" s="276">
        <v>0</v>
      </c>
      <c r="GA20" s="274">
        <v>37663</v>
      </c>
      <c r="GB20" s="274">
        <v>153961</v>
      </c>
      <c r="GC20" s="274">
        <v>284219</v>
      </c>
      <c r="GD20" s="274">
        <v>416464</v>
      </c>
      <c r="GE20" s="274">
        <v>67329</v>
      </c>
      <c r="GF20" s="277">
        <v>959636</v>
      </c>
      <c r="GG20" s="278">
        <v>959636</v>
      </c>
      <c r="GH20" s="273">
        <v>0</v>
      </c>
      <c r="GI20" s="274">
        <v>0</v>
      </c>
      <c r="GJ20" s="275">
        <v>0</v>
      </c>
      <c r="GK20" s="276">
        <v>0</v>
      </c>
      <c r="GL20" s="274">
        <v>84</v>
      </c>
      <c r="GM20" s="274">
        <v>2053</v>
      </c>
      <c r="GN20" s="274">
        <v>133</v>
      </c>
      <c r="GO20" s="274">
        <v>203</v>
      </c>
      <c r="GP20" s="274">
        <v>8180</v>
      </c>
      <c r="GQ20" s="277">
        <v>10653</v>
      </c>
      <c r="GR20" s="278">
        <v>10653</v>
      </c>
      <c r="GS20" s="273">
        <v>0</v>
      </c>
      <c r="GT20" s="274">
        <v>0</v>
      </c>
      <c r="GU20" s="275">
        <v>0</v>
      </c>
      <c r="GV20" s="276">
        <v>0</v>
      </c>
      <c r="GW20" s="274">
        <v>0</v>
      </c>
      <c r="GX20" s="274">
        <v>0</v>
      </c>
      <c r="GY20" s="274">
        <v>0</v>
      </c>
      <c r="GZ20" s="274">
        <v>0</v>
      </c>
      <c r="HA20" s="274">
        <v>0</v>
      </c>
      <c r="HB20" s="277">
        <v>0</v>
      </c>
      <c r="HC20" s="278">
        <v>0</v>
      </c>
      <c r="HD20" s="273">
        <v>0</v>
      </c>
      <c r="HE20" s="274">
        <v>0</v>
      </c>
      <c r="HF20" s="275">
        <v>0</v>
      </c>
      <c r="HG20" s="279"/>
      <c r="HH20" s="274">
        <v>0</v>
      </c>
      <c r="HI20" s="274">
        <v>0</v>
      </c>
      <c r="HJ20" s="274">
        <v>0</v>
      </c>
      <c r="HK20" s="274">
        <v>0</v>
      </c>
      <c r="HL20" s="274">
        <v>0</v>
      </c>
      <c r="HM20" s="277">
        <v>0</v>
      </c>
      <c r="HN20" s="278">
        <v>0</v>
      </c>
      <c r="HO20" s="273">
        <v>0</v>
      </c>
      <c r="HP20" s="274">
        <v>0</v>
      </c>
      <c r="HQ20" s="275">
        <v>0</v>
      </c>
      <c r="HR20" s="276">
        <v>0</v>
      </c>
      <c r="HS20" s="274">
        <v>320493</v>
      </c>
      <c r="HT20" s="274">
        <v>1403614</v>
      </c>
      <c r="HU20" s="274">
        <v>5613277</v>
      </c>
      <c r="HV20" s="274">
        <v>7322352</v>
      </c>
      <c r="HW20" s="274">
        <v>5428053</v>
      </c>
      <c r="HX20" s="277">
        <v>20087789</v>
      </c>
      <c r="HY20" s="278">
        <v>20087789</v>
      </c>
    </row>
    <row r="21" spans="2:233" ht="21" customHeight="1" x14ac:dyDescent="0.2">
      <c r="B21" s="472" t="s">
        <v>18</v>
      </c>
      <c r="C21" s="273">
        <v>145</v>
      </c>
      <c r="D21" s="274">
        <v>145</v>
      </c>
      <c r="E21" s="275">
        <v>290</v>
      </c>
      <c r="F21" s="276">
        <v>0</v>
      </c>
      <c r="G21" s="274">
        <v>249628</v>
      </c>
      <c r="H21" s="274">
        <v>551330</v>
      </c>
      <c r="I21" s="274">
        <v>2080530</v>
      </c>
      <c r="J21" s="274">
        <v>3864829</v>
      </c>
      <c r="K21" s="274">
        <v>2784022</v>
      </c>
      <c r="L21" s="277">
        <v>9530339</v>
      </c>
      <c r="M21" s="278">
        <v>9530629</v>
      </c>
      <c r="N21" s="273">
        <v>0</v>
      </c>
      <c r="O21" s="274">
        <v>0</v>
      </c>
      <c r="P21" s="275">
        <v>0</v>
      </c>
      <c r="Q21" s="279"/>
      <c r="R21" s="274">
        <v>24450</v>
      </c>
      <c r="S21" s="274">
        <v>85800</v>
      </c>
      <c r="T21" s="274">
        <v>1246055</v>
      </c>
      <c r="U21" s="274">
        <v>2960099</v>
      </c>
      <c r="V21" s="274">
        <v>2106020</v>
      </c>
      <c r="W21" s="277">
        <v>6422424</v>
      </c>
      <c r="X21" s="278">
        <v>6422424</v>
      </c>
      <c r="Y21" s="273">
        <v>0</v>
      </c>
      <c r="Z21" s="274">
        <v>0</v>
      </c>
      <c r="AA21" s="275">
        <v>0</v>
      </c>
      <c r="AB21" s="279"/>
      <c r="AC21" s="274">
        <v>182608</v>
      </c>
      <c r="AD21" s="274">
        <v>387465</v>
      </c>
      <c r="AE21" s="274">
        <v>516785</v>
      </c>
      <c r="AF21" s="274">
        <v>601765</v>
      </c>
      <c r="AG21" s="274">
        <v>401865</v>
      </c>
      <c r="AH21" s="277">
        <v>2090488</v>
      </c>
      <c r="AI21" s="278">
        <v>2090488</v>
      </c>
      <c r="AJ21" s="273">
        <v>0</v>
      </c>
      <c r="AK21" s="274">
        <v>0</v>
      </c>
      <c r="AL21" s="275">
        <v>0</v>
      </c>
      <c r="AM21" s="279"/>
      <c r="AN21" s="274">
        <v>0</v>
      </c>
      <c r="AO21" s="274">
        <v>0</v>
      </c>
      <c r="AP21" s="274">
        <v>0</v>
      </c>
      <c r="AQ21" s="274">
        <v>2550</v>
      </c>
      <c r="AR21" s="274">
        <v>36900</v>
      </c>
      <c r="AS21" s="277">
        <v>39450</v>
      </c>
      <c r="AT21" s="278">
        <v>39450</v>
      </c>
      <c r="AU21" s="273">
        <v>0</v>
      </c>
      <c r="AV21" s="274">
        <v>0</v>
      </c>
      <c r="AW21" s="275">
        <v>0</v>
      </c>
      <c r="AX21" s="279"/>
      <c r="AY21" s="274">
        <v>0</v>
      </c>
      <c r="AZ21" s="274">
        <v>0</v>
      </c>
      <c r="BA21" s="274">
        <v>16590</v>
      </c>
      <c r="BB21" s="274">
        <v>23850</v>
      </c>
      <c r="BC21" s="274">
        <v>87000</v>
      </c>
      <c r="BD21" s="277">
        <v>127440</v>
      </c>
      <c r="BE21" s="278">
        <v>127440</v>
      </c>
      <c r="BF21" s="273">
        <v>0</v>
      </c>
      <c r="BG21" s="274">
        <v>0</v>
      </c>
      <c r="BH21" s="275">
        <v>0</v>
      </c>
      <c r="BI21" s="279"/>
      <c r="BJ21" s="274">
        <v>0</v>
      </c>
      <c r="BK21" s="274">
        <v>2465</v>
      </c>
      <c r="BL21" s="274">
        <v>34200</v>
      </c>
      <c r="BM21" s="274">
        <v>83105</v>
      </c>
      <c r="BN21" s="274">
        <v>36750</v>
      </c>
      <c r="BO21" s="277">
        <v>156520</v>
      </c>
      <c r="BP21" s="278">
        <v>156520</v>
      </c>
      <c r="BQ21" s="273">
        <v>145</v>
      </c>
      <c r="BR21" s="274">
        <v>145</v>
      </c>
      <c r="BS21" s="275">
        <v>290</v>
      </c>
      <c r="BT21" s="276">
        <v>0</v>
      </c>
      <c r="BU21" s="274">
        <v>40880</v>
      </c>
      <c r="BV21" s="274">
        <v>75600</v>
      </c>
      <c r="BW21" s="274">
        <v>266900</v>
      </c>
      <c r="BX21" s="274">
        <v>193460</v>
      </c>
      <c r="BY21" s="274">
        <v>111930</v>
      </c>
      <c r="BZ21" s="277">
        <v>688770</v>
      </c>
      <c r="CA21" s="278">
        <v>689060</v>
      </c>
      <c r="CB21" s="273">
        <v>0</v>
      </c>
      <c r="CC21" s="274">
        <v>0</v>
      </c>
      <c r="CD21" s="275">
        <v>0</v>
      </c>
      <c r="CE21" s="276">
        <v>0</v>
      </c>
      <c r="CF21" s="274">
        <v>1690</v>
      </c>
      <c r="CG21" s="274">
        <v>0</v>
      </c>
      <c r="CH21" s="274">
        <v>0</v>
      </c>
      <c r="CI21" s="274">
        <v>0</v>
      </c>
      <c r="CJ21" s="274">
        <v>3557</v>
      </c>
      <c r="CK21" s="277">
        <v>5247</v>
      </c>
      <c r="CL21" s="278">
        <v>5247</v>
      </c>
      <c r="CM21" s="273">
        <v>0</v>
      </c>
      <c r="CN21" s="274">
        <v>0</v>
      </c>
      <c r="CO21" s="275">
        <v>0</v>
      </c>
      <c r="CP21" s="276">
        <v>0</v>
      </c>
      <c r="CQ21" s="274">
        <v>0</v>
      </c>
      <c r="CR21" s="274">
        <v>0</v>
      </c>
      <c r="CS21" s="274">
        <v>0</v>
      </c>
      <c r="CT21" s="274">
        <v>0</v>
      </c>
      <c r="CU21" s="274">
        <v>0</v>
      </c>
      <c r="CV21" s="277">
        <v>0</v>
      </c>
      <c r="CW21" s="278">
        <v>0</v>
      </c>
      <c r="CX21" s="273">
        <v>0</v>
      </c>
      <c r="CY21" s="274">
        <v>0</v>
      </c>
      <c r="CZ21" s="275">
        <v>0</v>
      </c>
      <c r="DA21" s="279"/>
      <c r="DB21" s="274">
        <v>0</v>
      </c>
      <c r="DC21" s="274">
        <v>0</v>
      </c>
      <c r="DD21" s="274">
        <v>0</v>
      </c>
      <c r="DE21" s="274">
        <v>0</v>
      </c>
      <c r="DF21" s="274">
        <v>0</v>
      </c>
      <c r="DG21" s="277">
        <v>0</v>
      </c>
      <c r="DH21" s="278">
        <v>0</v>
      </c>
      <c r="DI21" s="273">
        <v>702</v>
      </c>
      <c r="DJ21" s="274">
        <v>3480</v>
      </c>
      <c r="DK21" s="275">
        <v>4182</v>
      </c>
      <c r="DL21" s="276">
        <v>0</v>
      </c>
      <c r="DM21" s="274">
        <v>215686</v>
      </c>
      <c r="DN21" s="274">
        <v>329338</v>
      </c>
      <c r="DO21" s="274">
        <v>2522935</v>
      </c>
      <c r="DP21" s="274">
        <v>4454955</v>
      </c>
      <c r="DQ21" s="274">
        <v>2852058</v>
      </c>
      <c r="DR21" s="277">
        <v>10374972</v>
      </c>
      <c r="DS21" s="280">
        <v>10379154</v>
      </c>
      <c r="DT21" s="273">
        <v>0</v>
      </c>
      <c r="DU21" s="274">
        <v>0</v>
      </c>
      <c r="DV21" s="275">
        <v>0</v>
      </c>
      <c r="DW21" s="279"/>
      <c r="DX21" s="274">
        <v>40680</v>
      </c>
      <c r="DY21" s="274">
        <v>137820</v>
      </c>
      <c r="DZ21" s="274">
        <v>1901625</v>
      </c>
      <c r="EA21" s="274">
        <v>3765098</v>
      </c>
      <c r="EB21" s="274">
        <v>2527164</v>
      </c>
      <c r="EC21" s="277">
        <v>8372387</v>
      </c>
      <c r="ED21" s="278">
        <v>8372387</v>
      </c>
      <c r="EE21" s="273">
        <v>0</v>
      </c>
      <c r="EF21" s="274">
        <v>0</v>
      </c>
      <c r="EG21" s="275">
        <v>0</v>
      </c>
      <c r="EH21" s="279"/>
      <c r="EI21" s="274">
        <v>92138</v>
      </c>
      <c r="EJ21" s="274">
        <v>33542</v>
      </c>
      <c r="EK21" s="274">
        <v>114539</v>
      </c>
      <c r="EL21" s="274">
        <v>113931</v>
      </c>
      <c r="EM21" s="274">
        <v>77749</v>
      </c>
      <c r="EN21" s="277">
        <v>431899</v>
      </c>
      <c r="EO21" s="278">
        <v>431899</v>
      </c>
      <c r="EP21" s="273">
        <v>0</v>
      </c>
      <c r="EQ21" s="274">
        <v>0</v>
      </c>
      <c r="ER21" s="275">
        <v>0</v>
      </c>
      <c r="ES21" s="279"/>
      <c r="ET21" s="274">
        <v>0</v>
      </c>
      <c r="EU21" s="274">
        <v>0</v>
      </c>
      <c r="EV21" s="274">
        <v>0</v>
      </c>
      <c r="EW21" s="274">
        <v>210</v>
      </c>
      <c r="EX21" s="274">
        <v>11310</v>
      </c>
      <c r="EY21" s="277">
        <v>11520</v>
      </c>
      <c r="EZ21" s="278">
        <v>11520</v>
      </c>
      <c r="FA21" s="273">
        <v>0</v>
      </c>
      <c r="FB21" s="274">
        <v>0</v>
      </c>
      <c r="FC21" s="275">
        <v>0</v>
      </c>
      <c r="FD21" s="279"/>
      <c r="FE21" s="274">
        <v>0</v>
      </c>
      <c r="FF21" s="274">
        <v>0</v>
      </c>
      <c r="FG21" s="274">
        <v>210</v>
      </c>
      <c r="FH21" s="274">
        <v>210</v>
      </c>
      <c r="FI21" s="274">
        <v>1260</v>
      </c>
      <c r="FJ21" s="277">
        <v>1680</v>
      </c>
      <c r="FK21" s="278">
        <v>1680</v>
      </c>
      <c r="FL21" s="273">
        <v>0</v>
      </c>
      <c r="FM21" s="274">
        <v>0</v>
      </c>
      <c r="FN21" s="275">
        <v>0</v>
      </c>
      <c r="FO21" s="279"/>
      <c r="FP21" s="274">
        <v>0</v>
      </c>
      <c r="FQ21" s="274">
        <v>20880</v>
      </c>
      <c r="FR21" s="274">
        <v>56460</v>
      </c>
      <c r="FS21" s="274">
        <v>238200</v>
      </c>
      <c r="FT21" s="274">
        <v>77340</v>
      </c>
      <c r="FU21" s="277">
        <v>392880</v>
      </c>
      <c r="FV21" s="278">
        <v>392880</v>
      </c>
      <c r="FW21" s="273">
        <v>702</v>
      </c>
      <c r="FX21" s="274">
        <v>3480</v>
      </c>
      <c r="FY21" s="275">
        <v>4182</v>
      </c>
      <c r="FZ21" s="276">
        <v>0</v>
      </c>
      <c r="GA21" s="274">
        <v>80512</v>
      </c>
      <c r="GB21" s="274">
        <v>137096</v>
      </c>
      <c r="GC21" s="274">
        <v>450101</v>
      </c>
      <c r="GD21" s="274">
        <v>337306</v>
      </c>
      <c r="GE21" s="274">
        <v>155073</v>
      </c>
      <c r="GF21" s="277">
        <v>1160088</v>
      </c>
      <c r="GG21" s="278">
        <v>1164270</v>
      </c>
      <c r="GH21" s="273">
        <v>0</v>
      </c>
      <c r="GI21" s="274">
        <v>0</v>
      </c>
      <c r="GJ21" s="275">
        <v>0</v>
      </c>
      <c r="GK21" s="276">
        <v>0</v>
      </c>
      <c r="GL21" s="274">
        <v>2356</v>
      </c>
      <c r="GM21" s="274">
        <v>0</v>
      </c>
      <c r="GN21" s="274">
        <v>0</v>
      </c>
      <c r="GO21" s="274">
        <v>0</v>
      </c>
      <c r="GP21" s="274">
        <v>2162</v>
      </c>
      <c r="GQ21" s="277">
        <v>4518</v>
      </c>
      <c r="GR21" s="278">
        <v>4518</v>
      </c>
      <c r="GS21" s="273">
        <v>0</v>
      </c>
      <c r="GT21" s="274">
        <v>0</v>
      </c>
      <c r="GU21" s="275">
        <v>0</v>
      </c>
      <c r="GV21" s="276">
        <v>0</v>
      </c>
      <c r="GW21" s="274">
        <v>0</v>
      </c>
      <c r="GX21" s="274">
        <v>0</v>
      </c>
      <c r="GY21" s="274">
        <v>0</v>
      </c>
      <c r="GZ21" s="274">
        <v>0</v>
      </c>
      <c r="HA21" s="274">
        <v>0</v>
      </c>
      <c r="HB21" s="277">
        <v>0</v>
      </c>
      <c r="HC21" s="278">
        <v>0</v>
      </c>
      <c r="HD21" s="273">
        <v>0</v>
      </c>
      <c r="HE21" s="274">
        <v>0</v>
      </c>
      <c r="HF21" s="275">
        <v>0</v>
      </c>
      <c r="HG21" s="279"/>
      <c r="HH21" s="274">
        <v>0</v>
      </c>
      <c r="HI21" s="274">
        <v>0</v>
      </c>
      <c r="HJ21" s="274">
        <v>0</v>
      </c>
      <c r="HK21" s="274">
        <v>0</v>
      </c>
      <c r="HL21" s="274">
        <v>0</v>
      </c>
      <c r="HM21" s="277">
        <v>0</v>
      </c>
      <c r="HN21" s="278">
        <v>0</v>
      </c>
      <c r="HO21" s="273">
        <v>847</v>
      </c>
      <c r="HP21" s="274">
        <v>3625</v>
      </c>
      <c r="HQ21" s="275">
        <v>4472</v>
      </c>
      <c r="HR21" s="276">
        <v>0</v>
      </c>
      <c r="HS21" s="274">
        <v>465314</v>
      </c>
      <c r="HT21" s="274">
        <v>880668</v>
      </c>
      <c r="HU21" s="274">
        <v>4603465</v>
      </c>
      <c r="HV21" s="274">
        <v>8319784</v>
      </c>
      <c r="HW21" s="274">
        <v>5636080</v>
      </c>
      <c r="HX21" s="277">
        <v>19905311</v>
      </c>
      <c r="HY21" s="278">
        <v>19909783</v>
      </c>
    </row>
    <row r="22" spans="2:233" ht="21" customHeight="1" x14ac:dyDescent="0.2">
      <c r="B22" s="472" t="s">
        <v>19</v>
      </c>
      <c r="C22" s="273">
        <v>0</v>
      </c>
      <c r="D22" s="274">
        <v>0</v>
      </c>
      <c r="E22" s="275">
        <v>0</v>
      </c>
      <c r="F22" s="276">
        <v>0</v>
      </c>
      <c r="G22" s="274">
        <v>99225</v>
      </c>
      <c r="H22" s="274">
        <v>429196</v>
      </c>
      <c r="I22" s="274">
        <v>1472085</v>
      </c>
      <c r="J22" s="274">
        <v>1217530</v>
      </c>
      <c r="K22" s="274">
        <v>1053298</v>
      </c>
      <c r="L22" s="277">
        <v>4271334</v>
      </c>
      <c r="M22" s="278">
        <v>4271334</v>
      </c>
      <c r="N22" s="273">
        <v>0</v>
      </c>
      <c r="O22" s="274">
        <v>0</v>
      </c>
      <c r="P22" s="275">
        <v>0</v>
      </c>
      <c r="Q22" s="279"/>
      <c r="R22" s="274">
        <v>0</v>
      </c>
      <c r="S22" s="274">
        <v>41815</v>
      </c>
      <c r="T22" s="274">
        <v>1009000</v>
      </c>
      <c r="U22" s="274">
        <v>882285</v>
      </c>
      <c r="V22" s="274">
        <v>859905</v>
      </c>
      <c r="W22" s="277">
        <v>2793005</v>
      </c>
      <c r="X22" s="278">
        <v>2793005</v>
      </c>
      <c r="Y22" s="273">
        <v>0</v>
      </c>
      <c r="Z22" s="274">
        <v>0</v>
      </c>
      <c r="AA22" s="275">
        <v>0</v>
      </c>
      <c r="AB22" s="279"/>
      <c r="AC22" s="274">
        <v>76265</v>
      </c>
      <c r="AD22" s="274">
        <v>344430</v>
      </c>
      <c r="AE22" s="274">
        <v>410555</v>
      </c>
      <c r="AF22" s="274">
        <v>281595</v>
      </c>
      <c r="AG22" s="274">
        <v>147510</v>
      </c>
      <c r="AH22" s="277">
        <v>1260355</v>
      </c>
      <c r="AI22" s="278">
        <v>1260355</v>
      </c>
      <c r="AJ22" s="273">
        <v>0</v>
      </c>
      <c r="AK22" s="274">
        <v>0</v>
      </c>
      <c r="AL22" s="275">
        <v>0</v>
      </c>
      <c r="AM22" s="279"/>
      <c r="AN22" s="274">
        <v>0</v>
      </c>
      <c r="AO22" s="274">
        <v>0</v>
      </c>
      <c r="AP22" s="274">
        <v>0</v>
      </c>
      <c r="AQ22" s="274">
        <v>0</v>
      </c>
      <c r="AR22" s="274">
        <v>0</v>
      </c>
      <c r="AS22" s="277">
        <v>0</v>
      </c>
      <c r="AT22" s="278">
        <v>0</v>
      </c>
      <c r="AU22" s="273">
        <v>0</v>
      </c>
      <c r="AV22" s="274">
        <v>0</v>
      </c>
      <c r="AW22" s="275">
        <v>0</v>
      </c>
      <c r="AX22" s="279"/>
      <c r="AY22" s="274">
        <v>0</v>
      </c>
      <c r="AZ22" s="274">
        <v>0</v>
      </c>
      <c r="BA22" s="274">
        <v>0</v>
      </c>
      <c r="BB22" s="274">
        <v>0</v>
      </c>
      <c r="BC22" s="274">
        <v>0</v>
      </c>
      <c r="BD22" s="277">
        <v>0</v>
      </c>
      <c r="BE22" s="278">
        <v>0</v>
      </c>
      <c r="BF22" s="273">
        <v>0</v>
      </c>
      <c r="BG22" s="274">
        <v>0</v>
      </c>
      <c r="BH22" s="275">
        <v>0</v>
      </c>
      <c r="BI22" s="279"/>
      <c r="BJ22" s="274">
        <v>0</v>
      </c>
      <c r="BK22" s="274">
        <v>0</v>
      </c>
      <c r="BL22" s="274">
        <v>0</v>
      </c>
      <c r="BM22" s="274">
        <v>0</v>
      </c>
      <c r="BN22" s="274">
        <v>0</v>
      </c>
      <c r="BO22" s="277">
        <v>0</v>
      </c>
      <c r="BP22" s="278">
        <v>0</v>
      </c>
      <c r="BQ22" s="273">
        <v>0</v>
      </c>
      <c r="BR22" s="274">
        <v>0</v>
      </c>
      <c r="BS22" s="275">
        <v>0</v>
      </c>
      <c r="BT22" s="276">
        <v>0</v>
      </c>
      <c r="BU22" s="274">
        <v>21890</v>
      </c>
      <c r="BV22" s="274">
        <v>39906</v>
      </c>
      <c r="BW22" s="274">
        <v>52530</v>
      </c>
      <c r="BX22" s="274">
        <v>48140</v>
      </c>
      <c r="BY22" s="274">
        <v>30465</v>
      </c>
      <c r="BZ22" s="277">
        <v>192931</v>
      </c>
      <c r="CA22" s="278">
        <v>192931</v>
      </c>
      <c r="CB22" s="273">
        <v>0</v>
      </c>
      <c r="CC22" s="274">
        <v>0</v>
      </c>
      <c r="CD22" s="275">
        <v>0</v>
      </c>
      <c r="CE22" s="276">
        <v>0</v>
      </c>
      <c r="CF22" s="274">
        <v>1070</v>
      </c>
      <c r="CG22" s="274">
        <v>3045</v>
      </c>
      <c r="CH22" s="274">
        <v>0</v>
      </c>
      <c r="CI22" s="274">
        <v>5510</v>
      </c>
      <c r="CJ22" s="274">
        <v>15418</v>
      </c>
      <c r="CK22" s="277">
        <v>25043</v>
      </c>
      <c r="CL22" s="278">
        <v>25043</v>
      </c>
      <c r="CM22" s="273">
        <v>0</v>
      </c>
      <c r="CN22" s="274">
        <v>0</v>
      </c>
      <c r="CO22" s="275">
        <v>0</v>
      </c>
      <c r="CP22" s="276">
        <v>0</v>
      </c>
      <c r="CQ22" s="274">
        <v>0</v>
      </c>
      <c r="CR22" s="274">
        <v>0</v>
      </c>
      <c r="CS22" s="274">
        <v>0</v>
      </c>
      <c r="CT22" s="274">
        <v>0</v>
      </c>
      <c r="CU22" s="274">
        <v>0</v>
      </c>
      <c r="CV22" s="277">
        <v>0</v>
      </c>
      <c r="CW22" s="278">
        <v>0</v>
      </c>
      <c r="CX22" s="273">
        <v>0</v>
      </c>
      <c r="CY22" s="274">
        <v>0</v>
      </c>
      <c r="CZ22" s="275">
        <v>0</v>
      </c>
      <c r="DA22" s="279"/>
      <c r="DB22" s="274">
        <v>0</v>
      </c>
      <c r="DC22" s="274">
        <v>0</v>
      </c>
      <c r="DD22" s="274">
        <v>0</v>
      </c>
      <c r="DE22" s="274">
        <v>0</v>
      </c>
      <c r="DF22" s="274">
        <v>0</v>
      </c>
      <c r="DG22" s="277">
        <v>0</v>
      </c>
      <c r="DH22" s="278">
        <v>0</v>
      </c>
      <c r="DI22" s="273">
        <v>0</v>
      </c>
      <c r="DJ22" s="274">
        <v>0</v>
      </c>
      <c r="DK22" s="275">
        <v>0</v>
      </c>
      <c r="DL22" s="276">
        <v>0</v>
      </c>
      <c r="DM22" s="274">
        <v>23540</v>
      </c>
      <c r="DN22" s="274">
        <v>167213</v>
      </c>
      <c r="DO22" s="274">
        <v>1550011</v>
      </c>
      <c r="DP22" s="274">
        <v>1481230</v>
      </c>
      <c r="DQ22" s="274">
        <v>1095694</v>
      </c>
      <c r="DR22" s="277">
        <v>4317688</v>
      </c>
      <c r="DS22" s="280">
        <v>4317688</v>
      </c>
      <c r="DT22" s="273">
        <v>0</v>
      </c>
      <c r="DU22" s="274">
        <v>0</v>
      </c>
      <c r="DV22" s="275">
        <v>0</v>
      </c>
      <c r="DW22" s="279"/>
      <c r="DX22" s="274">
        <v>0</v>
      </c>
      <c r="DY22" s="274">
        <v>69319</v>
      </c>
      <c r="DZ22" s="274">
        <v>1469136</v>
      </c>
      <c r="EA22" s="274">
        <v>1353254</v>
      </c>
      <c r="EB22" s="274">
        <v>1031707</v>
      </c>
      <c r="EC22" s="277">
        <v>3923416</v>
      </c>
      <c r="ED22" s="278">
        <v>3923416</v>
      </c>
      <c r="EE22" s="273">
        <v>0</v>
      </c>
      <c r="EF22" s="274">
        <v>0</v>
      </c>
      <c r="EG22" s="275">
        <v>0</v>
      </c>
      <c r="EH22" s="279"/>
      <c r="EI22" s="274">
        <v>4109</v>
      </c>
      <c r="EJ22" s="274">
        <v>36244</v>
      </c>
      <c r="EK22" s="274">
        <v>15961</v>
      </c>
      <c r="EL22" s="274">
        <v>60518</v>
      </c>
      <c r="EM22" s="274">
        <v>13040</v>
      </c>
      <c r="EN22" s="277">
        <v>129872</v>
      </c>
      <c r="EO22" s="278">
        <v>129872</v>
      </c>
      <c r="EP22" s="273">
        <v>0</v>
      </c>
      <c r="EQ22" s="274">
        <v>0</v>
      </c>
      <c r="ER22" s="275">
        <v>0</v>
      </c>
      <c r="ES22" s="279"/>
      <c r="ET22" s="274">
        <v>0</v>
      </c>
      <c r="EU22" s="274">
        <v>0</v>
      </c>
      <c r="EV22" s="274">
        <v>0</v>
      </c>
      <c r="EW22" s="274">
        <v>0</v>
      </c>
      <c r="EX22" s="274">
        <v>0</v>
      </c>
      <c r="EY22" s="277">
        <v>0</v>
      </c>
      <c r="EZ22" s="278">
        <v>0</v>
      </c>
      <c r="FA22" s="273">
        <v>0</v>
      </c>
      <c r="FB22" s="274">
        <v>0</v>
      </c>
      <c r="FC22" s="275">
        <v>0</v>
      </c>
      <c r="FD22" s="279"/>
      <c r="FE22" s="274">
        <v>0</v>
      </c>
      <c r="FF22" s="274">
        <v>0</v>
      </c>
      <c r="FG22" s="274">
        <v>0</v>
      </c>
      <c r="FH22" s="274">
        <v>0</v>
      </c>
      <c r="FI22" s="274">
        <v>0</v>
      </c>
      <c r="FJ22" s="277">
        <v>0</v>
      </c>
      <c r="FK22" s="278">
        <v>0</v>
      </c>
      <c r="FL22" s="273">
        <v>0</v>
      </c>
      <c r="FM22" s="274">
        <v>0</v>
      </c>
      <c r="FN22" s="275">
        <v>0</v>
      </c>
      <c r="FO22" s="279"/>
      <c r="FP22" s="274">
        <v>0</v>
      </c>
      <c r="FQ22" s="274">
        <v>0</v>
      </c>
      <c r="FR22" s="274">
        <v>0</v>
      </c>
      <c r="FS22" s="274">
        <v>0</v>
      </c>
      <c r="FT22" s="274">
        <v>0</v>
      </c>
      <c r="FU22" s="277">
        <v>0</v>
      </c>
      <c r="FV22" s="278">
        <v>0</v>
      </c>
      <c r="FW22" s="273">
        <v>0</v>
      </c>
      <c r="FX22" s="274">
        <v>0</v>
      </c>
      <c r="FY22" s="275">
        <v>0</v>
      </c>
      <c r="FZ22" s="276">
        <v>0</v>
      </c>
      <c r="GA22" s="274">
        <v>19410</v>
      </c>
      <c r="GB22" s="274">
        <v>52342</v>
      </c>
      <c r="GC22" s="274">
        <v>64914</v>
      </c>
      <c r="GD22" s="274">
        <v>55869</v>
      </c>
      <c r="GE22" s="274">
        <v>49733</v>
      </c>
      <c r="GF22" s="277">
        <v>242268</v>
      </c>
      <c r="GG22" s="278">
        <v>242268</v>
      </c>
      <c r="GH22" s="273">
        <v>0</v>
      </c>
      <c r="GI22" s="274">
        <v>0</v>
      </c>
      <c r="GJ22" s="275">
        <v>0</v>
      </c>
      <c r="GK22" s="276">
        <v>0</v>
      </c>
      <c r="GL22" s="274">
        <v>21</v>
      </c>
      <c r="GM22" s="274">
        <v>9308</v>
      </c>
      <c r="GN22" s="274">
        <v>0</v>
      </c>
      <c r="GO22" s="274">
        <v>11589</v>
      </c>
      <c r="GP22" s="274">
        <v>1214</v>
      </c>
      <c r="GQ22" s="277">
        <v>22132</v>
      </c>
      <c r="GR22" s="278">
        <v>22132</v>
      </c>
      <c r="GS22" s="273">
        <v>0</v>
      </c>
      <c r="GT22" s="274">
        <v>0</v>
      </c>
      <c r="GU22" s="275">
        <v>0</v>
      </c>
      <c r="GV22" s="276">
        <v>0</v>
      </c>
      <c r="GW22" s="274">
        <v>0</v>
      </c>
      <c r="GX22" s="274">
        <v>0</v>
      </c>
      <c r="GY22" s="274">
        <v>0</v>
      </c>
      <c r="GZ22" s="274">
        <v>0</v>
      </c>
      <c r="HA22" s="274">
        <v>0</v>
      </c>
      <c r="HB22" s="277">
        <v>0</v>
      </c>
      <c r="HC22" s="278">
        <v>0</v>
      </c>
      <c r="HD22" s="273">
        <v>0</v>
      </c>
      <c r="HE22" s="274">
        <v>0</v>
      </c>
      <c r="HF22" s="275">
        <v>0</v>
      </c>
      <c r="HG22" s="279"/>
      <c r="HH22" s="274">
        <v>0</v>
      </c>
      <c r="HI22" s="274">
        <v>0</v>
      </c>
      <c r="HJ22" s="274">
        <v>0</v>
      </c>
      <c r="HK22" s="274">
        <v>0</v>
      </c>
      <c r="HL22" s="274">
        <v>0</v>
      </c>
      <c r="HM22" s="277">
        <v>0</v>
      </c>
      <c r="HN22" s="278">
        <v>0</v>
      </c>
      <c r="HO22" s="273">
        <v>0</v>
      </c>
      <c r="HP22" s="274">
        <v>0</v>
      </c>
      <c r="HQ22" s="275">
        <v>0</v>
      </c>
      <c r="HR22" s="276">
        <v>0</v>
      </c>
      <c r="HS22" s="274">
        <v>122765</v>
      </c>
      <c r="HT22" s="274">
        <v>596409</v>
      </c>
      <c r="HU22" s="274">
        <v>3022096</v>
      </c>
      <c r="HV22" s="274">
        <v>2698760</v>
      </c>
      <c r="HW22" s="274">
        <v>2148992</v>
      </c>
      <c r="HX22" s="277">
        <v>8589022</v>
      </c>
      <c r="HY22" s="278">
        <v>8589022</v>
      </c>
    </row>
    <row r="23" spans="2:233" ht="21" customHeight="1" x14ac:dyDescent="0.2">
      <c r="B23" s="472" t="s">
        <v>20</v>
      </c>
      <c r="C23" s="273">
        <v>12350</v>
      </c>
      <c r="D23" s="274">
        <v>4445</v>
      </c>
      <c r="E23" s="275">
        <v>16795</v>
      </c>
      <c r="F23" s="276">
        <v>0</v>
      </c>
      <c r="G23" s="274">
        <v>271600</v>
      </c>
      <c r="H23" s="274">
        <v>389025</v>
      </c>
      <c r="I23" s="274">
        <v>1447437</v>
      </c>
      <c r="J23" s="274">
        <v>1544745</v>
      </c>
      <c r="K23" s="274">
        <v>482890</v>
      </c>
      <c r="L23" s="277">
        <v>4135697</v>
      </c>
      <c r="M23" s="278">
        <v>4152492</v>
      </c>
      <c r="N23" s="273">
        <v>0</v>
      </c>
      <c r="O23" s="274">
        <v>0</v>
      </c>
      <c r="P23" s="275">
        <v>0</v>
      </c>
      <c r="Q23" s="279"/>
      <c r="R23" s="274">
        <v>107005</v>
      </c>
      <c r="S23" s="274">
        <v>207835</v>
      </c>
      <c r="T23" s="274">
        <v>1042912</v>
      </c>
      <c r="U23" s="274">
        <v>1259860</v>
      </c>
      <c r="V23" s="274">
        <v>415470</v>
      </c>
      <c r="W23" s="277">
        <v>3033082</v>
      </c>
      <c r="X23" s="278">
        <v>3033082</v>
      </c>
      <c r="Y23" s="273">
        <v>0</v>
      </c>
      <c r="Z23" s="274">
        <v>0</v>
      </c>
      <c r="AA23" s="275">
        <v>0</v>
      </c>
      <c r="AB23" s="279"/>
      <c r="AC23" s="274">
        <v>101195</v>
      </c>
      <c r="AD23" s="274">
        <v>135615</v>
      </c>
      <c r="AE23" s="274">
        <v>220970</v>
      </c>
      <c r="AF23" s="274">
        <v>198715</v>
      </c>
      <c r="AG23" s="274">
        <v>60450</v>
      </c>
      <c r="AH23" s="277">
        <v>716945</v>
      </c>
      <c r="AI23" s="278">
        <v>716945</v>
      </c>
      <c r="AJ23" s="273">
        <v>0</v>
      </c>
      <c r="AK23" s="274">
        <v>0</v>
      </c>
      <c r="AL23" s="275">
        <v>0</v>
      </c>
      <c r="AM23" s="279"/>
      <c r="AN23" s="274">
        <v>0</v>
      </c>
      <c r="AO23" s="274">
        <v>0</v>
      </c>
      <c r="AP23" s="274">
        <v>0</v>
      </c>
      <c r="AQ23" s="274">
        <v>0</v>
      </c>
      <c r="AR23" s="274">
        <v>0</v>
      </c>
      <c r="AS23" s="277">
        <v>0</v>
      </c>
      <c r="AT23" s="278">
        <v>0</v>
      </c>
      <c r="AU23" s="273">
        <v>0</v>
      </c>
      <c r="AV23" s="274">
        <v>0</v>
      </c>
      <c r="AW23" s="275">
        <v>0</v>
      </c>
      <c r="AX23" s="279"/>
      <c r="AY23" s="274">
        <v>0</v>
      </c>
      <c r="AZ23" s="274">
        <v>0</v>
      </c>
      <c r="BA23" s="274">
        <v>0</v>
      </c>
      <c r="BB23" s="274">
        <v>0</v>
      </c>
      <c r="BC23" s="274">
        <v>0</v>
      </c>
      <c r="BD23" s="277">
        <v>0</v>
      </c>
      <c r="BE23" s="278">
        <v>0</v>
      </c>
      <c r="BF23" s="273">
        <v>0</v>
      </c>
      <c r="BG23" s="274">
        <v>0</v>
      </c>
      <c r="BH23" s="275">
        <v>0</v>
      </c>
      <c r="BI23" s="279"/>
      <c r="BJ23" s="274">
        <v>0</v>
      </c>
      <c r="BK23" s="274">
        <v>0</v>
      </c>
      <c r="BL23" s="274">
        <v>0</v>
      </c>
      <c r="BM23" s="274">
        <v>0</v>
      </c>
      <c r="BN23" s="274">
        <v>0</v>
      </c>
      <c r="BO23" s="277">
        <v>0</v>
      </c>
      <c r="BP23" s="278">
        <v>0</v>
      </c>
      <c r="BQ23" s="273">
        <v>12350</v>
      </c>
      <c r="BR23" s="274">
        <v>4445</v>
      </c>
      <c r="BS23" s="275">
        <v>16795</v>
      </c>
      <c r="BT23" s="276">
        <v>0</v>
      </c>
      <c r="BU23" s="274">
        <v>54015</v>
      </c>
      <c r="BV23" s="274">
        <v>45140</v>
      </c>
      <c r="BW23" s="274">
        <v>182105</v>
      </c>
      <c r="BX23" s="274">
        <v>85590</v>
      </c>
      <c r="BY23" s="274">
        <v>6970</v>
      </c>
      <c r="BZ23" s="277">
        <v>373820</v>
      </c>
      <c r="CA23" s="278">
        <v>390615</v>
      </c>
      <c r="CB23" s="273">
        <v>0</v>
      </c>
      <c r="CC23" s="274">
        <v>0</v>
      </c>
      <c r="CD23" s="275">
        <v>0</v>
      </c>
      <c r="CE23" s="276">
        <v>0</v>
      </c>
      <c r="CF23" s="274">
        <v>9385</v>
      </c>
      <c r="CG23" s="274">
        <v>435</v>
      </c>
      <c r="CH23" s="274">
        <v>1450</v>
      </c>
      <c r="CI23" s="274">
        <v>580</v>
      </c>
      <c r="CJ23" s="274">
        <v>0</v>
      </c>
      <c r="CK23" s="277">
        <v>11850</v>
      </c>
      <c r="CL23" s="278">
        <v>11850</v>
      </c>
      <c r="CM23" s="273">
        <v>0</v>
      </c>
      <c r="CN23" s="274">
        <v>0</v>
      </c>
      <c r="CO23" s="275">
        <v>0</v>
      </c>
      <c r="CP23" s="276">
        <v>0</v>
      </c>
      <c r="CQ23" s="274">
        <v>0</v>
      </c>
      <c r="CR23" s="274">
        <v>0</v>
      </c>
      <c r="CS23" s="274">
        <v>0</v>
      </c>
      <c r="CT23" s="274">
        <v>0</v>
      </c>
      <c r="CU23" s="274">
        <v>0</v>
      </c>
      <c r="CV23" s="277">
        <v>0</v>
      </c>
      <c r="CW23" s="278">
        <v>0</v>
      </c>
      <c r="CX23" s="273">
        <v>0</v>
      </c>
      <c r="CY23" s="274">
        <v>0</v>
      </c>
      <c r="CZ23" s="275">
        <v>0</v>
      </c>
      <c r="DA23" s="279"/>
      <c r="DB23" s="274">
        <v>0</v>
      </c>
      <c r="DC23" s="274">
        <v>0</v>
      </c>
      <c r="DD23" s="274">
        <v>0</v>
      </c>
      <c r="DE23" s="274">
        <v>0</v>
      </c>
      <c r="DF23" s="274">
        <v>0</v>
      </c>
      <c r="DG23" s="277">
        <v>0</v>
      </c>
      <c r="DH23" s="278">
        <v>0</v>
      </c>
      <c r="DI23" s="273">
        <v>14232</v>
      </c>
      <c r="DJ23" s="274">
        <v>7812</v>
      </c>
      <c r="DK23" s="275">
        <v>22044</v>
      </c>
      <c r="DL23" s="276">
        <v>0</v>
      </c>
      <c r="DM23" s="274">
        <v>258707</v>
      </c>
      <c r="DN23" s="274">
        <v>513373</v>
      </c>
      <c r="DO23" s="274">
        <v>1943156</v>
      </c>
      <c r="DP23" s="274">
        <v>2389380</v>
      </c>
      <c r="DQ23" s="274">
        <v>733294</v>
      </c>
      <c r="DR23" s="277">
        <v>5837910</v>
      </c>
      <c r="DS23" s="280">
        <v>5859954</v>
      </c>
      <c r="DT23" s="273">
        <v>0</v>
      </c>
      <c r="DU23" s="274">
        <v>0</v>
      </c>
      <c r="DV23" s="275">
        <v>0</v>
      </c>
      <c r="DW23" s="279"/>
      <c r="DX23" s="274">
        <v>130634</v>
      </c>
      <c r="DY23" s="274">
        <v>386825</v>
      </c>
      <c r="DZ23" s="274">
        <v>1590934</v>
      </c>
      <c r="EA23" s="274">
        <v>2151290</v>
      </c>
      <c r="EB23" s="274">
        <v>692145</v>
      </c>
      <c r="EC23" s="277">
        <v>4951828</v>
      </c>
      <c r="ED23" s="278">
        <v>4951828</v>
      </c>
      <c r="EE23" s="273">
        <v>0</v>
      </c>
      <c r="EF23" s="274">
        <v>0</v>
      </c>
      <c r="EG23" s="275">
        <v>0</v>
      </c>
      <c r="EH23" s="279"/>
      <c r="EI23" s="274">
        <v>23477</v>
      </c>
      <c r="EJ23" s="274">
        <v>20420</v>
      </c>
      <c r="EK23" s="274">
        <v>31260</v>
      </c>
      <c r="EL23" s="274">
        <v>24756</v>
      </c>
      <c r="EM23" s="274">
        <v>1477</v>
      </c>
      <c r="EN23" s="277">
        <v>101390</v>
      </c>
      <c r="EO23" s="278">
        <v>101390</v>
      </c>
      <c r="EP23" s="273">
        <v>0</v>
      </c>
      <c r="EQ23" s="274">
        <v>0</v>
      </c>
      <c r="ER23" s="275">
        <v>0</v>
      </c>
      <c r="ES23" s="279"/>
      <c r="ET23" s="274">
        <v>0</v>
      </c>
      <c r="EU23" s="274">
        <v>0</v>
      </c>
      <c r="EV23" s="274">
        <v>0</v>
      </c>
      <c r="EW23" s="274">
        <v>0</v>
      </c>
      <c r="EX23" s="274">
        <v>0</v>
      </c>
      <c r="EY23" s="277">
        <v>0</v>
      </c>
      <c r="EZ23" s="278">
        <v>0</v>
      </c>
      <c r="FA23" s="273">
        <v>0</v>
      </c>
      <c r="FB23" s="274">
        <v>0</v>
      </c>
      <c r="FC23" s="275">
        <v>0</v>
      </c>
      <c r="FD23" s="279"/>
      <c r="FE23" s="274">
        <v>0</v>
      </c>
      <c r="FF23" s="274">
        <v>0</v>
      </c>
      <c r="FG23" s="274">
        <v>0</v>
      </c>
      <c r="FH23" s="274">
        <v>0</v>
      </c>
      <c r="FI23" s="274">
        <v>0</v>
      </c>
      <c r="FJ23" s="277">
        <v>0</v>
      </c>
      <c r="FK23" s="278">
        <v>0</v>
      </c>
      <c r="FL23" s="273">
        <v>0</v>
      </c>
      <c r="FM23" s="274">
        <v>0</v>
      </c>
      <c r="FN23" s="275">
        <v>0</v>
      </c>
      <c r="FO23" s="279"/>
      <c r="FP23" s="274">
        <v>0</v>
      </c>
      <c r="FQ23" s="274">
        <v>0</v>
      </c>
      <c r="FR23" s="274">
        <v>0</v>
      </c>
      <c r="FS23" s="274">
        <v>0</v>
      </c>
      <c r="FT23" s="274">
        <v>0</v>
      </c>
      <c r="FU23" s="277">
        <v>0</v>
      </c>
      <c r="FV23" s="278">
        <v>0</v>
      </c>
      <c r="FW23" s="273">
        <v>14232</v>
      </c>
      <c r="FX23" s="274">
        <v>7812</v>
      </c>
      <c r="FY23" s="275">
        <v>22044</v>
      </c>
      <c r="FZ23" s="276">
        <v>0</v>
      </c>
      <c r="GA23" s="274">
        <v>101203</v>
      </c>
      <c r="GB23" s="274">
        <v>104696</v>
      </c>
      <c r="GC23" s="274">
        <v>319467</v>
      </c>
      <c r="GD23" s="274">
        <v>213306</v>
      </c>
      <c r="GE23" s="274">
        <v>39672</v>
      </c>
      <c r="GF23" s="277">
        <v>778344</v>
      </c>
      <c r="GG23" s="278">
        <v>800388</v>
      </c>
      <c r="GH23" s="273">
        <v>0</v>
      </c>
      <c r="GI23" s="274">
        <v>0</v>
      </c>
      <c r="GJ23" s="275">
        <v>0</v>
      </c>
      <c r="GK23" s="276">
        <v>0</v>
      </c>
      <c r="GL23" s="274">
        <v>3393</v>
      </c>
      <c r="GM23" s="274">
        <v>1432</v>
      </c>
      <c r="GN23" s="274">
        <v>1495</v>
      </c>
      <c r="GO23" s="274">
        <v>28</v>
      </c>
      <c r="GP23" s="274">
        <v>0</v>
      </c>
      <c r="GQ23" s="277">
        <v>6348</v>
      </c>
      <c r="GR23" s="278">
        <v>6348</v>
      </c>
      <c r="GS23" s="273">
        <v>0</v>
      </c>
      <c r="GT23" s="274">
        <v>0</v>
      </c>
      <c r="GU23" s="275">
        <v>0</v>
      </c>
      <c r="GV23" s="276">
        <v>0</v>
      </c>
      <c r="GW23" s="274">
        <v>0</v>
      </c>
      <c r="GX23" s="274">
        <v>0</v>
      </c>
      <c r="GY23" s="274">
        <v>0</v>
      </c>
      <c r="GZ23" s="274">
        <v>0</v>
      </c>
      <c r="HA23" s="274">
        <v>0</v>
      </c>
      <c r="HB23" s="277">
        <v>0</v>
      </c>
      <c r="HC23" s="278">
        <v>0</v>
      </c>
      <c r="HD23" s="273">
        <v>0</v>
      </c>
      <c r="HE23" s="274">
        <v>0</v>
      </c>
      <c r="HF23" s="275">
        <v>0</v>
      </c>
      <c r="HG23" s="279"/>
      <c r="HH23" s="274">
        <v>0</v>
      </c>
      <c r="HI23" s="274">
        <v>0</v>
      </c>
      <c r="HJ23" s="274">
        <v>0</v>
      </c>
      <c r="HK23" s="274">
        <v>0</v>
      </c>
      <c r="HL23" s="274">
        <v>0</v>
      </c>
      <c r="HM23" s="277">
        <v>0</v>
      </c>
      <c r="HN23" s="278">
        <v>0</v>
      </c>
      <c r="HO23" s="273">
        <v>26582</v>
      </c>
      <c r="HP23" s="274">
        <v>12257</v>
      </c>
      <c r="HQ23" s="275">
        <v>38839</v>
      </c>
      <c r="HR23" s="276">
        <v>0</v>
      </c>
      <c r="HS23" s="274">
        <v>530307</v>
      </c>
      <c r="HT23" s="274">
        <v>902398</v>
      </c>
      <c r="HU23" s="274">
        <v>3390593</v>
      </c>
      <c r="HV23" s="274">
        <v>3934125</v>
      </c>
      <c r="HW23" s="274">
        <v>1216184</v>
      </c>
      <c r="HX23" s="277">
        <v>9973607</v>
      </c>
      <c r="HY23" s="278">
        <v>10012446</v>
      </c>
    </row>
    <row r="24" spans="2:233" ht="21" customHeight="1" x14ac:dyDescent="0.2">
      <c r="B24" s="472" t="s">
        <v>21</v>
      </c>
      <c r="C24" s="273">
        <v>0</v>
      </c>
      <c r="D24" s="274">
        <v>4160</v>
      </c>
      <c r="E24" s="275">
        <v>4160</v>
      </c>
      <c r="F24" s="276">
        <v>0</v>
      </c>
      <c r="G24" s="274">
        <v>129885</v>
      </c>
      <c r="H24" s="274">
        <v>419720</v>
      </c>
      <c r="I24" s="274">
        <v>2057285</v>
      </c>
      <c r="J24" s="274">
        <v>1699145</v>
      </c>
      <c r="K24" s="274">
        <v>1348941</v>
      </c>
      <c r="L24" s="277">
        <v>5654976</v>
      </c>
      <c r="M24" s="278">
        <v>5659136</v>
      </c>
      <c r="N24" s="273">
        <v>0</v>
      </c>
      <c r="O24" s="274">
        <v>0</v>
      </c>
      <c r="P24" s="275">
        <v>0</v>
      </c>
      <c r="Q24" s="279"/>
      <c r="R24" s="274">
        <v>36900</v>
      </c>
      <c r="S24" s="274">
        <v>175915</v>
      </c>
      <c r="T24" s="274">
        <v>1704078</v>
      </c>
      <c r="U24" s="274">
        <v>1291914</v>
      </c>
      <c r="V24" s="274">
        <v>1002663</v>
      </c>
      <c r="W24" s="277">
        <v>4211470</v>
      </c>
      <c r="X24" s="278">
        <v>4211470</v>
      </c>
      <c r="Y24" s="273">
        <v>0</v>
      </c>
      <c r="Z24" s="274">
        <v>0</v>
      </c>
      <c r="AA24" s="275">
        <v>0</v>
      </c>
      <c r="AB24" s="279"/>
      <c r="AC24" s="274">
        <v>80660</v>
      </c>
      <c r="AD24" s="274">
        <v>178910</v>
      </c>
      <c r="AE24" s="274">
        <v>222840</v>
      </c>
      <c r="AF24" s="274">
        <v>213650</v>
      </c>
      <c r="AG24" s="274">
        <v>161488</v>
      </c>
      <c r="AH24" s="277">
        <v>857548</v>
      </c>
      <c r="AI24" s="278">
        <v>857548</v>
      </c>
      <c r="AJ24" s="273">
        <v>0</v>
      </c>
      <c r="AK24" s="274">
        <v>0</v>
      </c>
      <c r="AL24" s="275">
        <v>0</v>
      </c>
      <c r="AM24" s="279"/>
      <c r="AN24" s="274">
        <v>0</v>
      </c>
      <c r="AO24" s="274">
        <v>0</v>
      </c>
      <c r="AP24" s="274">
        <v>2550</v>
      </c>
      <c r="AQ24" s="274">
        <v>31650</v>
      </c>
      <c r="AR24" s="274">
        <v>2550</v>
      </c>
      <c r="AS24" s="277">
        <v>36750</v>
      </c>
      <c r="AT24" s="278">
        <v>36750</v>
      </c>
      <c r="AU24" s="273">
        <v>0</v>
      </c>
      <c r="AV24" s="274">
        <v>0</v>
      </c>
      <c r="AW24" s="275">
        <v>0</v>
      </c>
      <c r="AX24" s="279"/>
      <c r="AY24" s="274">
        <v>0</v>
      </c>
      <c r="AZ24" s="274">
        <v>0</v>
      </c>
      <c r="BA24" s="274">
        <v>34350</v>
      </c>
      <c r="BB24" s="274">
        <v>35565</v>
      </c>
      <c r="BC24" s="274">
        <v>130760</v>
      </c>
      <c r="BD24" s="277">
        <v>200675</v>
      </c>
      <c r="BE24" s="278">
        <v>200675</v>
      </c>
      <c r="BF24" s="273">
        <v>0</v>
      </c>
      <c r="BG24" s="274">
        <v>0</v>
      </c>
      <c r="BH24" s="275">
        <v>0</v>
      </c>
      <c r="BI24" s="279"/>
      <c r="BJ24" s="274">
        <v>0</v>
      </c>
      <c r="BK24" s="274">
        <v>0</v>
      </c>
      <c r="BL24" s="274">
        <v>0</v>
      </c>
      <c r="BM24" s="274">
        <v>0</v>
      </c>
      <c r="BN24" s="274">
        <v>0</v>
      </c>
      <c r="BO24" s="277">
        <v>0</v>
      </c>
      <c r="BP24" s="278">
        <v>0</v>
      </c>
      <c r="BQ24" s="273">
        <v>0</v>
      </c>
      <c r="BR24" s="274">
        <v>4160</v>
      </c>
      <c r="BS24" s="275">
        <v>4160</v>
      </c>
      <c r="BT24" s="276">
        <v>0</v>
      </c>
      <c r="BU24" s="274">
        <v>12325</v>
      </c>
      <c r="BV24" s="274">
        <v>64895</v>
      </c>
      <c r="BW24" s="274">
        <v>92301</v>
      </c>
      <c r="BX24" s="274">
        <v>120282</v>
      </c>
      <c r="BY24" s="274">
        <v>51480</v>
      </c>
      <c r="BZ24" s="277">
        <v>341283</v>
      </c>
      <c r="CA24" s="278">
        <v>345443</v>
      </c>
      <c r="CB24" s="273">
        <v>0</v>
      </c>
      <c r="CC24" s="274">
        <v>0</v>
      </c>
      <c r="CD24" s="275">
        <v>0</v>
      </c>
      <c r="CE24" s="276">
        <v>0</v>
      </c>
      <c r="CF24" s="274">
        <v>0</v>
      </c>
      <c r="CG24" s="274">
        <v>0</v>
      </c>
      <c r="CH24" s="274">
        <v>1166</v>
      </c>
      <c r="CI24" s="274">
        <v>6084</v>
      </c>
      <c r="CJ24" s="274">
        <v>0</v>
      </c>
      <c r="CK24" s="277">
        <v>7250</v>
      </c>
      <c r="CL24" s="278">
        <v>7250</v>
      </c>
      <c r="CM24" s="273">
        <v>0</v>
      </c>
      <c r="CN24" s="274">
        <v>0</v>
      </c>
      <c r="CO24" s="275">
        <v>0</v>
      </c>
      <c r="CP24" s="276">
        <v>0</v>
      </c>
      <c r="CQ24" s="274">
        <v>0</v>
      </c>
      <c r="CR24" s="274">
        <v>0</v>
      </c>
      <c r="CS24" s="274">
        <v>0</v>
      </c>
      <c r="CT24" s="274">
        <v>0</v>
      </c>
      <c r="CU24" s="274">
        <v>0</v>
      </c>
      <c r="CV24" s="277">
        <v>0</v>
      </c>
      <c r="CW24" s="278">
        <v>0</v>
      </c>
      <c r="CX24" s="273">
        <v>0</v>
      </c>
      <c r="CY24" s="274">
        <v>0</v>
      </c>
      <c r="CZ24" s="275">
        <v>0</v>
      </c>
      <c r="DA24" s="279"/>
      <c r="DB24" s="274">
        <v>0</v>
      </c>
      <c r="DC24" s="274">
        <v>0</v>
      </c>
      <c r="DD24" s="274">
        <v>0</v>
      </c>
      <c r="DE24" s="274">
        <v>0</v>
      </c>
      <c r="DF24" s="274">
        <v>0</v>
      </c>
      <c r="DG24" s="277">
        <v>0</v>
      </c>
      <c r="DH24" s="278">
        <v>0</v>
      </c>
      <c r="DI24" s="273">
        <v>0</v>
      </c>
      <c r="DJ24" s="274">
        <v>6960</v>
      </c>
      <c r="DK24" s="275">
        <v>6960</v>
      </c>
      <c r="DL24" s="276">
        <v>0</v>
      </c>
      <c r="DM24" s="274">
        <v>72714</v>
      </c>
      <c r="DN24" s="274">
        <v>319516</v>
      </c>
      <c r="DO24" s="274">
        <v>2293039</v>
      </c>
      <c r="DP24" s="274">
        <v>2175672</v>
      </c>
      <c r="DQ24" s="274">
        <v>1401756</v>
      </c>
      <c r="DR24" s="277">
        <v>6262697</v>
      </c>
      <c r="DS24" s="280">
        <v>6269657</v>
      </c>
      <c r="DT24" s="273">
        <v>0</v>
      </c>
      <c r="DU24" s="274">
        <v>0</v>
      </c>
      <c r="DV24" s="275">
        <v>0</v>
      </c>
      <c r="DW24" s="279"/>
      <c r="DX24" s="274">
        <v>40200</v>
      </c>
      <c r="DY24" s="274">
        <v>184715</v>
      </c>
      <c r="DZ24" s="274">
        <v>2056210</v>
      </c>
      <c r="EA24" s="274">
        <v>1911316</v>
      </c>
      <c r="EB24" s="274">
        <v>1259460</v>
      </c>
      <c r="EC24" s="277">
        <v>5451901</v>
      </c>
      <c r="ED24" s="278">
        <v>5451901</v>
      </c>
      <c r="EE24" s="273">
        <v>0</v>
      </c>
      <c r="EF24" s="274">
        <v>0</v>
      </c>
      <c r="EG24" s="275">
        <v>0</v>
      </c>
      <c r="EH24" s="279"/>
      <c r="EI24" s="274">
        <v>2492</v>
      </c>
      <c r="EJ24" s="274">
        <v>33489</v>
      </c>
      <c r="EK24" s="274">
        <v>32954</v>
      </c>
      <c r="EL24" s="274">
        <v>3352</v>
      </c>
      <c r="EM24" s="274">
        <v>2394</v>
      </c>
      <c r="EN24" s="277">
        <v>74681</v>
      </c>
      <c r="EO24" s="278">
        <v>74681</v>
      </c>
      <c r="EP24" s="273">
        <v>0</v>
      </c>
      <c r="EQ24" s="274">
        <v>0</v>
      </c>
      <c r="ER24" s="275">
        <v>0</v>
      </c>
      <c r="ES24" s="279"/>
      <c r="ET24" s="274">
        <v>0</v>
      </c>
      <c r="EU24" s="274">
        <v>0</v>
      </c>
      <c r="EV24" s="274">
        <v>210</v>
      </c>
      <c r="EW24" s="274">
        <v>0</v>
      </c>
      <c r="EX24" s="274">
        <v>0</v>
      </c>
      <c r="EY24" s="277">
        <v>210</v>
      </c>
      <c r="EZ24" s="278">
        <v>210</v>
      </c>
      <c r="FA24" s="273">
        <v>0</v>
      </c>
      <c r="FB24" s="274">
        <v>0</v>
      </c>
      <c r="FC24" s="275">
        <v>0</v>
      </c>
      <c r="FD24" s="279"/>
      <c r="FE24" s="274">
        <v>0</v>
      </c>
      <c r="FF24" s="274">
        <v>0</v>
      </c>
      <c r="FG24" s="274">
        <v>11310</v>
      </c>
      <c r="FH24" s="274">
        <v>483</v>
      </c>
      <c r="FI24" s="274">
        <v>19690</v>
      </c>
      <c r="FJ24" s="277">
        <v>31483</v>
      </c>
      <c r="FK24" s="278">
        <v>31483</v>
      </c>
      <c r="FL24" s="273">
        <v>0</v>
      </c>
      <c r="FM24" s="274">
        <v>0</v>
      </c>
      <c r="FN24" s="275">
        <v>0</v>
      </c>
      <c r="FO24" s="279"/>
      <c r="FP24" s="274">
        <v>0</v>
      </c>
      <c r="FQ24" s="274">
        <v>0</v>
      </c>
      <c r="FR24" s="274">
        <v>0</v>
      </c>
      <c r="FS24" s="274">
        <v>0</v>
      </c>
      <c r="FT24" s="274">
        <v>0</v>
      </c>
      <c r="FU24" s="277">
        <v>0</v>
      </c>
      <c r="FV24" s="278">
        <v>0</v>
      </c>
      <c r="FW24" s="273">
        <v>0</v>
      </c>
      <c r="FX24" s="274">
        <v>6960</v>
      </c>
      <c r="FY24" s="275">
        <v>6960</v>
      </c>
      <c r="FZ24" s="276">
        <v>0</v>
      </c>
      <c r="GA24" s="274">
        <v>30022</v>
      </c>
      <c r="GB24" s="274">
        <v>101312</v>
      </c>
      <c r="GC24" s="274">
        <v>192334</v>
      </c>
      <c r="GD24" s="274">
        <v>257447</v>
      </c>
      <c r="GE24" s="274">
        <v>120212</v>
      </c>
      <c r="GF24" s="277">
        <v>701327</v>
      </c>
      <c r="GG24" s="278">
        <v>708287</v>
      </c>
      <c r="GH24" s="273">
        <v>0</v>
      </c>
      <c r="GI24" s="274">
        <v>0</v>
      </c>
      <c r="GJ24" s="275">
        <v>0</v>
      </c>
      <c r="GK24" s="276">
        <v>0</v>
      </c>
      <c r="GL24" s="274">
        <v>0</v>
      </c>
      <c r="GM24" s="274">
        <v>0</v>
      </c>
      <c r="GN24" s="274">
        <v>21</v>
      </c>
      <c r="GO24" s="274">
        <v>3074</v>
      </c>
      <c r="GP24" s="274">
        <v>0</v>
      </c>
      <c r="GQ24" s="277">
        <v>3095</v>
      </c>
      <c r="GR24" s="278">
        <v>3095</v>
      </c>
      <c r="GS24" s="273">
        <v>0</v>
      </c>
      <c r="GT24" s="274">
        <v>0</v>
      </c>
      <c r="GU24" s="275">
        <v>0</v>
      </c>
      <c r="GV24" s="276">
        <v>0</v>
      </c>
      <c r="GW24" s="274">
        <v>0</v>
      </c>
      <c r="GX24" s="274">
        <v>0</v>
      </c>
      <c r="GY24" s="274">
        <v>0</v>
      </c>
      <c r="GZ24" s="274">
        <v>0</v>
      </c>
      <c r="HA24" s="274">
        <v>0</v>
      </c>
      <c r="HB24" s="277">
        <v>0</v>
      </c>
      <c r="HC24" s="278">
        <v>0</v>
      </c>
      <c r="HD24" s="273">
        <v>0</v>
      </c>
      <c r="HE24" s="274">
        <v>0</v>
      </c>
      <c r="HF24" s="275">
        <v>0</v>
      </c>
      <c r="HG24" s="279"/>
      <c r="HH24" s="274">
        <v>0</v>
      </c>
      <c r="HI24" s="274">
        <v>0</v>
      </c>
      <c r="HJ24" s="274">
        <v>0</v>
      </c>
      <c r="HK24" s="274">
        <v>0</v>
      </c>
      <c r="HL24" s="274">
        <v>0</v>
      </c>
      <c r="HM24" s="277">
        <v>0</v>
      </c>
      <c r="HN24" s="278">
        <v>0</v>
      </c>
      <c r="HO24" s="273">
        <v>0</v>
      </c>
      <c r="HP24" s="274">
        <v>11120</v>
      </c>
      <c r="HQ24" s="275">
        <v>11120</v>
      </c>
      <c r="HR24" s="276">
        <v>0</v>
      </c>
      <c r="HS24" s="274">
        <v>202599</v>
      </c>
      <c r="HT24" s="274">
        <v>739236</v>
      </c>
      <c r="HU24" s="274">
        <v>4350324</v>
      </c>
      <c r="HV24" s="274">
        <v>3874817</v>
      </c>
      <c r="HW24" s="274">
        <v>2750697</v>
      </c>
      <c r="HX24" s="277">
        <v>11917673</v>
      </c>
      <c r="HY24" s="278">
        <v>11928793</v>
      </c>
    </row>
    <row r="25" spans="2:233" ht="21" customHeight="1" x14ac:dyDescent="0.2">
      <c r="B25" s="472" t="s">
        <v>22</v>
      </c>
      <c r="C25" s="273">
        <v>0</v>
      </c>
      <c r="D25" s="274">
        <v>0</v>
      </c>
      <c r="E25" s="275">
        <v>0</v>
      </c>
      <c r="F25" s="276">
        <v>0</v>
      </c>
      <c r="G25" s="274">
        <v>128260</v>
      </c>
      <c r="H25" s="274">
        <v>322030</v>
      </c>
      <c r="I25" s="274">
        <v>702015</v>
      </c>
      <c r="J25" s="274">
        <v>1077490</v>
      </c>
      <c r="K25" s="274">
        <v>476325</v>
      </c>
      <c r="L25" s="277">
        <v>2706120</v>
      </c>
      <c r="M25" s="278">
        <v>2706120</v>
      </c>
      <c r="N25" s="273">
        <v>0</v>
      </c>
      <c r="O25" s="274">
        <v>0</v>
      </c>
      <c r="P25" s="275">
        <v>0</v>
      </c>
      <c r="Q25" s="279"/>
      <c r="R25" s="274">
        <v>34350</v>
      </c>
      <c r="S25" s="274">
        <v>64355</v>
      </c>
      <c r="T25" s="274">
        <v>502395</v>
      </c>
      <c r="U25" s="274">
        <v>540045</v>
      </c>
      <c r="V25" s="274">
        <v>311685</v>
      </c>
      <c r="W25" s="277">
        <v>1452830</v>
      </c>
      <c r="X25" s="278">
        <v>1452830</v>
      </c>
      <c r="Y25" s="273">
        <v>0</v>
      </c>
      <c r="Z25" s="274">
        <v>0</v>
      </c>
      <c r="AA25" s="275">
        <v>0</v>
      </c>
      <c r="AB25" s="279"/>
      <c r="AC25" s="274">
        <v>83065</v>
      </c>
      <c r="AD25" s="274">
        <v>223645</v>
      </c>
      <c r="AE25" s="274">
        <v>106445</v>
      </c>
      <c r="AF25" s="274">
        <v>348625</v>
      </c>
      <c r="AG25" s="274">
        <v>132955</v>
      </c>
      <c r="AH25" s="277">
        <v>894735</v>
      </c>
      <c r="AI25" s="278">
        <v>894735</v>
      </c>
      <c r="AJ25" s="273">
        <v>0</v>
      </c>
      <c r="AK25" s="274">
        <v>0</v>
      </c>
      <c r="AL25" s="275">
        <v>0</v>
      </c>
      <c r="AM25" s="279"/>
      <c r="AN25" s="274">
        <v>0</v>
      </c>
      <c r="AO25" s="274">
        <v>0</v>
      </c>
      <c r="AP25" s="274">
        <v>0</v>
      </c>
      <c r="AQ25" s="274">
        <v>0</v>
      </c>
      <c r="AR25" s="274">
        <v>0</v>
      </c>
      <c r="AS25" s="277">
        <v>0</v>
      </c>
      <c r="AT25" s="278">
        <v>0</v>
      </c>
      <c r="AU25" s="273">
        <v>0</v>
      </c>
      <c r="AV25" s="274">
        <v>0</v>
      </c>
      <c r="AW25" s="275">
        <v>0</v>
      </c>
      <c r="AX25" s="279"/>
      <c r="AY25" s="274">
        <v>0</v>
      </c>
      <c r="AZ25" s="274">
        <v>0</v>
      </c>
      <c r="BA25" s="274">
        <v>0</v>
      </c>
      <c r="BB25" s="274">
        <v>36750</v>
      </c>
      <c r="BC25" s="274">
        <v>22235</v>
      </c>
      <c r="BD25" s="277">
        <v>58985</v>
      </c>
      <c r="BE25" s="278">
        <v>58985</v>
      </c>
      <c r="BF25" s="273">
        <v>0</v>
      </c>
      <c r="BG25" s="274">
        <v>0</v>
      </c>
      <c r="BH25" s="275">
        <v>0</v>
      </c>
      <c r="BI25" s="279"/>
      <c r="BJ25" s="274">
        <v>0</v>
      </c>
      <c r="BK25" s="274">
        <v>0</v>
      </c>
      <c r="BL25" s="274">
        <v>0</v>
      </c>
      <c r="BM25" s="274">
        <v>133800</v>
      </c>
      <c r="BN25" s="274">
        <v>5100</v>
      </c>
      <c r="BO25" s="277">
        <v>138900</v>
      </c>
      <c r="BP25" s="278">
        <v>138900</v>
      </c>
      <c r="BQ25" s="273">
        <v>0</v>
      </c>
      <c r="BR25" s="274">
        <v>0</v>
      </c>
      <c r="BS25" s="275">
        <v>0</v>
      </c>
      <c r="BT25" s="276">
        <v>0</v>
      </c>
      <c r="BU25" s="274">
        <v>3325</v>
      </c>
      <c r="BV25" s="274">
        <v>34030</v>
      </c>
      <c r="BW25" s="274">
        <v>86795</v>
      </c>
      <c r="BX25" s="274">
        <v>18270</v>
      </c>
      <c r="BY25" s="274">
        <v>2465</v>
      </c>
      <c r="BZ25" s="277">
        <v>144885</v>
      </c>
      <c r="CA25" s="278">
        <v>144885</v>
      </c>
      <c r="CB25" s="273">
        <v>0</v>
      </c>
      <c r="CC25" s="274">
        <v>0</v>
      </c>
      <c r="CD25" s="275">
        <v>0</v>
      </c>
      <c r="CE25" s="276">
        <v>0</v>
      </c>
      <c r="CF25" s="274">
        <v>7520</v>
      </c>
      <c r="CG25" s="274">
        <v>0</v>
      </c>
      <c r="CH25" s="274">
        <v>6380</v>
      </c>
      <c r="CI25" s="274">
        <v>0</v>
      </c>
      <c r="CJ25" s="274">
        <v>1885</v>
      </c>
      <c r="CK25" s="277">
        <v>15785</v>
      </c>
      <c r="CL25" s="278">
        <v>15785</v>
      </c>
      <c r="CM25" s="273">
        <v>0</v>
      </c>
      <c r="CN25" s="274">
        <v>0</v>
      </c>
      <c r="CO25" s="275">
        <v>0</v>
      </c>
      <c r="CP25" s="276">
        <v>0</v>
      </c>
      <c r="CQ25" s="274">
        <v>0</v>
      </c>
      <c r="CR25" s="274">
        <v>0</v>
      </c>
      <c r="CS25" s="274">
        <v>0</v>
      </c>
      <c r="CT25" s="274">
        <v>0</v>
      </c>
      <c r="CU25" s="274">
        <v>0</v>
      </c>
      <c r="CV25" s="277">
        <v>0</v>
      </c>
      <c r="CW25" s="278">
        <v>0</v>
      </c>
      <c r="CX25" s="273">
        <v>0</v>
      </c>
      <c r="CY25" s="274">
        <v>0</v>
      </c>
      <c r="CZ25" s="275">
        <v>0</v>
      </c>
      <c r="DA25" s="279"/>
      <c r="DB25" s="274">
        <v>0</v>
      </c>
      <c r="DC25" s="274">
        <v>0</v>
      </c>
      <c r="DD25" s="274">
        <v>0</v>
      </c>
      <c r="DE25" s="274">
        <v>0</v>
      </c>
      <c r="DF25" s="274">
        <v>0</v>
      </c>
      <c r="DG25" s="277">
        <v>0</v>
      </c>
      <c r="DH25" s="278">
        <v>0</v>
      </c>
      <c r="DI25" s="273">
        <v>0</v>
      </c>
      <c r="DJ25" s="274">
        <v>0</v>
      </c>
      <c r="DK25" s="275">
        <v>0</v>
      </c>
      <c r="DL25" s="276">
        <v>0</v>
      </c>
      <c r="DM25" s="274">
        <v>46997</v>
      </c>
      <c r="DN25" s="274">
        <v>93359</v>
      </c>
      <c r="DO25" s="274">
        <v>715279</v>
      </c>
      <c r="DP25" s="274">
        <v>986668</v>
      </c>
      <c r="DQ25" s="274">
        <v>370346</v>
      </c>
      <c r="DR25" s="277">
        <v>2212649</v>
      </c>
      <c r="DS25" s="280">
        <v>2212649</v>
      </c>
      <c r="DT25" s="273">
        <v>0</v>
      </c>
      <c r="DU25" s="274">
        <v>0</v>
      </c>
      <c r="DV25" s="275">
        <v>0</v>
      </c>
      <c r="DW25" s="279"/>
      <c r="DX25" s="274">
        <v>25650</v>
      </c>
      <c r="DY25" s="274">
        <v>50200</v>
      </c>
      <c r="DZ25" s="274">
        <v>558205</v>
      </c>
      <c r="EA25" s="274">
        <v>696807</v>
      </c>
      <c r="EB25" s="274">
        <v>311021</v>
      </c>
      <c r="EC25" s="277">
        <v>1641883</v>
      </c>
      <c r="ED25" s="278">
        <v>1641883</v>
      </c>
      <c r="EE25" s="273">
        <v>0</v>
      </c>
      <c r="EF25" s="274">
        <v>0</v>
      </c>
      <c r="EG25" s="275">
        <v>0</v>
      </c>
      <c r="EH25" s="279"/>
      <c r="EI25" s="274">
        <v>12204</v>
      </c>
      <c r="EJ25" s="274">
        <v>13702</v>
      </c>
      <c r="EK25" s="274">
        <v>22889</v>
      </c>
      <c r="EL25" s="274">
        <v>37521</v>
      </c>
      <c r="EM25" s="274">
        <v>1127</v>
      </c>
      <c r="EN25" s="277">
        <v>87443</v>
      </c>
      <c r="EO25" s="278">
        <v>87443</v>
      </c>
      <c r="EP25" s="273">
        <v>0</v>
      </c>
      <c r="EQ25" s="274">
        <v>0</v>
      </c>
      <c r="ER25" s="275">
        <v>0</v>
      </c>
      <c r="ES25" s="279"/>
      <c r="ET25" s="274">
        <v>0</v>
      </c>
      <c r="EU25" s="274">
        <v>0</v>
      </c>
      <c r="EV25" s="274">
        <v>0</v>
      </c>
      <c r="EW25" s="274">
        <v>0</v>
      </c>
      <c r="EX25" s="274">
        <v>0</v>
      </c>
      <c r="EY25" s="277">
        <v>0</v>
      </c>
      <c r="EZ25" s="278">
        <v>0</v>
      </c>
      <c r="FA25" s="273">
        <v>0</v>
      </c>
      <c r="FB25" s="274">
        <v>0</v>
      </c>
      <c r="FC25" s="275">
        <v>0</v>
      </c>
      <c r="FD25" s="279"/>
      <c r="FE25" s="274">
        <v>0</v>
      </c>
      <c r="FF25" s="274">
        <v>0</v>
      </c>
      <c r="FG25" s="274">
        <v>0</v>
      </c>
      <c r="FH25" s="274">
        <v>630</v>
      </c>
      <c r="FI25" s="274">
        <v>10740</v>
      </c>
      <c r="FJ25" s="277">
        <v>11370</v>
      </c>
      <c r="FK25" s="278">
        <v>11370</v>
      </c>
      <c r="FL25" s="273">
        <v>0</v>
      </c>
      <c r="FM25" s="274">
        <v>0</v>
      </c>
      <c r="FN25" s="275">
        <v>0</v>
      </c>
      <c r="FO25" s="279"/>
      <c r="FP25" s="274">
        <v>0</v>
      </c>
      <c r="FQ25" s="274">
        <v>0</v>
      </c>
      <c r="FR25" s="274">
        <v>0</v>
      </c>
      <c r="FS25" s="274">
        <v>194510</v>
      </c>
      <c r="FT25" s="274">
        <v>41400</v>
      </c>
      <c r="FU25" s="277">
        <v>235910</v>
      </c>
      <c r="FV25" s="278">
        <v>235910</v>
      </c>
      <c r="FW25" s="273">
        <v>0</v>
      </c>
      <c r="FX25" s="274">
        <v>0</v>
      </c>
      <c r="FY25" s="275">
        <v>0</v>
      </c>
      <c r="FZ25" s="276">
        <v>0</v>
      </c>
      <c r="GA25" s="274">
        <v>9024</v>
      </c>
      <c r="GB25" s="274">
        <v>29457</v>
      </c>
      <c r="GC25" s="274">
        <v>133870</v>
      </c>
      <c r="GD25" s="274">
        <v>57200</v>
      </c>
      <c r="GE25" s="274">
        <v>5967</v>
      </c>
      <c r="GF25" s="277">
        <v>235518</v>
      </c>
      <c r="GG25" s="278">
        <v>235518</v>
      </c>
      <c r="GH25" s="273">
        <v>0</v>
      </c>
      <c r="GI25" s="274">
        <v>0</v>
      </c>
      <c r="GJ25" s="275">
        <v>0</v>
      </c>
      <c r="GK25" s="276">
        <v>0</v>
      </c>
      <c r="GL25" s="274">
        <v>119</v>
      </c>
      <c r="GM25" s="274">
        <v>0</v>
      </c>
      <c r="GN25" s="274">
        <v>315</v>
      </c>
      <c r="GO25" s="274">
        <v>0</v>
      </c>
      <c r="GP25" s="274">
        <v>91</v>
      </c>
      <c r="GQ25" s="277">
        <v>525</v>
      </c>
      <c r="GR25" s="278">
        <v>525</v>
      </c>
      <c r="GS25" s="273">
        <v>0</v>
      </c>
      <c r="GT25" s="274">
        <v>0</v>
      </c>
      <c r="GU25" s="275">
        <v>0</v>
      </c>
      <c r="GV25" s="276">
        <v>0</v>
      </c>
      <c r="GW25" s="274">
        <v>0</v>
      </c>
      <c r="GX25" s="274">
        <v>0</v>
      </c>
      <c r="GY25" s="274">
        <v>0</v>
      </c>
      <c r="GZ25" s="274">
        <v>0</v>
      </c>
      <c r="HA25" s="274">
        <v>0</v>
      </c>
      <c r="HB25" s="277">
        <v>0</v>
      </c>
      <c r="HC25" s="278">
        <v>0</v>
      </c>
      <c r="HD25" s="273">
        <v>0</v>
      </c>
      <c r="HE25" s="274">
        <v>0</v>
      </c>
      <c r="HF25" s="275">
        <v>0</v>
      </c>
      <c r="HG25" s="279"/>
      <c r="HH25" s="274">
        <v>0</v>
      </c>
      <c r="HI25" s="274">
        <v>0</v>
      </c>
      <c r="HJ25" s="274">
        <v>0</v>
      </c>
      <c r="HK25" s="274">
        <v>0</v>
      </c>
      <c r="HL25" s="274">
        <v>0</v>
      </c>
      <c r="HM25" s="277">
        <v>0</v>
      </c>
      <c r="HN25" s="278">
        <v>0</v>
      </c>
      <c r="HO25" s="273">
        <v>0</v>
      </c>
      <c r="HP25" s="274">
        <v>0</v>
      </c>
      <c r="HQ25" s="275">
        <v>0</v>
      </c>
      <c r="HR25" s="276">
        <v>0</v>
      </c>
      <c r="HS25" s="274">
        <v>175257</v>
      </c>
      <c r="HT25" s="274">
        <v>415389</v>
      </c>
      <c r="HU25" s="274">
        <v>1417294</v>
      </c>
      <c r="HV25" s="274">
        <v>2064158</v>
      </c>
      <c r="HW25" s="274">
        <v>846671</v>
      </c>
      <c r="HX25" s="277">
        <v>4918769</v>
      </c>
      <c r="HY25" s="278">
        <v>4918769</v>
      </c>
    </row>
    <row r="26" spans="2:233" ht="21" customHeight="1" x14ac:dyDescent="0.2">
      <c r="B26" s="472" t="s">
        <v>23</v>
      </c>
      <c r="C26" s="273">
        <v>0</v>
      </c>
      <c r="D26" s="274">
        <v>0</v>
      </c>
      <c r="E26" s="275">
        <v>0</v>
      </c>
      <c r="F26" s="276">
        <v>0</v>
      </c>
      <c r="G26" s="274">
        <v>180520</v>
      </c>
      <c r="H26" s="274">
        <v>429541</v>
      </c>
      <c r="I26" s="274">
        <v>1098380</v>
      </c>
      <c r="J26" s="274">
        <v>1275454</v>
      </c>
      <c r="K26" s="274">
        <v>921025</v>
      </c>
      <c r="L26" s="277">
        <v>3904920</v>
      </c>
      <c r="M26" s="278">
        <v>3904920</v>
      </c>
      <c r="N26" s="273">
        <v>0</v>
      </c>
      <c r="O26" s="274">
        <v>0</v>
      </c>
      <c r="P26" s="275">
        <v>0</v>
      </c>
      <c r="Q26" s="279"/>
      <c r="R26" s="274">
        <v>55500</v>
      </c>
      <c r="S26" s="274">
        <v>131285</v>
      </c>
      <c r="T26" s="274">
        <v>854280</v>
      </c>
      <c r="U26" s="274">
        <v>902960</v>
      </c>
      <c r="V26" s="274">
        <v>645215</v>
      </c>
      <c r="W26" s="277">
        <v>2589240</v>
      </c>
      <c r="X26" s="278">
        <v>2589240</v>
      </c>
      <c r="Y26" s="273">
        <v>0</v>
      </c>
      <c r="Z26" s="274">
        <v>0</v>
      </c>
      <c r="AA26" s="275">
        <v>0</v>
      </c>
      <c r="AB26" s="279"/>
      <c r="AC26" s="274">
        <v>115385</v>
      </c>
      <c r="AD26" s="274">
        <v>242886</v>
      </c>
      <c r="AE26" s="274">
        <v>195815</v>
      </c>
      <c r="AF26" s="274">
        <v>321065</v>
      </c>
      <c r="AG26" s="274">
        <v>183710</v>
      </c>
      <c r="AH26" s="277">
        <v>1058861</v>
      </c>
      <c r="AI26" s="278">
        <v>1058861</v>
      </c>
      <c r="AJ26" s="273">
        <v>0</v>
      </c>
      <c r="AK26" s="274">
        <v>0</v>
      </c>
      <c r="AL26" s="275">
        <v>0</v>
      </c>
      <c r="AM26" s="279"/>
      <c r="AN26" s="274">
        <v>0</v>
      </c>
      <c r="AO26" s="274">
        <v>0</v>
      </c>
      <c r="AP26" s="274">
        <v>0</v>
      </c>
      <c r="AQ26" s="274">
        <v>0</v>
      </c>
      <c r="AR26" s="274">
        <v>28430</v>
      </c>
      <c r="AS26" s="277">
        <v>28430</v>
      </c>
      <c r="AT26" s="278">
        <v>28430</v>
      </c>
      <c r="AU26" s="273">
        <v>0</v>
      </c>
      <c r="AV26" s="274">
        <v>0</v>
      </c>
      <c r="AW26" s="275">
        <v>0</v>
      </c>
      <c r="AX26" s="279"/>
      <c r="AY26" s="274">
        <v>0</v>
      </c>
      <c r="AZ26" s="274">
        <v>0</v>
      </c>
      <c r="BA26" s="274">
        <v>0</v>
      </c>
      <c r="BB26" s="274">
        <v>23850</v>
      </c>
      <c r="BC26" s="274">
        <v>48300</v>
      </c>
      <c r="BD26" s="277">
        <v>72150</v>
      </c>
      <c r="BE26" s="278">
        <v>72150</v>
      </c>
      <c r="BF26" s="273">
        <v>0</v>
      </c>
      <c r="BG26" s="274">
        <v>0</v>
      </c>
      <c r="BH26" s="275">
        <v>0</v>
      </c>
      <c r="BI26" s="279"/>
      <c r="BJ26" s="274">
        <v>0</v>
      </c>
      <c r="BK26" s="274">
        <v>0</v>
      </c>
      <c r="BL26" s="274">
        <v>0</v>
      </c>
      <c r="BM26" s="274">
        <v>0</v>
      </c>
      <c r="BN26" s="274">
        <v>0</v>
      </c>
      <c r="BO26" s="277">
        <v>0</v>
      </c>
      <c r="BP26" s="278">
        <v>0</v>
      </c>
      <c r="BQ26" s="273">
        <v>0</v>
      </c>
      <c r="BR26" s="274">
        <v>0</v>
      </c>
      <c r="BS26" s="275">
        <v>0</v>
      </c>
      <c r="BT26" s="276">
        <v>0</v>
      </c>
      <c r="BU26" s="274">
        <v>8185</v>
      </c>
      <c r="BV26" s="274">
        <v>55370</v>
      </c>
      <c r="BW26" s="274">
        <v>48285</v>
      </c>
      <c r="BX26" s="274">
        <v>27579</v>
      </c>
      <c r="BY26" s="274">
        <v>15370</v>
      </c>
      <c r="BZ26" s="277">
        <v>154789</v>
      </c>
      <c r="CA26" s="278">
        <v>154789</v>
      </c>
      <c r="CB26" s="273">
        <v>0</v>
      </c>
      <c r="CC26" s="274">
        <v>0</v>
      </c>
      <c r="CD26" s="275">
        <v>0</v>
      </c>
      <c r="CE26" s="276">
        <v>0</v>
      </c>
      <c r="CF26" s="274">
        <v>1450</v>
      </c>
      <c r="CG26" s="274">
        <v>0</v>
      </c>
      <c r="CH26" s="274">
        <v>0</v>
      </c>
      <c r="CI26" s="274">
        <v>0</v>
      </c>
      <c r="CJ26" s="274">
        <v>0</v>
      </c>
      <c r="CK26" s="277">
        <v>1450</v>
      </c>
      <c r="CL26" s="278">
        <v>1450</v>
      </c>
      <c r="CM26" s="273">
        <v>0</v>
      </c>
      <c r="CN26" s="274">
        <v>0</v>
      </c>
      <c r="CO26" s="275">
        <v>0</v>
      </c>
      <c r="CP26" s="276">
        <v>0</v>
      </c>
      <c r="CQ26" s="274">
        <v>0</v>
      </c>
      <c r="CR26" s="274">
        <v>0</v>
      </c>
      <c r="CS26" s="274">
        <v>0</v>
      </c>
      <c r="CT26" s="274">
        <v>0</v>
      </c>
      <c r="CU26" s="274">
        <v>0</v>
      </c>
      <c r="CV26" s="277">
        <v>0</v>
      </c>
      <c r="CW26" s="278">
        <v>0</v>
      </c>
      <c r="CX26" s="273">
        <v>0</v>
      </c>
      <c r="CY26" s="274">
        <v>0</v>
      </c>
      <c r="CZ26" s="275">
        <v>0</v>
      </c>
      <c r="DA26" s="279"/>
      <c r="DB26" s="274">
        <v>0</v>
      </c>
      <c r="DC26" s="274">
        <v>0</v>
      </c>
      <c r="DD26" s="274">
        <v>0</v>
      </c>
      <c r="DE26" s="274">
        <v>0</v>
      </c>
      <c r="DF26" s="274">
        <v>0</v>
      </c>
      <c r="DG26" s="277">
        <v>0</v>
      </c>
      <c r="DH26" s="278">
        <v>0</v>
      </c>
      <c r="DI26" s="273">
        <v>0</v>
      </c>
      <c r="DJ26" s="274">
        <v>0</v>
      </c>
      <c r="DK26" s="275">
        <v>0</v>
      </c>
      <c r="DL26" s="276">
        <v>0</v>
      </c>
      <c r="DM26" s="274">
        <v>86048</v>
      </c>
      <c r="DN26" s="274">
        <v>194990</v>
      </c>
      <c r="DO26" s="274">
        <v>1004298</v>
      </c>
      <c r="DP26" s="274">
        <v>1172015</v>
      </c>
      <c r="DQ26" s="274">
        <v>631436</v>
      </c>
      <c r="DR26" s="277">
        <v>3088787</v>
      </c>
      <c r="DS26" s="280">
        <v>3088787</v>
      </c>
      <c r="DT26" s="273">
        <v>0</v>
      </c>
      <c r="DU26" s="274">
        <v>0</v>
      </c>
      <c r="DV26" s="275">
        <v>0</v>
      </c>
      <c r="DW26" s="279"/>
      <c r="DX26" s="274">
        <v>31980</v>
      </c>
      <c r="DY26" s="274">
        <v>92040</v>
      </c>
      <c r="DZ26" s="274">
        <v>962414</v>
      </c>
      <c r="EA26" s="274">
        <v>1068110</v>
      </c>
      <c r="EB26" s="274">
        <v>568675</v>
      </c>
      <c r="EC26" s="277">
        <v>2723219</v>
      </c>
      <c r="ED26" s="278">
        <v>2723219</v>
      </c>
      <c r="EE26" s="273">
        <v>0</v>
      </c>
      <c r="EF26" s="274">
        <v>0</v>
      </c>
      <c r="EG26" s="275">
        <v>0</v>
      </c>
      <c r="EH26" s="279"/>
      <c r="EI26" s="274">
        <v>39141</v>
      </c>
      <c r="EJ26" s="274">
        <v>49499</v>
      </c>
      <c r="EK26" s="274">
        <v>2282</v>
      </c>
      <c r="EL26" s="274">
        <v>15923</v>
      </c>
      <c r="EM26" s="274">
        <v>38499</v>
      </c>
      <c r="EN26" s="277">
        <v>145344</v>
      </c>
      <c r="EO26" s="278">
        <v>145344</v>
      </c>
      <c r="EP26" s="273">
        <v>0</v>
      </c>
      <c r="EQ26" s="274">
        <v>0</v>
      </c>
      <c r="ER26" s="275">
        <v>0</v>
      </c>
      <c r="ES26" s="279"/>
      <c r="ET26" s="274">
        <v>0</v>
      </c>
      <c r="EU26" s="274">
        <v>0</v>
      </c>
      <c r="EV26" s="274">
        <v>0</v>
      </c>
      <c r="EW26" s="274">
        <v>0</v>
      </c>
      <c r="EX26" s="274">
        <v>1480</v>
      </c>
      <c r="EY26" s="277">
        <v>1480</v>
      </c>
      <c r="EZ26" s="278">
        <v>1480</v>
      </c>
      <c r="FA26" s="273">
        <v>0</v>
      </c>
      <c r="FB26" s="274">
        <v>0</v>
      </c>
      <c r="FC26" s="275">
        <v>0</v>
      </c>
      <c r="FD26" s="279"/>
      <c r="FE26" s="274">
        <v>0</v>
      </c>
      <c r="FF26" s="274">
        <v>0</v>
      </c>
      <c r="FG26" s="274">
        <v>0</v>
      </c>
      <c r="FH26" s="274">
        <v>210</v>
      </c>
      <c r="FI26" s="274">
        <v>10950</v>
      </c>
      <c r="FJ26" s="277">
        <v>11160</v>
      </c>
      <c r="FK26" s="278">
        <v>11160</v>
      </c>
      <c r="FL26" s="273">
        <v>0</v>
      </c>
      <c r="FM26" s="274">
        <v>0</v>
      </c>
      <c r="FN26" s="275">
        <v>0</v>
      </c>
      <c r="FO26" s="279"/>
      <c r="FP26" s="274">
        <v>0</v>
      </c>
      <c r="FQ26" s="274">
        <v>0</v>
      </c>
      <c r="FR26" s="274">
        <v>0</v>
      </c>
      <c r="FS26" s="274">
        <v>0</v>
      </c>
      <c r="FT26" s="274">
        <v>0</v>
      </c>
      <c r="FU26" s="277">
        <v>0</v>
      </c>
      <c r="FV26" s="278">
        <v>0</v>
      </c>
      <c r="FW26" s="273">
        <v>0</v>
      </c>
      <c r="FX26" s="274">
        <v>0</v>
      </c>
      <c r="FY26" s="275">
        <v>0</v>
      </c>
      <c r="FZ26" s="276">
        <v>0</v>
      </c>
      <c r="GA26" s="274">
        <v>14850</v>
      </c>
      <c r="GB26" s="274">
        <v>53451</v>
      </c>
      <c r="GC26" s="274">
        <v>39602</v>
      </c>
      <c r="GD26" s="274">
        <v>87772</v>
      </c>
      <c r="GE26" s="274">
        <v>11832</v>
      </c>
      <c r="GF26" s="277">
        <v>207507</v>
      </c>
      <c r="GG26" s="278">
        <v>207507</v>
      </c>
      <c r="GH26" s="273">
        <v>0</v>
      </c>
      <c r="GI26" s="274">
        <v>0</v>
      </c>
      <c r="GJ26" s="275">
        <v>0</v>
      </c>
      <c r="GK26" s="276">
        <v>0</v>
      </c>
      <c r="GL26" s="274">
        <v>77</v>
      </c>
      <c r="GM26" s="274">
        <v>0</v>
      </c>
      <c r="GN26" s="274">
        <v>0</v>
      </c>
      <c r="GO26" s="274">
        <v>0</v>
      </c>
      <c r="GP26" s="274">
        <v>0</v>
      </c>
      <c r="GQ26" s="277">
        <v>77</v>
      </c>
      <c r="GR26" s="278">
        <v>77</v>
      </c>
      <c r="GS26" s="273">
        <v>0</v>
      </c>
      <c r="GT26" s="274">
        <v>0</v>
      </c>
      <c r="GU26" s="275">
        <v>0</v>
      </c>
      <c r="GV26" s="276">
        <v>0</v>
      </c>
      <c r="GW26" s="274">
        <v>0</v>
      </c>
      <c r="GX26" s="274">
        <v>0</v>
      </c>
      <c r="GY26" s="274">
        <v>0</v>
      </c>
      <c r="GZ26" s="274">
        <v>0</v>
      </c>
      <c r="HA26" s="274">
        <v>0</v>
      </c>
      <c r="HB26" s="277">
        <v>0</v>
      </c>
      <c r="HC26" s="278">
        <v>0</v>
      </c>
      <c r="HD26" s="273">
        <v>0</v>
      </c>
      <c r="HE26" s="274">
        <v>0</v>
      </c>
      <c r="HF26" s="275">
        <v>0</v>
      </c>
      <c r="HG26" s="279"/>
      <c r="HH26" s="274">
        <v>0</v>
      </c>
      <c r="HI26" s="274">
        <v>0</v>
      </c>
      <c r="HJ26" s="274">
        <v>0</v>
      </c>
      <c r="HK26" s="274">
        <v>0</v>
      </c>
      <c r="HL26" s="274">
        <v>0</v>
      </c>
      <c r="HM26" s="277">
        <v>0</v>
      </c>
      <c r="HN26" s="278">
        <v>0</v>
      </c>
      <c r="HO26" s="273">
        <v>0</v>
      </c>
      <c r="HP26" s="274">
        <v>0</v>
      </c>
      <c r="HQ26" s="275">
        <v>0</v>
      </c>
      <c r="HR26" s="276">
        <v>0</v>
      </c>
      <c r="HS26" s="274">
        <v>266568</v>
      </c>
      <c r="HT26" s="274">
        <v>624531</v>
      </c>
      <c r="HU26" s="274">
        <v>2102678</v>
      </c>
      <c r="HV26" s="274">
        <v>2447469</v>
      </c>
      <c r="HW26" s="274">
        <v>1552461</v>
      </c>
      <c r="HX26" s="277">
        <v>6993707</v>
      </c>
      <c r="HY26" s="278">
        <v>6993707</v>
      </c>
    </row>
    <row r="27" spans="2:233" ht="21" customHeight="1" x14ac:dyDescent="0.2">
      <c r="B27" s="472" t="s">
        <v>24</v>
      </c>
      <c r="C27" s="273">
        <v>0</v>
      </c>
      <c r="D27" s="274">
        <v>6870</v>
      </c>
      <c r="E27" s="275">
        <v>6870</v>
      </c>
      <c r="F27" s="276">
        <v>0</v>
      </c>
      <c r="G27" s="274">
        <v>41878</v>
      </c>
      <c r="H27" s="274">
        <v>9365</v>
      </c>
      <c r="I27" s="274">
        <v>296420</v>
      </c>
      <c r="J27" s="274">
        <v>790005</v>
      </c>
      <c r="K27" s="274">
        <v>346565</v>
      </c>
      <c r="L27" s="277">
        <v>1484233</v>
      </c>
      <c r="M27" s="278">
        <v>1491103</v>
      </c>
      <c r="N27" s="273">
        <v>0</v>
      </c>
      <c r="O27" s="274">
        <v>0</v>
      </c>
      <c r="P27" s="275">
        <v>0</v>
      </c>
      <c r="Q27" s="279"/>
      <c r="R27" s="274">
        <v>0</v>
      </c>
      <c r="S27" s="274">
        <v>0</v>
      </c>
      <c r="T27" s="274">
        <v>245895</v>
      </c>
      <c r="U27" s="274">
        <v>618810</v>
      </c>
      <c r="V27" s="274">
        <v>202370</v>
      </c>
      <c r="W27" s="277">
        <v>1067075</v>
      </c>
      <c r="X27" s="278">
        <v>1067075</v>
      </c>
      <c r="Y27" s="273">
        <v>0</v>
      </c>
      <c r="Z27" s="274">
        <v>0</v>
      </c>
      <c r="AA27" s="275">
        <v>0</v>
      </c>
      <c r="AB27" s="279"/>
      <c r="AC27" s="274">
        <v>39060</v>
      </c>
      <c r="AD27" s="274">
        <v>2550</v>
      </c>
      <c r="AE27" s="274">
        <v>15300</v>
      </c>
      <c r="AF27" s="274">
        <v>135185</v>
      </c>
      <c r="AG27" s="274">
        <v>130550</v>
      </c>
      <c r="AH27" s="277">
        <v>322645</v>
      </c>
      <c r="AI27" s="278">
        <v>322645</v>
      </c>
      <c r="AJ27" s="273">
        <v>0</v>
      </c>
      <c r="AK27" s="274">
        <v>0</v>
      </c>
      <c r="AL27" s="275">
        <v>0</v>
      </c>
      <c r="AM27" s="279"/>
      <c r="AN27" s="274">
        <v>0</v>
      </c>
      <c r="AO27" s="274">
        <v>0</v>
      </c>
      <c r="AP27" s="274">
        <v>0</v>
      </c>
      <c r="AQ27" s="274">
        <v>0</v>
      </c>
      <c r="AR27" s="274">
        <v>0</v>
      </c>
      <c r="AS27" s="277">
        <v>0</v>
      </c>
      <c r="AT27" s="278">
        <v>0</v>
      </c>
      <c r="AU27" s="273">
        <v>0</v>
      </c>
      <c r="AV27" s="274">
        <v>0</v>
      </c>
      <c r="AW27" s="275">
        <v>0</v>
      </c>
      <c r="AX27" s="279"/>
      <c r="AY27" s="274">
        <v>0</v>
      </c>
      <c r="AZ27" s="274">
        <v>0</v>
      </c>
      <c r="BA27" s="274">
        <v>0</v>
      </c>
      <c r="BB27" s="274">
        <v>0</v>
      </c>
      <c r="BC27" s="274">
        <v>0</v>
      </c>
      <c r="BD27" s="277">
        <v>0</v>
      </c>
      <c r="BE27" s="278">
        <v>0</v>
      </c>
      <c r="BF27" s="273">
        <v>0</v>
      </c>
      <c r="BG27" s="274">
        <v>0</v>
      </c>
      <c r="BH27" s="275">
        <v>0</v>
      </c>
      <c r="BI27" s="279"/>
      <c r="BJ27" s="274">
        <v>0</v>
      </c>
      <c r="BK27" s="274">
        <v>0</v>
      </c>
      <c r="BL27" s="274">
        <v>0</v>
      </c>
      <c r="BM27" s="274">
        <v>0</v>
      </c>
      <c r="BN27" s="274">
        <v>0</v>
      </c>
      <c r="BO27" s="277">
        <v>0</v>
      </c>
      <c r="BP27" s="278">
        <v>0</v>
      </c>
      <c r="BQ27" s="273">
        <v>0</v>
      </c>
      <c r="BR27" s="274">
        <v>6870</v>
      </c>
      <c r="BS27" s="275">
        <v>6870</v>
      </c>
      <c r="BT27" s="276">
        <v>0</v>
      </c>
      <c r="BU27" s="274">
        <v>2300</v>
      </c>
      <c r="BV27" s="274">
        <v>6815</v>
      </c>
      <c r="BW27" s="274">
        <v>31355</v>
      </c>
      <c r="BX27" s="274">
        <v>36010</v>
      </c>
      <c r="BY27" s="274">
        <v>4640</v>
      </c>
      <c r="BZ27" s="277">
        <v>81120</v>
      </c>
      <c r="CA27" s="278">
        <v>87990</v>
      </c>
      <c r="CB27" s="273">
        <v>0</v>
      </c>
      <c r="CC27" s="274">
        <v>0</v>
      </c>
      <c r="CD27" s="275">
        <v>0</v>
      </c>
      <c r="CE27" s="276">
        <v>0</v>
      </c>
      <c r="CF27" s="274">
        <v>518</v>
      </c>
      <c r="CG27" s="274">
        <v>0</v>
      </c>
      <c r="CH27" s="274">
        <v>3870</v>
      </c>
      <c r="CI27" s="274">
        <v>0</v>
      </c>
      <c r="CJ27" s="274">
        <v>9005</v>
      </c>
      <c r="CK27" s="277">
        <v>13393</v>
      </c>
      <c r="CL27" s="278">
        <v>13393</v>
      </c>
      <c r="CM27" s="273">
        <v>0</v>
      </c>
      <c r="CN27" s="274">
        <v>0</v>
      </c>
      <c r="CO27" s="275">
        <v>0</v>
      </c>
      <c r="CP27" s="276">
        <v>0</v>
      </c>
      <c r="CQ27" s="274">
        <v>0</v>
      </c>
      <c r="CR27" s="274">
        <v>0</v>
      </c>
      <c r="CS27" s="274">
        <v>0</v>
      </c>
      <c r="CT27" s="274">
        <v>0</v>
      </c>
      <c r="CU27" s="274">
        <v>0</v>
      </c>
      <c r="CV27" s="277">
        <v>0</v>
      </c>
      <c r="CW27" s="278">
        <v>0</v>
      </c>
      <c r="CX27" s="273">
        <v>0</v>
      </c>
      <c r="CY27" s="274">
        <v>0</v>
      </c>
      <c r="CZ27" s="275">
        <v>0</v>
      </c>
      <c r="DA27" s="279"/>
      <c r="DB27" s="274">
        <v>0</v>
      </c>
      <c r="DC27" s="274">
        <v>0</v>
      </c>
      <c r="DD27" s="274">
        <v>0</v>
      </c>
      <c r="DE27" s="274">
        <v>0</v>
      </c>
      <c r="DF27" s="274">
        <v>0</v>
      </c>
      <c r="DG27" s="277">
        <v>0</v>
      </c>
      <c r="DH27" s="278">
        <v>0</v>
      </c>
      <c r="DI27" s="273">
        <v>0</v>
      </c>
      <c r="DJ27" s="274">
        <v>5130</v>
      </c>
      <c r="DK27" s="275">
        <v>5130</v>
      </c>
      <c r="DL27" s="276">
        <v>0</v>
      </c>
      <c r="DM27" s="274">
        <v>7585</v>
      </c>
      <c r="DN27" s="274">
        <v>10732</v>
      </c>
      <c r="DO27" s="274">
        <v>364025</v>
      </c>
      <c r="DP27" s="274">
        <v>789828</v>
      </c>
      <c r="DQ27" s="274">
        <v>450239</v>
      </c>
      <c r="DR27" s="277">
        <v>1622409</v>
      </c>
      <c r="DS27" s="280">
        <v>1627539</v>
      </c>
      <c r="DT27" s="273">
        <v>0</v>
      </c>
      <c r="DU27" s="274">
        <v>0</v>
      </c>
      <c r="DV27" s="275">
        <v>0</v>
      </c>
      <c r="DW27" s="279"/>
      <c r="DX27" s="274">
        <v>0</v>
      </c>
      <c r="DY27" s="274">
        <v>0</v>
      </c>
      <c r="DZ27" s="274">
        <v>261215</v>
      </c>
      <c r="EA27" s="274">
        <v>727638</v>
      </c>
      <c r="EB27" s="274">
        <v>412098</v>
      </c>
      <c r="EC27" s="277">
        <v>1400951</v>
      </c>
      <c r="ED27" s="278">
        <v>1400951</v>
      </c>
      <c r="EE27" s="273">
        <v>0</v>
      </c>
      <c r="EF27" s="274">
        <v>0</v>
      </c>
      <c r="EG27" s="275">
        <v>0</v>
      </c>
      <c r="EH27" s="279"/>
      <c r="EI27" s="274">
        <v>504</v>
      </c>
      <c r="EJ27" s="274">
        <v>210</v>
      </c>
      <c r="EK27" s="274">
        <v>42600</v>
      </c>
      <c r="EL27" s="274">
        <v>33737</v>
      </c>
      <c r="EM27" s="274">
        <v>23327</v>
      </c>
      <c r="EN27" s="277">
        <v>100378</v>
      </c>
      <c r="EO27" s="278">
        <v>100378</v>
      </c>
      <c r="EP27" s="273">
        <v>0</v>
      </c>
      <c r="EQ27" s="274">
        <v>0</v>
      </c>
      <c r="ER27" s="275">
        <v>0</v>
      </c>
      <c r="ES27" s="279"/>
      <c r="ET27" s="274">
        <v>0</v>
      </c>
      <c r="EU27" s="274">
        <v>0</v>
      </c>
      <c r="EV27" s="274">
        <v>0</v>
      </c>
      <c r="EW27" s="274">
        <v>0</v>
      </c>
      <c r="EX27" s="274">
        <v>0</v>
      </c>
      <c r="EY27" s="277">
        <v>0</v>
      </c>
      <c r="EZ27" s="278">
        <v>0</v>
      </c>
      <c r="FA27" s="273">
        <v>0</v>
      </c>
      <c r="FB27" s="274">
        <v>0</v>
      </c>
      <c r="FC27" s="275">
        <v>0</v>
      </c>
      <c r="FD27" s="279"/>
      <c r="FE27" s="274">
        <v>0</v>
      </c>
      <c r="FF27" s="274">
        <v>0</v>
      </c>
      <c r="FG27" s="274">
        <v>0</v>
      </c>
      <c r="FH27" s="274">
        <v>0</v>
      </c>
      <c r="FI27" s="274">
        <v>0</v>
      </c>
      <c r="FJ27" s="277">
        <v>0</v>
      </c>
      <c r="FK27" s="278">
        <v>0</v>
      </c>
      <c r="FL27" s="273">
        <v>0</v>
      </c>
      <c r="FM27" s="274">
        <v>0</v>
      </c>
      <c r="FN27" s="275">
        <v>0</v>
      </c>
      <c r="FO27" s="279"/>
      <c r="FP27" s="274">
        <v>0</v>
      </c>
      <c r="FQ27" s="274">
        <v>0</v>
      </c>
      <c r="FR27" s="274">
        <v>0</v>
      </c>
      <c r="FS27" s="274">
        <v>0</v>
      </c>
      <c r="FT27" s="274">
        <v>0</v>
      </c>
      <c r="FU27" s="277">
        <v>0</v>
      </c>
      <c r="FV27" s="278">
        <v>0</v>
      </c>
      <c r="FW27" s="273">
        <v>0</v>
      </c>
      <c r="FX27" s="274">
        <v>5130</v>
      </c>
      <c r="FY27" s="275">
        <v>5130</v>
      </c>
      <c r="FZ27" s="276">
        <v>0</v>
      </c>
      <c r="GA27" s="274">
        <v>7039</v>
      </c>
      <c r="GB27" s="274">
        <v>10522</v>
      </c>
      <c r="GC27" s="274">
        <v>60140</v>
      </c>
      <c r="GD27" s="274">
        <v>28453</v>
      </c>
      <c r="GE27" s="274">
        <v>14737</v>
      </c>
      <c r="GF27" s="277">
        <v>120891</v>
      </c>
      <c r="GG27" s="278">
        <v>126021</v>
      </c>
      <c r="GH27" s="273">
        <v>0</v>
      </c>
      <c r="GI27" s="274">
        <v>0</v>
      </c>
      <c r="GJ27" s="275">
        <v>0</v>
      </c>
      <c r="GK27" s="276">
        <v>0</v>
      </c>
      <c r="GL27" s="274">
        <v>42</v>
      </c>
      <c r="GM27" s="274">
        <v>0</v>
      </c>
      <c r="GN27" s="274">
        <v>70</v>
      </c>
      <c r="GO27" s="274">
        <v>0</v>
      </c>
      <c r="GP27" s="274">
        <v>77</v>
      </c>
      <c r="GQ27" s="277">
        <v>189</v>
      </c>
      <c r="GR27" s="278">
        <v>189</v>
      </c>
      <c r="GS27" s="273">
        <v>0</v>
      </c>
      <c r="GT27" s="274">
        <v>0</v>
      </c>
      <c r="GU27" s="275">
        <v>0</v>
      </c>
      <c r="GV27" s="276">
        <v>0</v>
      </c>
      <c r="GW27" s="274">
        <v>0</v>
      </c>
      <c r="GX27" s="274">
        <v>0</v>
      </c>
      <c r="GY27" s="274">
        <v>0</v>
      </c>
      <c r="GZ27" s="274">
        <v>0</v>
      </c>
      <c r="HA27" s="274">
        <v>0</v>
      </c>
      <c r="HB27" s="277">
        <v>0</v>
      </c>
      <c r="HC27" s="278">
        <v>0</v>
      </c>
      <c r="HD27" s="273">
        <v>0</v>
      </c>
      <c r="HE27" s="274">
        <v>0</v>
      </c>
      <c r="HF27" s="275">
        <v>0</v>
      </c>
      <c r="HG27" s="279"/>
      <c r="HH27" s="274">
        <v>0</v>
      </c>
      <c r="HI27" s="274">
        <v>0</v>
      </c>
      <c r="HJ27" s="274">
        <v>0</v>
      </c>
      <c r="HK27" s="274">
        <v>0</v>
      </c>
      <c r="HL27" s="274">
        <v>0</v>
      </c>
      <c r="HM27" s="277">
        <v>0</v>
      </c>
      <c r="HN27" s="278">
        <v>0</v>
      </c>
      <c r="HO27" s="273">
        <v>0</v>
      </c>
      <c r="HP27" s="274">
        <v>12000</v>
      </c>
      <c r="HQ27" s="275">
        <v>12000</v>
      </c>
      <c r="HR27" s="276">
        <v>0</v>
      </c>
      <c r="HS27" s="274">
        <v>49463</v>
      </c>
      <c r="HT27" s="274">
        <v>20097</v>
      </c>
      <c r="HU27" s="274">
        <v>660445</v>
      </c>
      <c r="HV27" s="274">
        <v>1579833</v>
      </c>
      <c r="HW27" s="274">
        <v>796804</v>
      </c>
      <c r="HX27" s="277">
        <v>3106642</v>
      </c>
      <c r="HY27" s="278">
        <v>3118642</v>
      </c>
    </row>
    <row r="28" spans="2:233" ht="21" customHeight="1" x14ac:dyDescent="0.2">
      <c r="B28" s="472" t="s">
        <v>25</v>
      </c>
      <c r="C28" s="273">
        <v>0</v>
      </c>
      <c r="D28" s="274">
        <v>0</v>
      </c>
      <c r="E28" s="275">
        <v>0</v>
      </c>
      <c r="F28" s="276">
        <v>0</v>
      </c>
      <c r="G28" s="274">
        <v>43790</v>
      </c>
      <c r="H28" s="274">
        <v>122103</v>
      </c>
      <c r="I28" s="274">
        <v>530514</v>
      </c>
      <c r="J28" s="274">
        <v>648242</v>
      </c>
      <c r="K28" s="274">
        <v>546400</v>
      </c>
      <c r="L28" s="277">
        <v>1891049</v>
      </c>
      <c r="M28" s="278">
        <v>1891049</v>
      </c>
      <c r="N28" s="273">
        <v>0</v>
      </c>
      <c r="O28" s="274">
        <v>0</v>
      </c>
      <c r="P28" s="275">
        <v>0</v>
      </c>
      <c r="Q28" s="279"/>
      <c r="R28" s="274">
        <v>2380</v>
      </c>
      <c r="S28" s="274">
        <v>5100</v>
      </c>
      <c r="T28" s="274">
        <v>407595</v>
      </c>
      <c r="U28" s="274">
        <v>440605</v>
      </c>
      <c r="V28" s="274">
        <v>438060</v>
      </c>
      <c r="W28" s="277">
        <v>1293740</v>
      </c>
      <c r="X28" s="278">
        <v>1293740</v>
      </c>
      <c r="Y28" s="273">
        <v>0</v>
      </c>
      <c r="Z28" s="274">
        <v>0</v>
      </c>
      <c r="AA28" s="275">
        <v>0</v>
      </c>
      <c r="AB28" s="279"/>
      <c r="AC28" s="274">
        <v>34200</v>
      </c>
      <c r="AD28" s="274">
        <v>103260</v>
      </c>
      <c r="AE28" s="274">
        <v>74955</v>
      </c>
      <c r="AF28" s="274">
        <v>195000</v>
      </c>
      <c r="AG28" s="274">
        <v>72340</v>
      </c>
      <c r="AH28" s="277">
        <v>479755</v>
      </c>
      <c r="AI28" s="278">
        <v>479755</v>
      </c>
      <c r="AJ28" s="273">
        <v>0</v>
      </c>
      <c r="AK28" s="274">
        <v>0</v>
      </c>
      <c r="AL28" s="275">
        <v>0</v>
      </c>
      <c r="AM28" s="279"/>
      <c r="AN28" s="274">
        <v>0</v>
      </c>
      <c r="AO28" s="274">
        <v>0</v>
      </c>
      <c r="AP28" s="274">
        <v>0</v>
      </c>
      <c r="AQ28" s="274">
        <v>0</v>
      </c>
      <c r="AR28" s="274">
        <v>0</v>
      </c>
      <c r="AS28" s="277">
        <v>0</v>
      </c>
      <c r="AT28" s="278">
        <v>0</v>
      </c>
      <c r="AU28" s="273">
        <v>0</v>
      </c>
      <c r="AV28" s="274">
        <v>0</v>
      </c>
      <c r="AW28" s="275">
        <v>0</v>
      </c>
      <c r="AX28" s="279"/>
      <c r="AY28" s="274">
        <v>0</v>
      </c>
      <c r="AZ28" s="274">
        <v>0</v>
      </c>
      <c r="BA28" s="274">
        <v>0</v>
      </c>
      <c r="BB28" s="274">
        <v>0</v>
      </c>
      <c r="BC28" s="274">
        <v>31650</v>
      </c>
      <c r="BD28" s="277">
        <v>31650</v>
      </c>
      <c r="BE28" s="278">
        <v>31650</v>
      </c>
      <c r="BF28" s="273">
        <v>0</v>
      </c>
      <c r="BG28" s="274">
        <v>0</v>
      </c>
      <c r="BH28" s="275">
        <v>0</v>
      </c>
      <c r="BI28" s="279"/>
      <c r="BJ28" s="274">
        <v>0</v>
      </c>
      <c r="BK28" s="274">
        <v>0</v>
      </c>
      <c r="BL28" s="274">
        <v>0</v>
      </c>
      <c r="BM28" s="274">
        <v>0</v>
      </c>
      <c r="BN28" s="274">
        <v>0</v>
      </c>
      <c r="BO28" s="277">
        <v>0</v>
      </c>
      <c r="BP28" s="278">
        <v>0</v>
      </c>
      <c r="BQ28" s="273">
        <v>0</v>
      </c>
      <c r="BR28" s="274">
        <v>0</v>
      </c>
      <c r="BS28" s="275">
        <v>0</v>
      </c>
      <c r="BT28" s="276">
        <v>0</v>
      </c>
      <c r="BU28" s="274">
        <v>7210</v>
      </c>
      <c r="BV28" s="274">
        <v>7978</v>
      </c>
      <c r="BW28" s="274">
        <v>46764</v>
      </c>
      <c r="BX28" s="274">
        <v>12637</v>
      </c>
      <c r="BY28" s="274">
        <v>4350</v>
      </c>
      <c r="BZ28" s="277">
        <v>78939</v>
      </c>
      <c r="CA28" s="278">
        <v>78939</v>
      </c>
      <c r="CB28" s="273">
        <v>0</v>
      </c>
      <c r="CC28" s="274">
        <v>0</v>
      </c>
      <c r="CD28" s="275">
        <v>0</v>
      </c>
      <c r="CE28" s="276">
        <v>0</v>
      </c>
      <c r="CF28" s="274">
        <v>0</v>
      </c>
      <c r="CG28" s="274">
        <v>5765</v>
      </c>
      <c r="CH28" s="274">
        <v>1200</v>
      </c>
      <c r="CI28" s="274">
        <v>0</v>
      </c>
      <c r="CJ28" s="274">
        <v>0</v>
      </c>
      <c r="CK28" s="277">
        <v>6965</v>
      </c>
      <c r="CL28" s="278">
        <v>6965</v>
      </c>
      <c r="CM28" s="273">
        <v>0</v>
      </c>
      <c r="CN28" s="274">
        <v>0</v>
      </c>
      <c r="CO28" s="275">
        <v>0</v>
      </c>
      <c r="CP28" s="276">
        <v>0</v>
      </c>
      <c r="CQ28" s="274">
        <v>0</v>
      </c>
      <c r="CR28" s="274">
        <v>0</v>
      </c>
      <c r="CS28" s="274">
        <v>0</v>
      </c>
      <c r="CT28" s="274">
        <v>0</v>
      </c>
      <c r="CU28" s="274">
        <v>0</v>
      </c>
      <c r="CV28" s="277">
        <v>0</v>
      </c>
      <c r="CW28" s="278">
        <v>0</v>
      </c>
      <c r="CX28" s="273">
        <v>0</v>
      </c>
      <c r="CY28" s="274">
        <v>0</v>
      </c>
      <c r="CZ28" s="275">
        <v>0</v>
      </c>
      <c r="DA28" s="279"/>
      <c r="DB28" s="274">
        <v>0</v>
      </c>
      <c r="DC28" s="274">
        <v>0</v>
      </c>
      <c r="DD28" s="274">
        <v>0</v>
      </c>
      <c r="DE28" s="274">
        <v>0</v>
      </c>
      <c r="DF28" s="274">
        <v>0</v>
      </c>
      <c r="DG28" s="277">
        <v>0</v>
      </c>
      <c r="DH28" s="278">
        <v>0</v>
      </c>
      <c r="DI28" s="273">
        <v>0</v>
      </c>
      <c r="DJ28" s="274">
        <v>0</v>
      </c>
      <c r="DK28" s="275">
        <v>0</v>
      </c>
      <c r="DL28" s="276">
        <v>0</v>
      </c>
      <c r="DM28" s="274">
        <v>20032</v>
      </c>
      <c r="DN28" s="274">
        <v>77781</v>
      </c>
      <c r="DO28" s="274">
        <v>604067</v>
      </c>
      <c r="DP28" s="274">
        <v>750336</v>
      </c>
      <c r="DQ28" s="274">
        <v>432295</v>
      </c>
      <c r="DR28" s="277">
        <v>1884511</v>
      </c>
      <c r="DS28" s="280">
        <v>1884511</v>
      </c>
      <c r="DT28" s="273">
        <v>0</v>
      </c>
      <c r="DU28" s="274">
        <v>0</v>
      </c>
      <c r="DV28" s="275">
        <v>0</v>
      </c>
      <c r="DW28" s="279"/>
      <c r="DX28" s="274">
        <v>14550</v>
      </c>
      <c r="DY28" s="274">
        <v>35430</v>
      </c>
      <c r="DZ28" s="274">
        <v>533413</v>
      </c>
      <c r="EA28" s="274">
        <v>706740</v>
      </c>
      <c r="EB28" s="274">
        <v>409110</v>
      </c>
      <c r="EC28" s="277">
        <v>1699243</v>
      </c>
      <c r="ED28" s="278">
        <v>1699243</v>
      </c>
      <c r="EE28" s="273">
        <v>0</v>
      </c>
      <c r="EF28" s="274">
        <v>0</v>
      </c>
      <c r="EG28" s="275">
        <v>0</v>
      </c>
      <c r="EH28" s="279"/>
      <c r="EI28" s="274">
        <v>210</v>
      </c>
      <c r="EJ28" s="274">
        <v>23460</v>
      </c>
      <c r="EK28" s="274">
        <v>630</v>
      </c>
      <c r="EL28" s="274">
        <v>23670</v>
      </c>
      <c r="EM28" s="274">
        <v>2095</v>
      </c>
      <c r="EN28" s="277">
        <v>50065</v>
      </c>
      <c r="EO28" s="278">
        <v>50065</v>
      </c>
      <c r="EP28" s="273">
        <v>0</v>
      </c>
      <c r="EQ28" s="274">
        <v>0</v>
      </c>
      <c r="ER28" s="275">
        <v>0</v>
      </c>
      <c r="ES28" s="279"/>
      <c r="ET28" s="274">
        <v>0</v>
      </c>
      <c r="EU28" s="274">
        <v>0</v>
      </c>
      <c r="EV28" s="274">
        <v>0</v>
      </c>
      <c r="EW28" s="274">
        <v>0</v>
      </c>
      <c r="EX28" s="274">
        <v>0</v>
      </c>
      <c r="EY28" s="277">
        <v>0</v>
      </c>
      <c r="EZ28" s="278">
        <v>0</v>
      </c>
      <c r="FA28" s="273">
        <v>0</v>
      </c>
      <c r="FB28" s="274">
        <v>0</v>
      </c>
      <c r="FC28" s="275">
        <v>0</v>
      </c>
      <c r="FD28" s="279"/>
      <c r="FE28" s="274">
        <v>0</v>
      </c>
      <c r="FF28" s="274">
        <v>0</v>
      </c>
      <c r="FG28" s="274">
        <v>0</v>
      </c>
      <c r="FH28" s="274">
        <v>0</v>
      </c>
      <c r="FI28" s="274">
        <v>210</v>
      </c>
      <c r="FJ28" s="277">
        <v>210</v>
      </c>
      <c r="FK28" s="278">
        <v>210</v>
      </c>
      <c r="FL28" s="273">
        <v>0</v>
      </c>
      <c r="FM28" s="274">
        <v>0</v>
      </c>
      <c r="FN28" s="275">
        <v>0</v>
      </c>
      <c r="FO28" s="279"/>
      <c r="FP28" s="274">
        <v>0</v>
      </c>
      <c r="FQ28" s="274">
        <v>0</v>
      </c>
      <c r="FR28" s="274">
        <v>0</v>
      </c>
      <c r="FS28" s="274">
        <v>0</v>
      </c>
      <c r="FT28" s="274">
        <v>0</v>
      </c>
      <c r="FU28" s="277">
        <v>0</v>
      </c>
      <c r="FV28" s="278">
        <v>0</v>
      </c>
      <c r="FW28" s="273">
        <v>0</v>
      </c>
      <c r="FX28" s="274">
        <v>0</v>
      </c>
      <c r="FY28" s="275">
        <v>0</v>
      </c>
      <c r="FZ28" s="276">
        <v>0</v>
      </c>
      <c r="GA28" s="274">
        <v>5272</v>
      </c>
      <c r="GB28" s="274">
        <v>18891</v>
      </c>
      <c r="GC28" s="274">
        <v>69013</v>
      </c>
      <c r="GD28" s="274">
        <v>19926</v>
      </c>
      <c r="GE28" s="274">
        <v>20880</v>
      </c>
      <c r="GF28" s="277">
        <v>133982</v>
      </c>
      <c r="GG28" s="278">
        <v>133982</v>
      </c>
      <c r="GH28" s="273">
        <v>0</v>
      </c>
      <c r="GI28" s="274">
        <v>0</v>
      </c>
      <c r="GJ28" s="275">
        <v>0</v>
      </c>
      <c r="GK28" s="276">
        <v>0</v>
      </c>
      <c r="GL28" s="274">
        <v>0</v>
      </c>
      <c r="GM28" s="274">
        <v>0</v>
      </c>
      <c r="GN28" s="274">
        <v>1011</v>
      </c>
      <c r="GO28" s="274">
        <v>0</v>
      </c>
      <c r="GP28" s="274">
        <v>0</v>
      </c>
      <c r="GQ28" s="277">
        <v>1011</v>
      </c>
      <c r="GR28" s="278">
        <v>1011</v>
      </c>
      <c r="GS28" s="273">
        <v>0</v>
      </c>
      <c r="GT28" s="274">
        <v>0</v>
      </c>
      <c r="GU28" s="275">
        <v>0</v>
      </c>
      <c r="GV28" s="276">
        <v>0</v>
      </c>
      <c r="GW28" s="274">
        <v>0</v>
      </c>
      <c r="GX28" s="274">
        <v>0</v>
      </c>
      <c r="GY28" s="274">
        <v>0</v>
      </c>
      <c r="GZ28" s="274">
        <v>0</v>
      </c>
      <c r="HA28" s="274">
        <v>0</v>
      </c>
      <c r="HB28" s="277">
        <v>0</v>
      </c>
      <c r="HC28" s="278">
        <v>0</v>
      </c>
      <c r="HD28" s="273">
        <v>0</v>
      </c>
      <c r="HE28" s="274">
        <v>0</v>
      </c>
      <c r="HF28" s="275">
        <v>0</v>
      </c>
      <c r="HG28" s="279"/>
      <c r="HH28" s="274">
        <v>0</v>
      </c>
      <c r="HI28" s="274">
        <v>0</v>
      </c>
      <c r="HJ28" s="274">
        <v>0</v>
      </c>
      <c r="HK28" s="274">
        <v>0</v>
      </c>
      <c r="HL28" s="274">
        <v>0</v>
      </c>
      <c r="HM28" s="277">
        <v>0</v>
      </c>
      <c r="HN28" s="278">
        <v>0</v>
      </c>
      <c r="HO28" s="273">
        <v>0</v>
      </c>
      <c r="HP28" s="274">
        <v>0</v>
      </c>
      <c r="HQ28" s="275">
        <v>0</v>
      </c>
      <c r="HR28" s="276">
        <v>0</v>
      </c>
      <c r="HS28" s="274">
        <v>63822</v>
      </c>
      <c r="HT28" s="274">
        <v>199884</v>
      </c>
      <c r="HU28" s="274">
        <v>1134581</v>
      </c>
      <c r="HV28" s="274">
        <v>1398578</v>
      </c>
      <c r="HW28" s="274">
        <v>978695</v>
      </c>
      <c r="HX28" s="277">
        <v>3775560</v>
      </c>
      <c r="HY28" s="278">
        <v>3775560</v>
      </c>
    </row>
    <row r="29" spans="2:233" ht="21" customHeight="1" x14ac:dyDescent="0.2">
      <c r="B29" s="472" t="s">
        <v>26</v>
      </c>
      <c r="C29" s="273">
        <v>0</v>
      </c>
      <c r="D29" s="274">
        <v>0</v>
      </c>
      <c r="E29" s="275">
        <v>0</v>
      </c>
      <c r="F29" s="276">
        <v>0</v>
      </c>
      <c r="G29" s="274">
        <v>36984</v>
      </c>
      <c r="H29" s="274">
        <v>221310</v>
      </c>
      <c r="I29" s="274">
        <v>357288</v>
      </c>
      <c r="J29" s="274">
        <v>712724</v>
      </c>
      <c r="K29" s="274">
        <v>467254</v>
      </c>
      <c r="L29" s="277">
        <v>1795560</v>
      </c>
      <c r="M29" s="278">
        <v>1795560</v>
      </c>
      <c r="N29" s="273">
        <v>0</v>
      </c>
      <c r="O29" s="274">
        <v>0</v>
      </c>
      <c r="P29" s="275">
        <v>0</v>
      </c>
      <c r="Q29" s="279"/>
      <c r="R29" s="274">
        <v>0</v>
      </c>
      <c r="S29" s="274">
        <v>85800</v>
      </c>
      <c r="T29" s="274">
        <v>223200</v>
      </c>
      <c r="U29" s="274">
        <v>441270</v>
      </c>
      <c r="V29" s="274">
        <v>377194</v>
      </c>
      <c r="W29" s="277">
        <v>1127464</v>
      </c>
      <c r="X29" s="278">
        <v>1127464</v>
      </c>
      <c r="Y29" s="273">
        <v>0</v>
      </c>
      <c r="Z29" s="274">
        <v>0</v>
      </c>
      <c r="AA29" s="275">
        <v>0</v>
      </c>
      <c r="AB29" s="279"/>
      <c r="AC29" s="274">
        <v>31650</v>
      </c>
      <c r="AD29" s="274">
        <v>120450</v>
      </c>
      <c r="AE29" s="274">
        <v>107765</v>
      </c>
      <c r="AF29" s="274">
        <v>198120</v>
      </c>
      <c r="AG29" s="274">
        <v>84400</v>
      </c>
      <c r="AH29" s="277">
        <v>542385</v>
      </c>
      <c r="AI29" s="278">
        <v>542385</v>
      </c>
      <c r="AJ29" s="273">
        <v>0</v>
      </c>
      <c r="AK29" s="274">
        <v>0</v>
      </c>
      <c r="AL29" s="275">
        <v>0</v>
      </c>
      <c r="AM29" s="279"/>
      <c r="AN29" s="274">
        <v>0</v>
      </c>
      <c r="AO29" s="274">
        <v>0</v>
      </c>
      <c r="AP29" s="274">
        <v>0</v>
      </c>
      <c r="AQ29" s="274">
        <v>0</v>
      </c>
      <c r="AR29" s="274">
        <v>0</v>
      </c>
      <c r="AS29" s="277">
        <v>0</v>
      </c>
      <c r="AT29" s="278">
        <v>0</v>
      </c>
      <c r="AU29" s="273">
        <v>0</v>
      </c>
      <c r="AV29" s="274">
        <v>0</v>
      </c>
      <c r="AW29" s="275">
        <v>0</v>
      </c>
      <c r="AX29" s="279"/>
      <c r="AY29" s="274">
        <v>0</v>
      </c>
      <c r="AZ29" s="274">
        <v>0</v>
      </c>
      <c r="BA29" s="274">
        <v>2550</v>
      </c>
      <c r="BB29" s="274">
        <v>0</v>
      </c>
      <c r="BC29" s="274">
        <v>5100</v>
      </c>
      <c r="BD29" s="277">
        <v>7650</v>
      </c>
      <c r="BE29" s="278">
        <v>7650</v>
      </c>
      <c r="BF29" s="273">
        <v>0</v>
      </c>
      <c r="BG29" s="274">
        <v>0</v>
      </c>
      <c r="BH29" s="275">
        <v>0</v>
      </c>
      <c r="BI29" s="279"/>
      <c r="BJ29" s="274">
        <v>0</v>
      </c>
      <c r="BK29" s="274">
        <v>0</v>
      </c>
      <c r="BL29" s="274">
        <v>0</v>
      </c>
      <c r="BM29" s="274">
        <v>0</v>
      </c>
      <c r="BN29" s="274">
        <v>0</v>
      </c>
      <c r="BO29" s="277">
        <v>0</v>
      </c>
      <c r="BP29" s="278">
        <v>0</v>
      </c>
      <c r="BQ29" s="273">
        <v>0</v>
      </c>
      <c r="BR29" s="274">
        <v>0</v>
      </c>
      <c r="BS29" s="275">
        <v>0</v>
      </c>
      <c r="BT29" s="276">
        <v>0</v>
      </c>
      <c r="BU29" s="274">
        <v>5334</v>
      </c>
      <c r="BV29" s="274">
        <v>11060</v>
      </c>
      <c r="BW29" s="274">
        <v>23773</v>
      </c>
      <c r="BX29" s="274">
        <v>72109</v>
      </c>
      <c r="BY29" s="274">
        <v>560</v>
      </c>
      <c r="BZ29" s="277">
        <v>112836</v>
      </c>
      <c r="CA29" s="278">
        <v>112836</v>
      </c>
      <c r="CB29" s="273">
        <v>0</v>
      </c>
      <c r="CC29" s="274">
        <v>0</v>
      </c>
      <c r="CD29" s="275">
        <v>0</v>
      </c>
      <c r="CE29" s="276">
        <v>0</v>
      </c>
      <c r="CF29" s="274">
        <v>0</v>
      </c>
      <c r="CG29" s="274">
        <v>4000</v>
      </c>
      <c r="CH29" s="274">
        <v>0</v>
      </c>
      <c r="CI29" s="274">
        <v>1225</v>
      </c>
      <c r="CJ29" s="274">
        <v>0</v>
      </c>
      <c r="CK29" s="277">
        <v>5225</v>
      </c>
      <c r="CL29" s="278">
        <v>5225</v>
      </c>
      <c r="CM29" s="273">
        <v>0</v>
      </c>
      <c r="CN29" s="274">
        <v>0</v>
      </c>
      <c r="CO29" s="275">
        <v>0</v>
      </c>
      <c r="CP29" s="276">
        <v>0</v>
      </c>
      <c r="CQ29" s="274">
        <v>0</v>
      </c>
      <c r="CR29" s="274">
        <v>0</v>
      </c>
      <c r="CS29" s="274">
        <v>0</v>
      </c>
      <c r="CT29" s="274">
        <v>0</v>
      </c>
      <c r="CU29" s="274">
        <v>0</v>
      </c>
      <c r="CV29" s="277">
        <v>0</v>
      </c>
      <c r="CW29" s="278">
        <v>0</v>
      </c>
      <c r="CX29" s="273">
        <v>0</v>
      </c>
      <c r="CY29" s="274">
        <v>0</v>
      </c>
      <c r="CZ29" s="275">
        <v>0</v>
      </c>
      <c r="DA29" s="279"/>
      <c r="DB29" s="274">
        <v>0</v>
      </c>
      <c r="DC29" s="274">
        <v>0</v>
      </c>
      <c r="DD29" s="274">
        <v>0</v>
      </c>
      <c r="DE29" s="274">
        <v>0</v>
      </c>
      <c r="DF29" s="274">
        <v>0</v>
      </c>
      <c r="DG29" s="277">
        <v>0</v>
      </c>
      <c r="DH29" s="278">
        <v>0</v>
      </c>
      <c r="DI29" s="273">
        <v>0</v>
      </c>
      <c r="DJ29" s="274">
        <v>0</v>
      </c>
      <c r="DK29" s="275">
        <v>0</v>
      </c>
      <c r="DL29" s="276">
        <v>0</v>
      </c>
      <c r="DM29" s="274">
        <v>16281</v>
      </c>
      <c r="DN29" s="274">
        <v>167456</v>
      </c>
      <c r="DO29" s="274">
        <v>347370</v>
      </c>
      <c r="DP29" s="274">
        <v>651549</v>
      </c>
      <c r="DQ29" s="274">
        <v>505580</v>
      </c>
      <c r="DR29" s="277">
        <v>1688236</v>
      </c>
      <c r="DS29" s="280">
        <v>1688236</v>
      </c>
      <c r="DT29" s="273">
        <v>0</v>
      </c>
      <c r="DU29" s="274">
        <v>0</v>
      </c>
      <c r="DV29" s="275">
        <v>0</v>
      </c>
      <c r="DW29" s="279"/>
      <c r="DX29" s="274">
        <v>0</v>
      </c>
      <c r="DY29" s="274">
        <v>110760</v>
      </c>
      <c r="DZ29" s="274">
        <v>319440</v>
      </c>
      <c r="EA29" s="274">
        <v>549090</v>
      </c>
      <c r="EB29" s="274">
        <v>481998</v>
      </c>
      <c r="EC29" s="277">
        <v>1461288</v>
      </c>
      <c r="ED29" s="278">
        <v>1461288</v>
      </c>
      <c r="EE29" s="273">
        <v>0</v>
      </c>
      <c r="EF29" s="274">
        <v>0</v>
      </c>
      <c r="EG29" s="275">
        <v>0</v>
      </c>
      <c r="EH29" s="279"/>
      <c r="EI29" s="274">
        <v>210</v>
      </c>
      <c r="EJ29" s="274">
        <v>33930</v>
      </c>
      <c r="EK29" s="274">
        <v>12570</v>
      </c>
      <c r="EL29" s="274">
        <v>47952</v>
      </c>
      <c r="EM29" s="274">
        <v>696</v>
      </c>
      <c r="EN29" s="277">
        <v>95358</v>
      </c>
      <c r="EO29" s="278">
        <v>95358</v>
      </c>
      <c r="EP29" s="273">
        <v>0</v>
      </c>
      <c r="EQ29" s="274">
        <v>0</v>
      </c>
      <c r="ER29" s="275">
        <v>0</v>
      </c>
      <c r="ES29" s="279"/>
      <c r="ET29" s="274">
        <v>0</v>
      </c>
      <c r="EU29" s="274">
        <v>0</v>
      </c>
      <c r="EV29" s="274">
        <v>0</v>
      </c>
      <c r="EW29" s="274">
        <v>0</v>
      </c>
      <c r="EX29" s="274">
        <v>0</v>
      </c>
      <c r="EY29" s="277">
        <v>0</v>
      </c>
      <c r="EZ29" s="278">
        <v>0</v>
      </c>
      <c r="FA29" s="273">
        <v>0</v>
      </c>
      <c r="FB29" s="274">
        <v>0</v>
      </c>
      <c r="FC29" s="275">
        <v>0</v>
      </c>
      <c r="FD29" s="279"/>
      <c r="FE29" s="274">
        <v>0</v>
      </c>
      <c r="FF29" s="274">
        <v>0</v>
      </c>
      <c r="FG29" s="274">
        <v>210</v>
      </c>
      <c r="FH29" s="274">
        <v>0</v>
      </c>
      <c r="FI29" s="274">
        <v>420</v>
      </c>
      <c r="FJ29" s="277">
        <v>630</v>
      </c>
      <c r="FK29" s="278">
        <v>630</v>
      </c>
      <c r="FL29" s="273">
        <v>0</v>
      </c>
      <c r="FM29" s="274">
        <v>0</v>
      </c>
      <c r="FN29" s="275">
        <v>0</v>
      </c>
      <c r="FO29" s="279"/>
      <c r="FP29" s="274">
        <v>0</v>
      </c>
      <c r="FQ29" s="274">
        <v>0</v>
      </c>
      <c r="FR29" s="274">
        <v>0</v>
      </c>
      <c r="FS29" s="274">
        <v>0</v>
      </c>
      <c r="FT29" s="274">
        <v>0</v>
      </c>
      <c r="FU29" s="277">
        <v>0</v>
      </c>
      <c r="FV29" s="278">
        <v>0</v>
      </c>
      <c r="FW29" s="273">
        <v>0</v>
      </c>
      <c r="FX29" s="274">
        <v>0</v>
      </c>
      <c r="FY29" s="275">
        <v>0</v>
      </c>
      <c r="FZ29" s="276">
        <v>0</v>
      </c>
      <c r="GA29" s="274">
        <v>16071</v>
      </c>
      <c r="GB29" s="274">
        <v>22717</v>
      </c>
      <c r="GC29" s="274">
        <v>15150</v>
      </c>
      <c r="GD29" s="274">
        <v>54409</v>
      </c>
      <c r="GE29" s="274">
        <v>22466</v>
      </c>
      <c r="GF29" s="277">
        <v>130813</v>
      </c>
      <c r="GG29" s="278">
        <v>130813</v>
      </c>
      <c r="GH29" s="273">
        <v>0</v>
      </c>
      <c r="GI29" s="274">
        <v>0</v>
      </c>
      <c r="GJ29" s="275">
        <v>0</v>
      </c>
      <c r="GK29" s="276">
        <v>0</v>
      </c>
      <c r="GL29" s="274">
        <v>0</v>
      </c>
      <c r="GM29" s="274">
        <v>49</v>
      </c>
      <c r="GN29" s="274">
        <v>0</v>
      </c>
      <c r="GO29" s="274">
        <v>98</v>
      </c>
      <c r="GP29" s="274">
        <v>0</v>
      </c>
      <c r="GQ29" s="277">
        <v>147</v>
      </c>
      <c r="GR29" s="278">
        <v>147</v>
      </c>
      <c r="GS29" s="273">
        <v>0</v>
      </c>
      <c r="GT29" s="274">
        <v>0</v>
      </c>
      <c r="GU29" s="275">
        <v>0</v>
      </c>
      <c r="GV29" s="276">
        <v>0</v>
      </c>
      <c r="GW29" s="274">
        <v>0</v>
      </c>
      <c r="GX29" s="274">
        <v>0</v>
      </c>
      <c r="GY29" s="274">
        <v>0</v>
      </c>
      <c r="GZ29" s="274">
        <v>0</v>
      </c>
      <c r="HA29" s="274">
        <v>0</v>
      </c>
      <c r="HB29" s="277">
        <v>0</v>
      </c>
      <c r="HC29" s="278">
        <v>0</v>
      </c>
      <c r="HD29" s="273">
        <v>0</v>
      </c>
      <c r="HE29" s="274">
        <v>0</v>
      </c>
      <c r="HF29" s="275">
        <v>0</v>
      </c>
      <c r="HG29" s="279"/>
      <c r="HH29" s="274">
        <v>0</v>
      </c>
      <c r="HI29" s="274">
        <v>0</v>
      </c>
      <c r="HJ29" s="274">
        <v>0</v>
      </c>
      <c r="HK29" s="274">
        <v>0</v>
      </c>
      <c r="HL29" s="274">
        <v>0</v>
      </c>
      <c r="HM29" s="277">
        <v>0</v>
      </c>
      <c r="HN29" s="278">
        <v>0</v>
      </c>
      <c r="HO29" s="273">
        <v>0</v>
      </c>
      <c r="HP29" s="274">
        <v>0</v>
      </c>
      <c r="HQ29" s="275">
        <v>0</v>
      </c>
      <c r="HR29" s="276">
        <v>0</v>
      </c>
      <c r="HS29" s="274">
        <v>53265</v>
      </c>
      <c r="HT29" s="274">
        <v>388766</v>
      </c>
      <c r="HU29" s="274">
        <v>704658</v>
      </c>
      <c r="HV29" s="274">
        <v>1364273</v>
      </c>
      <c r="HW29" s="274">
        <v>972834</v>
      </c>
      <c r="HX29" s="277">
        <v>3483796</v>
      </c>
      <c r="HY29" s="278">
        <v>3483796</v>
      </c>
    </row>
    <row r="30" spans="2:233" ht="21" customHeight="1" x14ac:dyDescent="0.2">
      <c r="B30" s="472" t="s">
        <v>27</v>
      </c>
      <c r="C30" s="273">
        <v>0</v>
      </c>
      <c r="D30" s="274">
        <v>2080</v>
      </c>
      <c r="E30" s="275">
        <v>2080</v>
      </c>
      <c r="F30" s="276">
        <v>0</v>
      </c>
      <c r="G30" s="274">
        <v>71987</v>
      </c>
      <c r="H30" s="274">
        <v>118988</v>
      </c>
      <c r="I30" s="274">
        <v>513930</v>
      </c>
      <c r="J30" s="274">
        <v>737500</v>
      </c>
      <c r="K30" s="274">
        <v>425515</v>
      </c>
      <c r="L30" s="277">
        <v>1867920</v>
      </c>
      <c r="M30" s="278">
        <v>1870000</v>
      </c>
      <c r="N30" s="273">
        <v>0</v>
      </c>
      <c r="O30" s="274">
        <v>0</v>
      </c>
      <c r="P30" s="275">
        <v>0</v>
      </c>
      <c r="Q30" s="279"/>
      <c r="R30" s="274">
        <v>34200</v>
      </c>
      <c r="S30" s="274">
        <v>31650</v>
      </c>
      <c r="T30" s="274">
        <v>316190</v>
      </c>
      <c r="U30" s="274">
        <v>567870</v>
      </c>
      <c r="V30" s="274">
        <v>383665</v>
      </c>
      <c r="W30" s="277">
        <v>1333575</v>
      </c>
      <c r="X30" s="278">
        <v>1333575</v>
      </c>
      <c r="Y30" s="273">
        <v>0</v>
      </c>
      <c r="Z30" s="274">
        <v>0</v>
      </c>
      <c r="AA30" s="275">
        <v>0</v>
      </c>
      <c r="AB30" s="279"/>
      <c r="AC30" s="274">
        <v>34200</v>
      </c>
      <c r="AD30" s="274">
        <v>84450</v>
      </c>
      <c r="AE30" s="274">
        <v>121200</v>
      </c>
      <c r="AF30" s="274">
        <v>156430</v>
      </c>
      <c r="AG30" s="274">
        <v>39300</v>
      </c>
      <c r="AH30" s="277">
        <v>435580</v>
      </c>
      <c r="AI30" s="278">
        <v>435580</v>
      </c>
      <c r="AJ30" s="273">
        <v>0</v>
      </c>
      <c r="AK30" s="274">
        <v>0</v>
      </c>
      <c r="AL30" s="275">
        <v>0</v>
      </c>
      <c r="AM30" s="279"/>
      <c r="AN30" s="274">
        <v>0</v>
      </c>
      <c r="AO30" s="274">
        <v>0</v>
      </c>
      <c r="AP30" s="274">
        <v>0</v>
      </c>
      <c r="AQ30" s="274">
        <v>0</v>
      </c>
      <c r="AR30" s="274">
        <v>0</v>
      </c>
      <c r="AS30" s="277">
        <v>0</v>
      </c>
      <c r="AT30" s="278">
        <v>0</v>
      </c>
      <c r="AU30" s="273">
        <v>0</v>
      </c>
      <c r="AV30" s="274">
        <v>0</v>
      </c>
      <c r="AW30" s="275">
        <v>0</v>
      </c>
      <c r="AX30" s="279"/>
      <c r="AY30" s="274">
        <v>0</v>
      </c>
      <c r="AZ30" s="274">
        <v>0</v>
      </c>
      <c r="BA30" s="274">
        <v>0</v>
      </c>
      <c r="BB30" s="274">
        <v>0</v>
      </c>
      <c r="BC30" s="274">
        <v>0</v>
      </c>
      <c r="BD30" s="277">
        <v>0</v>
      </c>
      <c r="BE30" s="278">
        <v>0</v>
      </c>
      <c r="BF30" s="273">
        <v>0</v>
      </c>
      <c r="BG30" s="274">
        <v>0</v>
      </c>
      <c r="BH30" s="275">
        <v>0</v>
      </c>
      <c r="BI30" s="279"/>
      <c r="BJ30" s="274">
        <v>0</v>
      </c>
      <c r="BK30" s="274">
        <v>0</v>
      </c>
      <c r="BL30" s="274">
        <v>60600</v>
      </c>
      <c r="BM30" s="274">
        <v>10200</v>
      </c>
      <c r="BN30" s="274">
        <v>2550</v>
      </c>
      <c r="BO30" s="277">
        <v>73350</v>
      </c>
      <c r="BP30" s="278">
        <v>73350</v>
      </c>
      <c r="BQ30" s="273">
        <v>0</v>
      </c>
      <c r="BR30" s="274">
        <v>870</v>
      </c>
      <c r="BS30" s="275">
        <v>870</v>
      </c>
      <c r="BT30" s="276">
        <v>0</v>
      </c>
      <c r="BU30" s="274">
        <v>3587</v>
      </c>
      <c r="BV30" s="274">
        <v>2888</v>
      </c>
      <c r="BW30" s="274">
        <v>15940</v>
      </c>
      <c r="BX30" s="274">
        <v>2660</v>
      </c>
      <c r="BY30" s="274">
        <v>0</v>
      </c>
      <c r="BZ30" s="277">
        <v>25075</v>
      </c>
      <c r="CA30" s="278">
        <v>25945</v>
      </c>
      <c r="CB30" s="273">
        <v>0</v>
      </c>
      <c r="CC30" s="274">
        <v>1210</v>
      </c>
      <c r="CD30" s="275">
        <v>1210</v>
      </c>
      <c r="CE30" s="276">
        <v>0</v>
      </c>
      <c r="CF30" s="274">
        <v>0</v>
      </c>
      <c r="CG30" s="274">
        <v>0</v>
      </c>
      <c r="CH30" s="274">
        <v>0</v>
      </c>
      <c r="CI30" s="274">
        <v>340</v>
      </c>
      <c r="CJ30" s="274">
        <v>0</v>
      </c>
      <c r="CK30" s="277">
        <v>340</v>
      </c>
      <c r="CL30" s="278">
        <v>1550</v>
      </c>
      <c r="CM30" s="273">
        <v>0</v>
      </c>
      <c r="CN30" s="274">
        <v>0</v>
      </c>
      <c r="CO30" s="275">
        <v>0</v>
      </c>
      <c r="CP30" s="276">
        <v>0</v>
      </c>
      <c r="CQ30" s="274">
        <v>0</v>
      </c>
      <c r="CR30" s="274">
        <v>0</v>
      </c>
      <c r="CS30" s="274">
        <v>0</v>
      </c>
      <c r="CT30" s="274">
        <v>0</v>
      </c>
      <c r="CU30" s="274">
        <v>0</v>
      </c>
      <c r="CV30" s="277">
        <v>0</v>
      </c>
      <c r="CW30" s="278">
        <v>0</v>
      </c>
      <c r="CX30" s="273">
        <v>0</v>
      </c>
      <c r="CY30" s="274">
        <v>0</v>
      </c>
      <c r="CZ30" s="275">
        <v>0</v>
      </c>
      <c r="DA30" s="279"/>
      <c r="DB30" s="274">
        <v>0</v>
      </c>
      <c r="DC30" s="274">
        <v>0</v>
      </c>
      <c r="DD30" s="274">
        <v>0</v>
      </c>
      <c r="DE30" s="274">
        <v>0</v>
      </c>
      <c r="DF30" s="274">
        <v>0</v>
      </c>
      <c r="DG30" s="277">
        <v>0</v>
      </c>
      <c r="DH30" s="278">
        <v>0</v>
      </c>
      <c r="DI30" s="273">
        <v>0</v>
      </c>
      <c r="DJ30" s="274">
        <v>6030</v>
      </c>
      <c r="DK30" s="275">
        <v>6030</v>
      </c>
      <c r="DL30" s="276">
        <v>0</v>
      </c>
      <c r="DM30" s="274">
        <v>57845</v>
      </c>
      <c r="DN30" s="274">
        <v>18025</v>
      </c>
      <c r="DO30" s="274">
        <v>483363</v>
      </c>
      <c r="DP30" s="274">
        <v>740731</v>
      </c>
      <c r="DQ30" s="274">
        <v>364435</v>
      </c>
      <c r="DR30" s="277">
        <v>1664399</v>
      </c>
      <c r="DS30" s="280">
        <v>1670429</v>
      </c>
      <c r="DT30" s="273">
        <v>0</v>
      </c>
      <c r="DU30" s="274">
        <v>0</v>
      </c>
      <c r="DV30" s="275">
        <v>0</v>
      </c>
      <c r="DW30" s="279"/>
      <c r="DX30" s="274">
        <v>29100</v>
      </c>
      <c r="DY30" s="274">
        <v>14550</v>
      </c>
      <c r="DZ30" s="274">
        <v>297018</v>
      </c>
      <c r="EA30" s="274">
        <v>606065</v>
      </c>
      <c r="EB30" s="274">
        <v>333025</v>
      </c>
      <c r="EC30" s="277">
        <v>1279758</v>
      </c>
      <c r="ED30" s="278">
        <v>1279758</v>
      </c>
      <c r="EE30" s="273">
        <v>0</v>
      </c>
      <c r="EF30" s="274">
        <v>0</v>
      </c>
      <c r="EG30" s="275">
        <v>0</v>
      </c>
      <c r="EH30" s="279"/>
      <c r="EI30" s="274">
        <v>21090</v>
      </c>
      <c r="EJ30" s="274">
        <v>1050</v>
      </c>
      <c r="EK30" s="274">
        <v>68250</v>
      </c>
      <c r="EL30" s="274">
        <v>45842</v>
      </c>
      <c r="EM30" s="274">
        <v>10530</v>
      </c>
      <c r="EN30" s="277">
        <v>146762</v>
      </c>
      <c r="EO30" s="278">
        <v>146762</v>
      </c>
      <c r="EP30" s="273">
        <v>0</v>
      </c>
      <c r="EQ30" s="274">
        <v>0</v>
      </c>
      <c r="ER30" s="275">
        <v>0</v>
      </c>
      <c r="ES30" s="279"/>
      <c r="ET30" s="274">
        <v>0</v>
      </c>
      <c r="EU30" s="274">
        <v>0</v>
      </c>
      <c r="EV30" s="274">
        <v>0</v>
      </c>
      <c r="EW30" s="274">
        <v>0</v>
      </c>
      <c r="EX30" s="274">
        <v>0</v>
      </c>
      <c r="EY30" s="277">
        <v>0</v>
      </c>
      <c r="EZ30" s="278">
        <v>0</v>
      </c>
      <c r="FA30" s="273">
        <v>0</v>
      </c>
      <c r="FB30" s="274">
        <v>0</v>
      </c>
      <c r="FC30" s="275">
        <v>0</v>
      </c>
      <c r="FD30" s="279"/>
      <c r="FE30" s="274">
        <v>0</v>
      </c>
      <c r="FF30" s="274">
        <v>0</v>
      </c>
      <c r="FG30" s="274">
        <v>0</v>
      </c>
      <c r="FH30" s="274">
        <v>0</v>
      </c>
      <c r="FI30" s="274">
        <v>0</v>
      </c>
      <c r="FJ30" s="277">
        <v>0</v>
      </c>
      <c r="FK30" s="278">
        <v>0</v>
      </c>
      <c r="FL30" s="273">
        <v>0</v>
      </c>
      <c r="FM30" s="274">
        <v>0</v>
      </c>
      <c r="FN30" s="275">
        <v>0</v>
      </c>
      <c r="FO30" s="279"/>
      <c r="FP30" s="274">
        <v>0</v>
      </c>
      <c r="FQ30" s="274">
        <v>0</v>
      </c>
      <c r="FR30" s="274">
        <v>98220</v>
      </c>
      <c r="FS30" s="274">
        <v>83520</v>
      </c>
      <c r="FT30" s="274">
        <v>20880</v>
      </c>
      <c r="FU30" s="277">
        <v>202620</v>
      </c>
      <c r="FV30" s="278">
        <v>202620</v>
      </c>
      <c r="FW30" s="273">
        <v>0</v>
      </c>
      <c r="FX30" s="274">
        <v>2808</v>
      </c>
      <c r="FY30" s="275">
        <v>2808</v>
      </c>
      <c r="FZ30" s="276">
        <v>0</v>
      </c>
      <c r="GA30" s="274">
        <v>7655</v>
      </c>
      <c r="GB30" s="274">
        <v>2425</v>
      </c>
      <c r="GC30" s="274">
        <v>19875</v>
      </c>
      <c r="GD30" s="274">
        <v>4230</v>
      </c>
      <c r="GE30" s="274">
        <v>0</v>
      </c>
      <c r="GF30" s="277">
        <v>34185</v>
      </c>
      <c r="GG30" s="278">
        <v>36993</v>
      </c>
      <c r="GH30" s="273">
        <v>0</v>
      </c>
      <c r="GI30" s="274">
        <v>3222</v>
      </c>
      <c r="GJ30" s="275">
        <v>3222</v>
      </c>
      <c r="GK30" s="276">
        <v>0</v>
      </c>
      <c r="GL30" s="274">
        <v>0</v>
      </c>
      <c r="GM30" s="274">
        <v>0</v>
      </c>
      <c r="GN30" s="274">
        <v>0</v>
      </c>
      <c r="GO30" s="274">
        <v>1074</v>
      </c>
      <c r="GP30" s="274">
        <v>0</v>
      </c>
      <c r="GQ30" s="277">
        <v>1074</v>
      </c>
      <c r="GR30" s="278">
        <v>4296</v>
      </c>
      <c r="GS30" s="273">
        <v>0</v>
      </c>
      <c r="GT30" s="274">
        <v>0</v>
      </c>
      <c r="GU30" s="275">
        <v>0</v>
      </c>
      <c r="GV30" s="276">
        <v>0</v>
      </c>
      <c r="GW30" s="274">
        <v>0</v>
      </c>
      <c r="GX30" s="274">
        <v>0</v>
      </c>
      <c r="GY30" s="274">
        <v>0</v>
      </c>
      <c r="GZ30" s="274">
        <v>0</v>
      </c>
      <c r="HA30" s="274">
        <v>0</v>
      </c>
      <c r="HB30" s="277">
        <v>0</v>
      </c>
      <c r="HC30" s="278">
        <v>0</v>
      </c>
      <c r="HD30" s="273">
        <v>0</v>
      </c>
      <c r="HE30" s="274">
        <v>0</v>
      </c>
      <c r="HF30" s="275">
        <v>0</v>
      </c>
      <c r="HG30" s="279"/>
      <c r="HH30" s="274">
        <v>0</v>
      </c>
      <c r="HI30" s="274">
        <v>0</v>
      </c>
      <c r="HJ30" s="274">
        <v>0</v>
      </c>
      <c r="HK30" s="274">
        <v>0</v>
      </c>
      <c r="HL30" s="274">
        <v>0</v>
      </c>
      <c r="HM30" s="277">
        <v>0</v>
      </c>
      <c r="HN30" s="278">
        <v>0</v>
      </c>
      <c r="HO30" s="273">
        <v>0</v>
      </c>
      <c r="HP30" s="274">
        <v>8110</v>
      </c>
      <c r="HQ30" s="275">
        <v>8110</v>
      </c>
      <c r="HR30" s="276">
        <v>0</v>
      </c>
      <c r="HS30" s="274">
        <v>129832</v>
      </c>
      <c r="HT30" s="274">
        <v>137013</v>
      </c>
      <c r="HU30" s="274">
        <v>997293</v>
      </c>
      <c r="HV30" s="274">
        <v>1478231</v>
      </c>
      <c r="HW30" s="274">
        <v>789950</v>
      </c>
      <c r="HX30" s="277">
        <v>3532319</v>
      </c>
      <c r="HY30" s="278">
        <v>3540429</v>
      </c>
    </row>
    <row r="31" spans="2:233" ht="21" customHeight="1" x14ac:dyDescent="0.2">
      <c r="B31" s="472" t="s">
        <v>28</v>
      </c>
      <c r="C31" s="273">
        <v>0</v>
      </c>
      <c r="D31" s="274">
        <v>0</v>
      </c>
      <c r="E31" s="275">
        <v>0</v>
      </c>
      <c r="F31" s="276">
        <v>0</v>
      </c>
      <c r="G31" s="274">
        <v>23850</v>
      </c>
      <c r="H31" s="274">
        <v>53550</v>
      </c>
      <c r="I31" s="274">
        <v>287760</v>
      </c>
      <c r="J31" s="274">
        <v>115470</v>
      </c>
      <c r="K31" s="274">
        <v>74860</v>
      </c>
      <c r="L31" s="277">
        <v>555490</v>
      </c>
      <c r="M31" s="278">
        <v>555490</v>
      </c>
      <c r="N31" s="273">
        <v>0</v>
      </c>
      <c r="O31" s="274">
        <v>0</v>
      </c>
      <c r="P31" s="275">
        <v>0</v>
      </c>
      <c r="Q31" s="279"/>
      <c r="R31" s="274">
        <v>0</v>
      </c>
      <c r="S31" s="274">
        <v>29700</v>
      </c>
      <c r="T31" s="274">
        <v>229710</v>
      </c>
      <c r="U31" s="274">
        <v>102370</v>
      </c>
      <c r="V31" s="274">
        <v>74860</v>
      </c>
      <c r="W31" s="277">
        <v>436640</v>
      </c>
      <c r="X31" s="278">
        <v>436640</v>
      </c>
      <c r="Y31" s="273">
        <v>0</v>
      </c>
      <c r="Z31" s="274">
        <v>0</v>
      </c>
      <c r="AA31" s="275">
        <v>0</v>
      </c>
      <c r="AB31" s="279"/>
      <c r="AC31" s="274">
        <v>23850</v>
      </c>
      <c r="AD31" s="274">
        <v>23850</v>
      </c>
      <c r="AE31" s="274">
        <v>58050</v>
      </c>
      <c r="AF31" s="274">
        <v>13100</v>
      </c>
      <c r="AG31" s="274">
        <v>0</v>
      </c>
      <c r="AH31" s="277">
        <v>118850</v>
      </c>
      <c r="AI31" s="278">
        <v>118850</v>
      </c>
      <c r="AJ31" s="273">
        <v>0</v>
      </c>
      <c r="AK31" s="274">
        <v>0</v>
      </c>
      <c r="AL31" s="275">
        <v>0</v>
      </c>
      <c r="AM31" s="279"/>
      <c r="AN31" s="274">
        <v>0</v>
      </c>
      <c r="AO31" s="274">
        <v>0</v>
      </c>
      <c r="AP31" s="274">
        <v>0</v>
      </c>
      <c r="AQ31" s="274">
        <v>0</v>
      </c>
      <c r="AR31" s="274">
        <v>0</v>
      </c>
      <c r="AS31" s="277">
        <v>0</v>
      </c>
      <c r="AT31" s="278">
        <v>0</v>
      </c>
      <c r="AU31" s="273">
        <v>0</v>
      </c>
      <c r="AV31" s="274">
        <v>0</v>
      </c>
      <c r="AW31" s="275">
        <v>0</v>
      </c>
      <c r="AX31" s="279"/>
      <c r="AY31" s="274">
        <v>0</v>
      </c>
      <c r="AZ31" s="274">
        <v>0</v>
      </c>
      <c r="BA31" s="274">
        <v>0</v>
      </c>
      <c r="BB31" s="274">
        <v>0</v>
      </c>
      <c r="BC31" s="274">
        <v>0</v>
      </c>
      <c r="BD31" s="277">
        <v>0</v>
      </c>
      <c r="BE31" s="278">
        <v>0</v>
      </c>
      <c r="BF31" s="273">
        <v>0</v>
      </c>
      <c r="BG31" s="274">
        <v>0</v>
      </c>
      <c r="BH31" s="275">
        <v>0</v>
      </c>
      <c r="BI31" s="279"/>
      <c r="BJ31" s="274">
        <v>0</v>
      </c>
      <c r="BK31" s="274">
        <v>0</v>
      </c>
      <c r="BL31" s="274">
        <v>0</v>
      </c>
      <c r="BM31" s="274">
        <v>0</v>
      </c>
      <c r="BN31" s="274">
        <v>0</v>
      </c>
      <c r="BO31" s="277">
        <v>0</v>
      </c>
      <c r="BP31" s="278">
        <v>0</v>
      </c>
      <c r="BQ31" s="273">
        <v>0</v>
      </c>
      <c r="BR31" s="274">
        <v>0</v>
      </c>
      <c r="BS31" s="275">
        <v>0</v>
      </c>
      <c r="BT31" s="276">
        <v>0</v>
      </c>
      <c r="BU31" s="274">
        <v>0</v>
      </c>
      <c r="BV31" s="274">
        <v>0</v>
      </c>
      <c r="BW31" s="274">
        <v>0</v>
      </c>
      <c r="BX31" s="274">
        <v>0</v>
      </c>
      <c r="BY31" s="274">
        <v>0</v>
      </c>
      <c r="BZ31" s="277">
        <v>0</v>
      </c>
      <c r="CA31" s="278">
        <v>0</v>
      </c>
      <c r="CB31" s="273">
        <v>0</v>
      </c>
      <c r="CC31" s="274">
        <v>0</v>
      </c>
      <c r="CD31" s="275">
        <v>0</v>
      </c>
      <c r="CE31" s="276">
        <v>0</v>
      </c>
      <c r="CF31" s="274">
        <v>0</v>
      </c>
      <c r="CG31" s="274">
        <v>0</v>
      </c>
      <c r="CH31" s="274">
        <v>0</v>
      </c>
      <c r="CI31" s="274">
        <v>0</v>
      </c>
      <c r="CJ31" s="274">
        <v>0</v>
      </c>
      <c r="CK31" s="277">
        <v>0</v>
      </c>
      <c r="CL31" s="278">
        <v>0</v>
      </c>
      <c r="CM31" s="273">
        <v>0</v>
      </c>
      <c r="CN31" s="274">
        <v>0</v>
      </c>
      <c r="CO31" s="275">
        <v>0</v>
      </c>
      <c r="CP31" s="276">
        <v>0</v>
      </c>
      <c r="CQ31" s="274">
        <v>0</v>
      </c>
      <c r="CR31" s="274">
        <v>0</v>
      </c>
      <c r="CS31" s="274">
        <v>0</v>
      </c>
      <c r="CT31" s="274">
        <v>0</v>
      </c>
      <c r="CU31" s="274">
        <v>0</v>
      </c>
      <c r="CV31" s="277">
        <v>0</v>
      </c>
      <c r="CW31" s="278">
        <v>0</v>
      </c>
      <c r="CX31" s="273">
        <v>0</v>
      </c>
      <c r="CY31" s="274">
        <v>0</v>
      </c>
      <c r="CZ31" s="275">
        <v>0</v>
      </c>
      <c r="DA31" s="279"/>
      <c r="DB31" s="274">
        <v>0</v>
      </c>
      <c r="DC31" s="274">
        <v>0</v>
      </c>
      <c r="DD31" s="274">
        <v>0</v>
      </c>
      <c r="DE31" s="274">
        <v>0</v>
      </c>
      <c r="DF31" s="274">
        <v>0</v>
      </c>
      <c r="DG31" s="277">
        <v>0</v>
      </c>
      <c r="DH31" s="278">
        <v>0</v>
      </c>
      <c r="DI31" s="273">
        <v>0</v>
      </c>
      <c r="DJ31" s="274">
        <v>0</v>
      </c>
      <c r="DK31" s="275">
        <v>0</v>
      </c>
      <c r="DL31" s="276">
        <v>0</v>
      </c>
      <c r="DM31" s="274">
        <v>210</v>
      </c>
      <c r="DN31" s="274">
        <v>14310</v>
      </c>
      <c r="DO31" s="274">
        <v>227850</v>
      </c>
      <c r="DP31" s="274">
        <v>111771</v>
      </c>
      <c r="DQ31" s="274">
        <v>98045</v>
      </c>
      <c r="DR31" s="277">
        <v>452186</v>
      </c>
      <c r="DS31" s="280">
        <v>452186</v>
      </c>
      <c r="DT31" s="273">
        <v>0</v>
      </c>
      <c r="DU31" s="274">
        <v>0</v>
      </c>
      <c r="DV31" s="275">
        <v>0</v>
      </c>
      <c r="DW31" s="279"/>
      <c r="DX31" s="274">
        <v>0</v>
      </c>
      <c r="DY31" s="274">
        <v>14100</v>
      </c>
      <c r="DZ31" s="274">
        <v>195810</v>
      </c>
      <c r="EA31" s="274">
        <v>90400</v>
      </c>
      <c r="EB31" s="274">
        <v>98045</v>
      </c>
      <c r="EC31" s="277">
        <v>398355</v>
      </c>
      <c r="ED31" s="278">
        <v>398355</v>
      </c>
      <c r="EE31" s="273">
        <v>0</v>
      </c>
      <c r="EF31" s="274">
        <v>0</v>
      </c>
      <c r="EG31" s="275">
        <v>0</v>
      </c>
      <c r="EH31" s="279"/>
      <c r="EI31" s="274">
        <v>210</v>
      </c>
      <c r="EJ31" s="274">
        <v>210</v>
      </c>
      <c r="EK31" s="274">
        <v>11160</v>
      </c>
      <c r="EL31" s="274">
        <v>21371</v>
      </c>
      <c r="EM31" s="274">
        <v>0</v>
      </c>
      <c r="EN31" s="277">
        <v>32951</v>
      </c>
      <c r="EO31" s="278">
        <v>32951</v>
      </c>
      <c r="EP31" s="273">
        <v>0</v>
      </c>
      <c r="EQ31" s="274">
        <v>0</v>
      </c>
      <c r="ER31" s="275">
        <v>0</v>
      </c>
      <c r="ES31" s="279"/>
      <c r="ET31" s="274">
        <v>0</v>
      </c>
      <c r="EU31" s="274">
        <v>0</v>
      </c>
      <c r="EV31" s="274">
        <v>0</v>
      </c>
      <c r="EW31" s="274">
        <v>0</v>
      </c>
      <c r="EX31" s="274">
        <v>0</v>
      </c>
      <c r="EY31" s="277">
        <v>0</v>
      </c>
      <c r="EZ31" s="278">
        <v>0</v>
      </c>
      <c r="FA31" s="273">
        <v>0</v>
      </c>
      <c r="FB31" s="274">
        <v>0</v>
      </c>
      <c r="FC31" s="275">
        <v>0</v>
      </c>
      <c r="FD31" s="279"/>
      <c r="FE31" s="274">
        <v>0</v>
      </c>
      <c r="FF31" s="274">
        <v>0</v>
      </c>
      <c r="FG31" s="274">
        <v>0</v>
      </c>
      <c r="FH31" s="274">
        <v>0</v>
      </c>
      <c r="FI31" s="274">
        <v>0</v>
      </c>
      <c r="FJ31" s="277">
        <v>0</v>
      </c>
      <c r="FK31" s="278">
        <v>0</v>
      </c>
      <c r="FL31" s="273">
        <v>0</v>
      </c>
      <c r="FM31" s="274">
        <v>0</v>
      </c>
      <c r="FN31" s="275">
        <v>0</v>
      </c>
      <c r="FO31" s="279"/>
      <c r="FP31" s="274">
        <v>0</v>
      </c>
      <c r="FQ31" s="274">
        <v>0</v>
      </c>
      <c r="FR31" s="274">
        <v>20880</v>
      </c>
      <c r="FS31" s="274">
        <v>0</v>
      </c>
      <c r="FT31" s="274">
        <v>0</v>
      </c>
      <c r="FU31" s="277">
        <v>20880</v>
      </c>
      <c r="FV31" s="278">
        <v>20880</v>
      </c>
      <c r="FW31" s="273">
        <v>0</v>
      </c>
      <c r="FX31" s="274">
        <v>0</v>
      </c>
      <c r="FY31" s="275">
        <v>0</v>
      </c>
      <c r="FZ31" s="276">
        <v>0</v>
      </c>
      <c r="GA31" s="274">
        <v>0</v>
      </c>
      <c r="GB31" s="274">
        <v>0</v>
      </c>
      <c r="GC31" s="274">
        <v>0</v>
      </c>
      <c r="GD31" s="274">
        <v>0</v>
      </c>
      <c r="GE31" s="274">
        <v>0</v>
      </c>
      <c r="GF31" s="277">
        <v>0</v>
      </c>
      <c r="GG31" s="278">
        <v>0</v>
      </c>
      <c r="GH31" s="273">
        <v>0</v>
      </c>
      <c r="GI31" s="274">
        <v>0</v>
      </c>
      <c r="GJ31" s="275">
        <v>0</v>
      </c>
      <c r="GK31" s="276">
        <v>0</v>
      </c>
      <c r="GL31" s="274">
        <v>0</v>
      </c>
      <c r="GM31" s="274">
        <v>0</v>
      </c>
      <c r="GN31" s="274">
        <v>0</v>
      </c>
      <c r="GO31" s="274">
        <v>0</v>
      </c>
      <c r="GP31" s="274">
        <v>0</v>
      </c>
      <c r="GQ31" s="277">
        <v>0</v>
      </c>
      <c r="GR31" s="278">
        <v>0</v>
      </c>
      <c r="GS31" s="273">
        <v>0</v>
      </c>
      <c r="GT31" s="274">
        <v>0</v>
      </c>
      <c r="GU31" s="275">
        <v>0</v>
      </c>
      <c r="GV31" s="276">
        <v>0</v>
      </c>
      <c r="GW31" s="274">
        <v>0</v>
      </c>
      <c r="GX31" s="274">
        <v>0</v>
      </c>
      <c r="GY31" s="274">
        <v>0</v>
      </c>
      <c r="GZ31" s="274">
        <v>0</v>
      </c>
      <c r="HA31" s="274">
        <v>0</v>
      </c>
      <c r="HB31" s="277">
        <v>0</v>
      </c>
      <c r="HC31" s="278">
        <v>0</v>
      </c>
      <c r="HD31" s="273">
        <v>0</v>
      </c>
      <c r="HE31" s="274">
        <v>0</v>
      </c>
      <c r="HF31" s="275">
        <v>0</v>
      </c>
      <c r="HG31" s="279"/>
      <c r="HH31" s="274">
        <v>0</v>
      </c>
      <c r="HI31" s="274">
        <v>0</v>
      </c>
      <c r="HJ31" s="274">
        <v>0</v>
      </c>
      <c r="HK31" s="274">
        <v>0</v>
      </c>
      <c r="HL31" s="274">
        <v>0</v>
      </c>
      <c r="HM31" s="277">
        <v>0</v>
      </c>
      <c r="HN31" s="278">
        <v>0</v>
      </c>
      <c r="HO31" s="273">
        <v>0</v>
      </c>
      <c r="HP31" s="274">
        <v>0</v>
      </c>
      <c r="HQ31" s="275">
        <v>0</v>
      </c>
      <c r="HR31" s="276">
        <v>0</v>
      </c>
      <c r="HS31" s="274">
        <v>24060</v>
      </c>
      <c r="HT31" s="274">
        <v>67860</v>
      </c>
      <c r="HU31" s="274">
        <v>515610</v>
      </c>
      <c r="HV31" s="274">
        <v>227241</v>
      </c>
      <c r="HW31" s="274">
        <v>172905</v>
      </c>
      <c r="HX31" s="277">
        <v>1007676</v>
      </c>
      <c r="HY31" s="278">
        <v>1007676</v>
      </c>
    </row>
    <row r="32" spans="2:233" ht="21" customHeight="1" x14ac:dyDescent="0.2">
      <c r="B32" s="472" t="s">
        <v>29</v>
      </c>
      <c r="C32" s="273">
        <v>0</v>
      </c>
      <c r="D32" s="274">
        <v>0</v>
      </c>
      <c r="E32" s="275">
        <v>0</v>
      </c>
      <c r="F32" s="276">
        <v>0</v>
      </c>
      <c r="G32" s="274">
        <v>4695</v>
      </c>
      <c r="H32" s="274">
        <v>107885</v>
      </c>
      <c r="I32" s="274">
        <v>262380</v>
      </c>
      <c r="J32" s="274">
        <v>382585</v>
      </c>
      <c r="K32" s="274">
        <v>209205</v>
      </c>
      <c r="L32" s="277">
        <v>966750</v>
      </c>
      <c r="M32" s="278">
        <v>966750</v>
      </c>
      <c r="N32" s="273">
        <v>0</v>
      </c>
      <c r="O32" s="274">
        <v>0</v>
      </c>
      <c r="P32" s="275">
        <v>0</v>
      </c>
      <c r="Q32" s="279"/>
      <c r="R32" s="274">
        <v>0</v>
      </c>
      <c r="S32" s="274">
        <v>34350</v>
      </c>
      <c r="T32" s="274">
        <v>90450</v>
      </c>
      <c r="U32" s="274">
        <v>285750</v>
      </c>
      <c r="V32" s="274">
        <v>153000</v>
      </c>
      <c r="W32" s="277">
        <v>563550</v>
      </c>
      <c r="X32" s="278">
        <v>563550</v>
      </c>
      <c r="Y32" s="273">
        <v>0</v>
      </c>
      <c r="Z32" s="274">
        <v>0</v>
      </c>
      <c r="AA32" s="275">
        <v>0</v>
      </c>
      <c r="AB32" s="279"/>
      <c r="AC32" s="274">
        <v>2550</v>
      </c>
      <c r="AD32" s="274">
        <v>60565</v>
      </c>
      <c r="AE32" s="274">
        <v>70660</v>
      </c>
      <c r="AF32" s="274">
        <v>27220</v>
      </c>
      <c r="AG32" s="274">
        <v>26400</v>
      </c>
      <c r="AH32" s="277">
        <v>187395</v>
      </c>
      <c r="AI32" s="278">
        <v>187395</v>
      </c>
      <c r="AJ32" s="273">
        <v>0</v>
      </c>
      <c r="AK32" s="274">
        <v>0</v>
      </c>
      <c r="AL32" s="275">
        <v>0</v>
      </c>
      <c r="AM32" s="279"/>
      <c r="AN32" s="274">
        <v>0</v>
      </c>
      <c r="AO32" s="274">
        <v>0</v>
      </c>
      <c r="AP32" s="274">
        <v>0</v>
      </c>
      <c r="AQ32" s="274">
        <v>0</v>
      </c>
      <c r="AR32" s="274">
        <v>0</v>
      </c>
      <c r="AS32" s="277">
        <v>0</v>
      </c>
      <c r="AT32" s="278">
        <v>0</v>
      </c>
      <c r="AU32" s="273">
        <v>0</v>
      </c>
      <c r="AV32" s="274">
        <v>0</v>
      </c>
      <c r="AW32" s="275">
        <v>0</v>
      </c>
      <c r="AX32" s="279"/>
      <c r="AY32" s="274">
        <v>0</v>
      </c>
      <c r="AZ32" s="274">
        <v>0</v>
      </c>
      <c r="BA32" s="274">
        <v>0</v>
      </c>
      <c r="BB32" s="274">
        <v>0</v>
      </c>
      <c r="BC32" s="274">
        <v>0</v>
      </c>
      <c r="BD32" s="277">
        <v>0</v>
      </c>
      <c r="BE32" s="278">
        <v>0</v>
      </c>
      <c r="BF32" s="273">
        <v>0</v>
      </c>
      <c r="BG32" s="274">
        <v>0</v>
      </c>
      <c r="BH32" s="275">
        <v>0</v>
      </c>
      <c r="BI32" s="279"/>
      <c r="BJ32" s="274">
        <v>0</v>
      </c>
      <c r="BK32" s="274">
        <v>0</v>
      </c>
      <c r="BL32" s="274">
        <v>73500</v>
      </c>
      <c r="BM32" s="274">
        <v>66050</v>
      </c>
      <c r="BN32" s="274">
        <v>28355</v>
      </c>
      <c r="BO32" s="277">
        <v>167905</v>
      </c>
      <c r="BP32" s="278">
        <v>167905</v>
      </c>
      <c r="BQ32" s="273">
        <v>0</v>
      </c>
      <c r="BR32" s="274">
        <v>0</v>
      </c>
      <c r="BS32" s="275">
        <v>0</v>
      </c>
      <c r="BT32" s="276">
        <v>0</v>
      </c>
      <c r="BU32" s="274">
        <v>2145</v>
      </c>
      <c r="BV32" s="274">
        <v>12680</v>
      </c>
      <c r="BW32" s="274">
        <v>27090</v>
      </c>
      <c r="BX32" s="274">
        <v>3565</v>
      </c>
      <c r="BY32" s="274">
        <v>1450</v>
      </c>
      <c r="BZ32" s="277">
        <v>46930</v>
      </c>
      <c r="CA32" s="278">
        <v>46930</v>
      </c>
      <c r="CB32" s="273">
        <v>0</v>
      </c>
      <c r="CC32" s="274">
        <v>0</v>
      </c>
      <c r="CD32" s="275">
        <v>0</v>
      </c>
      <c r="CE32" s="276">
        <v>0</v>
      </c>
      <c r="CF32" s="274">
        <v>0</v>
      </c>
      <c r="CG32" s="274">
        <v>290</v>
      </c>
      <c r="CH32" s="274">
        <v>680</v>
      </c>
      <c r="CI32" s="274">
        <v>0</v>
      </c>
      <c r="CJ32" s="274">
        <v>0</v>
      </c>
      <c r="CK32" s="277">
        <v>970</v>
      </c>
      <c r="CL32" s="278">
        <v>970</v>
      </c>
      <c r="CM32" s="273">
        <v>0</v>
      </c>
      <c r="CN32" s="274">
        <v>0</v>
      </c>
      <c r="CO32" s="275">
        <v>0</v>
      </c>
      <c r="CP32" s="276">
        <v>0</v>
      </c>
      <c r="CQ32" s="274">
        <v>0</v>
      </c>
      <c r="CR32" s="274">
        <v>0</v>
      </c>
      <c r="CS32" s="274">
        <v>0</v>
      </c>
      <c r="CT32" s="274">
        <v>0</v>
      </c>
      <c r="CU32" s="274">
        <v>0</v>
      </c>
      <c r="CV32" s="277">
        <v>0</v>
      </c>
      <c r="CW32" s="278">
        <v>0</v>
      </c>
      <c r="CX32" s="273">
        <v>0</v>
      </c>
      <c r="CY32" s="274">
        <v>0</v>
      </c>
      <c r="CZ32" s="275">
        <v>0</v>
      </c>
      <c r="DA32" s="279"/>
      <c r="DB32" s="274">
        <v>0</v>
      </c>
      <c r="DC32" s="274">
        <v>0</v>
      </c>
      <c r="DD32" s="274">
        <v>0</v>
      </c>
      <c r="DE32" s="274">
        <v>0</v>
      </c>
      <c r="DF32" s="274">
        <v>0</v>
      </c>
      <c r="DG32" s="277">
        <v>0</v>
      </c>
      <c r="DH32" s="278">
        <v>0</v>
      </c>
      <c r="DI32" s="273">
        <v>0</v>
      </c>
      <c r="DJ32" s="274">
        <v>0</v>
      </c>
      <c r="DK32" s="275">
        <v>0</v>
      </c>
      <c r="DL32" s="276">
        <v>0</v>
      </c>
      <c r="DM32" s="274">
        <v>2463</v>
      </c>
      <c r="DN32" s="274">
        <v>42925</v>
      </c>
      <c r="DO32" s="274">
        <v>274561</v>
      </c>
      <c r="DP32" s="274">
        <v>317364</v>
      </c>
      <c r="DQ32" s="274">
        <v>184977</v>
      </c>
      <c r="DR32" s="277">
        <v>822290</v>
      </c>
      <c r="DS32" s="280">
        <v>822290</v>
      </c>
      <c r="DT32" s="273">
        <v>0</v>
      </c>
      <c r="DU32" s="274">
        <v>0</v>
      </c>
      <c r="DV32" s="275">
        <v>0</v>
      </c>
      <c r="DW32" s="279"/>
      <c r="DX32" s="274">
        <v>0</v>
      </c>
      <c r="DY32" s="274">
        <v>25650</v>
      </c>
      <c r="DZ32" s="274">
        <v>75180</v>
      </c>
      <c r="EA32" s="274">
        <v>235860</v>
      </c>
      <c r="EB32" s="274">
        <v>140160</v>
      </c>
      <c r="EC32" s="277">
        <v>476850</v>
      </c>
      <c r="ED32" s="278">
        <v>476850</v>
      </c>
      <c r="EE32" s="273">
        <v>0</v>
      </c>
      <c r="EF32" s="274">
        <v>0</v>
      </c>
      <c r="EG32" s="275">
        <v>0</v>
      </c>
      <c r="EH32" s="279"/>
      <c r="EI32" s="274">
        <v>210</v>
      </c>
      <c r="EJ32" s="274">
        <v>840</v>
      </c>
      <c r="EK32" s="274">
        <v>17818</v>
      </c>
      <c r="EL32" s="274">
        <v>567</v>
      </c>
      <c r="EM32" s="274">
        <v>420</v>
      </c>
      <c r="EN32" s="277">
        <v>19855</v>
      </c>
      <c r="EO32" s="278">
        <v>19855</v>
      </c>
      <c r="EP32" s="273">
        <v>0</v>
      </c>
      <c r="EQ32" s="274">
        <v>0</v>
      </c>
      <c r="ER32" s="275">
        <v>0</v>
      </c>
      <c r="ES32" s="279"/>
      <c r="ET32" s="274">
        <v>0</v>
      </c>
      <c r="EU32" s="274">
        <v>0</v>
      </c>
      <c r="EV32" s="274">
        <v>0</v>
      </c>
      <c r="EW32" s="274">
        <v>0</v>
      </c>
      <c r="EX32" s="274">
        <v>0</v>
      </c>
      <c r="EY32" s="277">
        <v>0</v>
      </c>
      <c r="EZ32" s="278">
        <v>0</v>
      </c>
      <c r="FA32" s="273">
        <v>0</v>
      </c>
      <c r="FB32" s="274">
        <v>0</v>
      </c>
      <c r="FC32" s="275">
        <v>0</v>
      </c>
      <c r="FD32" s="279"/>
      <c r="FE32" s="274">
        <v>0</v>
      </c>
      <c r="FF32" s="274">
        <v>0</v>
      </c>
      <c r="FG32" s="274">
        <v>0</v>
      </c>
      <c r="FH32" s="274">
        <v>0</v>
      </c>
      <c r="FI32" s="274">
        <v>0</v>
      </c>
      <c r="FJ32" s="277">
        <v>0</v>
      </c>
      <c r="FK32" s="278">
        <v>0</v>
      </c>
      <c r="FL32" s="273">
        <v>0</v>
      </c>
      <c r="FM32" s="274">
        <v>0</v>
      </c>
      <c r="FN32" s="275">
        <v>0</v>
      </c>
      <c r="FO32" s="279"/>
      <c r="FP32" s="274">
        <v>0</v>
      </c>
      <c r="FQ32" s="274">
        <v>0</v>
      </c>
      <c r="FR32" s="274">
        <v>154680</v>
      </c>
      <c r="FS32" s="274">
        <v>75436</v>
      </c>
      <c r="FT32" s="274">
        <v>39483</v>
      </c>
      <c r="FU32" s="277">
        <v>269599</v>
      </c>
      <c r="FV32" s="278">
        <v>269599</v>
      </c>
      <c r="FW32" s="273">
        <v>0</v>
      </c>
      <c r="FX32" s="274">
        <v>0</v>
      </c>
      <c r="FY32" s="275">
        <v>0</v>
      </c>
      <c r="FZ32" s="276">
        <v>0</v>
      </c>
      <c r="GA32" s="274">
        <v>2253</v>
      </c>
      <c r="GB32" s="274">
        <v>14287</v>
      </c>
      <c r="GC32" s="274">
        <v>24735</v>
      </c>
      <c r="GD32" s="274">
        <v>5501</v>
      </c>
      <c r="GE32" s="274">
        <v>4914</v>
      </c>
      <c r="GF32" s="277">
        <v>51690</v>
      </c>
      <c r="GG32" s="278">
        <v>51690</v>
      </c>
      <c r="GH32" s="273">
        <v>0</v>
      </c>
      <c r="GI32" s="274">
        <v>0</v>
      </c>
      <c r="GJ32" s="275">
        <v>0</v>
      </c>
      <c r="GK32" s="276">
        <v>0</v>
      </c>
      <c r="GL32" s="274">
        <v>0</v>
      </c>
      <c r="GM32" s="274">
        <v>2148</v>
      </c>
      <c r="GN32" s="274">
        <v>2148</v>
      </c>
      <c r="GO32" s="274">
        <v>0</v>
      </c>
      <c r="GP32" s="274">
        <v>0</v>
      </c>
      <c r="GQ32" s="277">
        <v>4296</v>
      </c>
      <c r="GR32" s="278">
        <v>4296</v>
      </c>
      <c r="GS32" s="273">
        <v>0</v>
      </c>
      <c r="GT32" s="274">
        <v>0</v>
      </c>
      <c r="GU32" s="275">
        <v>0</v>
      </c>
      <c r="GV32" s="276">
        <v>0</v>
      </c>
      <c r="GW32" s="274">
        <v>0</v>
      </c>
      <c r="GX32" s="274">
        <v>0</v>
      </c>
      <c r="GY32" s="274">
        <v>0</v>
      </c>
      <c r="GZ32" s="274">
        <v>0</v>
      </c>
      <c r="HA32" s="274">
        <v>0</v>
      </c>
      <c r="HB32" s="277">
        <v>0</v>
      </c>
      <c r="HC32" s="278">
        <v>0</v>
      </c>
      <c r="HD32" s="273">
        <v>0</v>
      </c>
      <c r="HE32" s="274">
        <v>0</v>
      </c>
      <c r="HF32" s="275">
        <v>0</v>
      </c>
      <c r="HG32" s="279"/>
      <c r="HH32" s="274">
        <v>0</v>
      </c>
      <c r="HI32" s="274">
        <v>0</v>
      </c>
      <c r="HJ32" s="274">
        <v>0</v>
      </c>
      <c r="HK32" s="274">
        <v>0</v>
      </c>
      <c r="HL32" s="274">
        <v>0</v>
      </c>
      <c r="HM32" s="277">
        <v>0</v>
      </c>
      <c r="HN32" s="278">
        <v>0</v>
      </c>
      <c r="HO32" s="273">
        <v>0</v>
      </c>
      <c r="HP32" s="274">
        <v>0</v>
      </c>
      <c r="HQ32" s="275">
        <v>0</v>
      </c>
      <c r="HR32" s="276">
        <v>0</v>
      </c>
      <c r="HS32" s="274">
        <v>7158</v>
      </c>
      <c r="HT32" s="274">
        <v>150810</v>
      </c>
      <c r="HU32" s="274">
        <v>536941</v>
      </c>
      <c r="HV32" s="274">
        <v>699949</v>
      </c>
      <c r="HW32" s="274">
        <v>394182</v>
      </c>
      <c r="HX32" s="277">
        <v>1789040</v>
      </c>
      <c r="HY32" s="278">
        <v>1789040</v>
      </c>
    </row>
    <row r="33" spans="2:233" ht="21" customHeight="1" x14ac:dyDescent="0.2">
      <c r="B33" s="472" t="s">
        <v>30</v>
      </c>
      <c r="C33" s="273">
        <v>0</v>
      </c>
      <c r="D33" s="274">
        <v>0</v>
      </c>
      <c r="E33" s="275">
        <v>0</v>
      </c>
      <c r="F33" s="276">
        <v>0</v>
      </c>
      <c r="G33" s="274">
        <v>92310</v>
      </c>
      <c r="H33" s="274">
        <v>6730</v>
      </c>
      <c r="I33" s="274">
        <v>212820</v>
      </c>
      <c r="J33" s="274">
        <v>392050</v>
      </c>
      <c r="K33" s="274">
        <v>159775</v>
      </c>
      <c r="L33" s="277">
        <v>863685</v>
      </c>
      <c r="M33" s="278">
        <v>863685</v>
      </c>
      <c r="N33" s="273">
        <v>0</v>
      </c>
      <c r="O33" s="274">
        <v>0</v>
      </c>
      <c r="P33" s="275">
        <v>0</v>
      </c>
      <c r="Q33" s="279"/>
      <c r="R33" s="274">
        <v>0</v>
      </c>
      <c r="S33" s="274">
        <v>2210</v>
      </c>
      <c r="T33" s="274">
        <v>138505</v>
      </c>
      <c r="U33" s="274">
        <v>302660</v>
      </c>
      <c r="V33" s="274">
        <v>121800</v>
      </c>
      <c r="W33" s="277">
        <v>565175</v>
      </c>
      <c r="X33" s="278">
        <v>565175</v>
      </c>
      <c r="Y33" s="273">
        <v>0</v>
      </c>
      <c r="Z33" s="274">
        <v>0</v>
      </c>
      <c r="AA33" s="275">
        <v>0</v>
      </c>
      <c r="AB33" s="279"/>
      <c r="AC33" s="274">
        <v>89700</v>
      </c>
      <c r="AD33" s="274">
        <v>0</v>
      </c>
      <c r="AE33" s="274">
        <v>36900</v>
      </c>
      <c r="AF33" s="274">
        <v>70920</v>
      </c>
      <c r="AG33" s="274">
        <v>5185</v>
      </c>
      <c r="AH33" s="277">
        <v>202705</v>
      </c>
      <c r="AI33" s="278">
        <v>202705</v>
      </c>
      <c r="AJ33" s="273">
        <v>0</v>
      </c>
      <c r="AK33" s="274">
        <v>0</v>
      </c>
      <c r="AL33" s="275">
        <v>0</v>
      </c>
      <c r="AM33" s="279"/>
      <c r="AN33" s="274">
        <v>0</v>
      </c>
      <c r="AO33" s="274">
        <v>0</v>
      </c>
      <c r="AP33" s="274">
        <v>0</v>
      </c>
      <c r="AQ33" s="274">
        <v>0</v>
      </c>
      <c r="AR33" s="274">
        <v>0</v>
      </c>
      <c r="AS33" s="277">
        <v>0</v>
      </c>
      <c r="AT33" s="278">
        <v>0</v>
      </c>
      <c r="AU33" s="273">
        <v>0</v>
      </c>
      <c r="AV33" s="274">
        <v>0</v>
      </c>
      <c r="AW33" s="275">
        <v>0</v>
      </c>
      <c r="AX33" s="279"/>
      <c r="AY33" s="274">
        <v>0</v>
      </c>
      <c r="AZ33" s="274">
        <v>0</v>
      </c>
      <c r="BA33" s="274">
        <v>34350</v>
      </c>
      <c r="BB33" s="274">
        <v>0</v>
      </c>
      <c r="BC33" s="274">
        <v>31650</v>
      </c>
      <c r="BD33" s="277">
        <v>66000</v>
      </c>
      <c r="BE33" s="278">
        <v>66000</v>
      </c>
      <c r="BF33" s="273">
        <v>0</v>
      </c>
      <c r="BG33" s="274">
        <v>0</v>
      </c>
      <c r="BH33" s="275">
        <v>0</v>
      </c>
      <c r="BI33" s="279"/>
      <c r="BJ33" s="274">
        <v>0</v>
      </c>
      <c r="BK33" s="274">
        <v>0</v>
      </c>
      <c r="BL33" s="274">
        <v>0</v>
      </c>
      <c r="BM33" s="274">
        <v>0</v>
      </c>
      <c r="BN33" s="274">
        <v>0</v>
      </c>
      <c r="BO33" s="277">
        <v>0</v>
      </c>
      <c r="BP33" s="278">
        <v>0</v>
      </c>
      <c r="BQ33" s="273">
        <v>0</v>
      </c>
      <c r="BR33" s="274">
        <v>0</v>
      </c>
      <c r="BS33" s="275">
        <v>0</v>
      </c>
      <c r="BT33" s="276">
        <v>0</v>
      </c>
      <c r="BU33" s="274">
        <v>2610</v>
      </c>
      <c r="BV33" s="274">
        <v>4520</v>
      </c>
      <c r="BW33" s="274">
        <v>2030</v>
      </c>
      <c r="BX33" s="274">
        <v>15860</v>
      </c>
      <c r="BY33" s="274">
        <v>1140</v>
      </c>
      <c r="BZ33" s="277">
        <v>26160</v>
      </c>
      <c r="CA33" s="278">
        <v>26160</v>
      </c>
      <c r="CB33" s="273">
        <v>0</v>
      </c>
      <c r="CC33" s="274">
        <v>0</v>
      </c>
      <c r="CD33" s="275">
        <v>0</v>
      </c>
      <c r="CE33" s="276">
        <v>0</v>
      </c>
      <c r="CF33" s="274">
        <v>0</v>
      </c>
      <c r="CG33" s="274">
        <v>0</v>
      </c>
      <c r="CH33" s="274">
        <v>1035</v>
      </c>
      <c r="CI33" s="274">
        <v>2610</v>
      </c>
      <c r="CJ33" s="274">
        <v>0</v>
      </c>
      <c r="CK33" s="277">
        <v>3645</v>
      </c>
      <c r="CL33" s="278">
        <v>3645</v>
      </c>
      <c r="CM33" s="273">
        <v>0</v>
      </c>
      <c r="CN33" s="274">
        <v>0</v>
      </c>
      <c r="CO33" s="275">
        <v>0</v>
      </c>
      <c r="CP33" s="276">
        <v>0</v>
      </c>
      <c r="CQ33" s="274">
        <v>0</v>
      </c>
      <c r="CR33" s="274">
        <v>0</v>
      </c>
      <c r="CS33" s="274">
        <v>0</v>
      </c>
      <c r="CT33" s="274">
        <v>0</v>
      </c>
      <c r="CU33" s="274">
        <v>0</v>
      </c>
      <c r="CV33" s="277">
        <v>0</v>
      </c>
      <c r="CW33" s="278">
        <v>0</v>
      </c>
      <c r="CX33" s="273">
        <v>0</v>
      </c>
      <c r="CY33" s="274">
        <v>0</v>
      </c>
      <c r="CZ33" s="275">
        <v>0</v>
      </c>
      <c r="DA33" s="279"/>
      <c r="DB33" s="274">
        <v>0</v>
      </c>
      <c r="DC33" s="274">
        <v>0</v>
      </c>
      <c r="DD33" s="274">
        <v>0</v>
      </c>
      <c r="DE33" s="274">
        <v>0</v>
      </c>
      <c r="DF33" s="274">
        <v>0</v>
      </c>
      <c r="DG33" s="277">
        <v>0</v>
      </c>
      <c r="DH33" s="278">
        <v>0</v>
      </c>
      <c r="DI33" s="273">
        <v>0</v>
      </c>
      <c r="DJ33" s="274">
        <v>0</v>
      </c>
      <c r="DK33" s="275">
        <v>0</v>
      </c>
      <c r="DL33" s="276">
        <v>0</v>
      </c>
      <c r="DM33" s="274">
        <v>43143</v>
      </c>
      <c r="DN33" s="274">
        <v>21838</v>
      </c>
      <c r="DO33" s="274">
        <v>317879</v>
      </c>
      <c r="DP33" s="274">
        <v>324690</v>
      </c>
      <c r="DQ33" s="274">
        <v>198678</v>
      </c>
      <c r="DR33" s="277">
        <v>906228</v>
      </c>
      <c r="DS33" s="280">
        <v>906228</v>
      </c>
      <c r="DT33" s="273">
        <v>0</v>
      </c>
      <c r="DU33" s="274">
        <v>0</v>
      </c>
      <c r="DV33" s="275">
        <v>0</v>
      </c>
      <c r="DW33" s="279"/>
      <c r="DX33" s="274">
        <v>0</v>
      </c>
      <c r="DY33" s="274">
        <v>12610</v>
      </c>
      <c r="DZ33" s="274">
        <v>282215</v>
      </c>
      <c r="EA33" s="274">
        <v>285590</v>
      </c>
      <c r="EB33" s="274">
        <v>185220</v>
      </c>
      <c r="EC33" s="277">
        <v>765635</v>
      </c>
      <c r="ED33" s="278">
        <v>765635</v>
      </c>
      <c r="EE33" s="273">
        <v>0</v>
      </c>
      <c r="EF33" s="274">
        <v>0</v>
      </c>
      <c r="EG33" s="275">
        <v>0</v>
      </c>
      <c r="EH33" s="279"/>
      <c r="EI33" s="274">
        <v>35070</v>
      </c>
      <c r="EJ33" s="274">
        <v>0</v>
      </c>
      <c r="EK33" s="274">
        <v>11520</v>
      </c>
      <c r="EL33" s="274">
        <v>826</v>
      </c>
      <c r="EM33" s="274">
        <v>11308</v>
      </c>
      <c r="EN33" s="277">
        <v>58724</v>
      </c>
      <c r="EO33" s="278">
        <v>58724</v>
      </c>
      <c r="EP33" s="273">
        <v>0</v>
      </c>
      <c r="EQ33" s="274">
        <v>0</v>
      </c>
      <c r="ER33" s="275">
        <v>0</v>
      </c>
      <c r="ES33" s="279"/>
      <c r="ET33" s="274">
        <v>0</v>
      </c>
      <c r="EU33" s="274">
        <v>0</v>
      </c>
      <c r="EV33" s="274">
        <v>0</v>
      </c>
      <c r="EW33" s="274">
        <v>0</v>
      </c>
      <c r="EX33" s="274">
        <v>0</v>
      </c>
      <c r="EY33" s="277">
        <v>0</v>
      </c>
      <c r="EZ33" s="278">
        <v>0</v>
      </c>
      <c r="FA33" s="273">
        <v>0</v>
      </c>
      <c r="FB33" s="274">
        <v>0</v>
      </c>
      <c r="FC33" s="275">
        <v>0</v>
      </c>
      <c r="FD33" s="279"/>
      <c r="FE33" s="274">
        <v>0</v>
      </c>
      <c r="FF33" s="274">
        <v>0</v>
      </c>
      <c r="FG33" s="274">
        <v>11310</v>
      </c>
      <c r="FH33" s="274">
        <v>0</v>
      </c>
      <c r="FI33" s="274">
        <v>210</v>
      </c>
      <c r="FJ33" s="277">
        <v>11520</v>
      </c>
      <c r="FK33" s="278">
        <v>11520</v>
      </c>
      <c r="FL33" s="273">
        <v>0</v>
      </c>
      <c r="FM33" s="274">
        <v>0</v>
      </c>
      <c r="FN33" s="275">
        <v>0</v>
      </c>
      <c r="FO33" s="279"/>
      <c r="FP33" s="274">
        <v>0</v>
      </c>
      <c r="FQ33" s="274">
        <v>0</v>
      </c>
      <c r="FR33" s="274">
        <v>0</v>
      </c>
      <c r="FS33" s="274">
        <v>0</v>
      </c>
      <c r="FT33" s="274">
        <v>0</v>
      </c>
      <c r="FU33" s="277">
        <v>0</v>
      </c>
      <c r="FV33" s="278">
        <v>0</v>
      </c>
      <c r="FW33" s="273">
        <v>0</v>
      </c>
      <c r="FX33" s="274">
        <v>0</v>
      </c>
      <c r="FY33" s="275">
        <v>0</v>
      </c>
      <c r="FZ33" s="276">
        <v>0</v>
      </c>
      <c r="GA33" s="274">
        <v>8073</v>
      </c>
      <c r="GB33" s="274">
        <v>9228</v>
      </c>
      <c r="GC33" s="274">
        <v>11640</v>
      </c>
      <c r="GD33" s="274">
        <v>30756</v>
      </c>
      <c r="GE33" s="274">
        <v>1940</v>
      </c>
      <c r="GF33" s="277">
        <v>61637</v>
      </c>
      <c r="GG33" s="278">
        <v>61637</v>
      </c>
      <c r="GH33" s="273">
        <v>0</v>
      </c>
      <c r="GI33" s="274">
        <v>0</v>
      </c>
      <c r="GJ33" s="275">
        <v>0</v>
      </c>
      <c r="GK33" s="276">
        <v>0</v>
      </c>
      <c r="GL33" s="274">
        <v>0</v>
      </c>
      <c r="GM33" s="274">
        <v>0</v>
      </c>
      <c r="GN33" s="274">
        <v>1194</v>
      </c>
      <c r="GO33" s="274">
        <v>7518</v>
      </c>
      <c r="GP33" s="274">
        <v>0</v>
      </c>
      <c r="GQ33" s="277">
        <v>8712</v>
      </c>
      <c r="GR33" s="278">
        <v>8712</v>
      </c>
      <c r="GS33" s="273">
        <v>0</v>
      </c>
      <c r="GT33" s="274">
        <v>0</v>
      </c>
      <c r="GU33" s="275">
        <v>0</v>
      </c>
      <c r="GV33" s="276">
        <v>0</v>
      </c>
      <c r="GW33" s="274">
        <v>0</v>
      </c>
      <c r="GX33" s="274">
        <v>0</v>
      </c>
      <c r="GY33" s="274">
        <v>0</v>
      </c>
      <c r="GZ33" s="274">
        <v>0</v>
      </c>
      <c r="HA33" s="274">
        <v>0</v>
      </c>
      <c r="HB33" s="277">
        <v>0</v>
      </c>
      <c r="HC33" s="278">
        <v>0</v>
      </c>
      <c r="HD33" s="273">
        <v>0</v>
      </c>
      <c r="HE33" s="274">
        <v>0</v>
      </c>
      <c r="HF33" s="275">
        <v>0</v>
      </c>
      <c r="HG33" s="279"/>
      <c r="HH33" s="274">
        <v>0</v>
      </c>
      <c r="HI33" s="274">
        <v>0</v>
      </c>
      <c r="HJ33" s="274">
        <v>0</v>
      </c>
      <c r="HK33" s="274">
        <v>0</v>
      </c>
      <c r="HL33" s="274">
        <v>0</v>
      </c>
      <c r="HM33" s="277">
        <v>0</v>
      </c>
      <c r="HN33" s="278">
        <v>0</v>
      </c>
      <c r="HO33" s="273">
        <v>0</v>
      </c>
      <c r="HP33" s="274">
        <v>0</v>
      </c>
      <c r="HQ33" s="275">
        <v>0</v>
      </c>
      <c r="HR33" s="276">
        <v>0</v>
      </c>
      <c r="HS33" s="274">
        <v>135453</v>
      </c>
      <c r="HT33" s="274">
        <v>28568</v>
      </c>
      <c r="HU33" s="274">
        <v>530699</v>
      </c>
      <c r="HV33" s="274">
        <v>716740</v>
      </c>
      <c r="HW33" s="274">
        <v>358453</v>
      </c>
      <c r="HX33" s="277">
        <v>1769913</v>
      </c>
      <c r="HY33" s="278">
        <v>1769913</v>
      </c>
    </row>
    <row r="34" spans="2:233" ht="21" customHeight="1" x14ac:dyDescent="0.2">
      <c r="B34" s="472" t="s">
        <v>31</v>
      </c>
      <c r="C34" s="273">
        <v>0</v>
      </c>
      <c r="D34" s="274">
        <v>0</v>
      </c>
      <c r="E34" s="275">
        <v>0</v>
      </c>
      <c r="F34" s="276">
        <v>0</v>
      </c>
      <c r="G34" s="274">
        <v>33100</v>
      </c>
      <c r="H34" s="274">
        <v>114675</v>
      </c>
      <c r="I34" s="274">
        <v>266945</v>
      </c>
      <c r="J34" s="274">
        <v>211630</v>
      </c>
      <c r="K34" s="274">
        <v>129000</v>
      </c>
      <c r="L34" s="277">
        <v>755350</v>
      </c>
      <c r="M34" s="278">
        <v>755350</v>
      </c>
      <c r="N34" s="273">
        <v>0</v>
      </c>
      <c r="O34" s="274">
        <v>0</v>
      </c>
      <c r="P34" s="275">
        <v>0</v>
      </c>
      <c r="Q34" s="279"/>
      <c r="R34" s="274">
        <v>0</v>
      </c>
      <c r="S34" s="274">
        <v>55500</v>
      </c>
      <c r="T34" s="274">
        <v>258425</v>
      </c>
      <c r="U34" s="274">
        <v>114985</v>
      </c>
      <c r="V34" s="274">
        <v>129000</v>
      </c>
      <c r="W34" s="277">
        <v>557910</v>
      </c>
      <c r="X34" s="278">
        <v>557910</v>
      </c>
      <c r="Y34" s="273">
        <v>0</v>
      </c>
      <c r="Z34" s="274">
        <v>0</v>
      </c>
      <c r="AA34" s="275">
        <v>0</v>
      </c>
      <c r="AB34" s="279"/>
      <c r="AC34" s="274">
        <v>0</v>
      </c>
      <c r="AD34" s="274">
        <v>28950</v>
      </c>
      <c r="AE34" s="274">
        <v>7650</v>
      </c>
      <c r="AF34" s="274">
        <v>63150</v>
      </c>
      <c r="AG34" s="274">
        <v>0</v>
      </c>
      <c r="AH34" s="277">
        <v>99750</v>
      </c>
      <c r="AI34" s="278">
        <v>99750</v>
      </c>
      <c r="AJ34" s="273">
        <v>0</v>
      </c>
      <c r="AK34" s="274">
        <v>0</v>
      </c>
      <c r="AL34" s="275">
        <v>0</v>
      </c>
      <c r="AM34" s="279"/>
      <c r="AN34" s="274">
        <v>0</v>
      </c>
      <c r="AO34" s="274">
        <v>0</v>
      </c>
      <c r="AP34" s="274">
        <v>0</v>
      </c>
      <c r="AQ34" s="274">
        <v>0</v>
      </c>
      <c r="AR34" s="274">
        <v>0</v>
      </c>
      <c r="AS34" s="277">
        <v>0</v>
      </c>
      <c r="AT34" s="278">
        <v>0</v>
      </c>
      <c r="AU34" s="273">
        <v>0</v>
      </c>
      <c r="AV34" s="274">
        <v>0</v>
      </c>
      <c r="AW34" s="275">
        <v>0</v>
      </c>
      <c r="AX34" s="279"/>
      <c r="AY34" s="274">
        <v>31650</v>
      </c>
      <c r="AZ34" s="274">
        <v>23850</v>
      </c>
      <c r="BA34" s="274">
        <v>0</v>
      </c>
      <c r="BB34" s="274">
        <v>31650</v>
      </c>
      <c r="BC34" s="274">
        <v>0</v>
      </c>
      <c r="BD34" s="277">
        <v>87150</v>
      </c>
      <c r="BE34" s="278">
        <v>87150</v>
      </c>
      <c r="BF34" s="273">
        <v>0</v>
      </c>
      <c r="BG34" s="274">
        <v>0</v>
      </c>
      <c r="BH34" s="275">
        <v>0</v>
      </c>
      <c r="BI34" s="279"/>
      <c r="BJ34" s="274">
        <v>0</v>
      </c>
      <c r="BK34" s="274">
        <v>0</v>
      </c>
      <c r="BL34" s="274">
        <v>0</v>
      </c>
      <c r="BM34" s="274">
        <v>0</v>
      </c>
      <c r="BN34" s="274">
        <v>0</v>
      </c>
      <c r="BO34" s="277">
        <v>0</v>
      </c>
      <c r="BP34" s="278">
        <v>0</v>
      </c>
      <c r="BQ34" s="273">
        <v>0</v>
      </c>
      <c r="BR34" s="274">
        <v>0</v>
      </c>
      <c r="BS34" s="275">
        <v>0</v>
      </c>
      <c r="BT34" s="276">
        <v>0</v>
      </c>
      <c r="BU34" s="274">
        <v>1450</v>
      </c>
      <c r="BV34" s="274">
        <v>6375</v>
      </c>
      <c r="BW34" s="274">
        <v>870</v>
      </c>
      <c r="BX34" s="274">
        <v>1845</v>
      </c>
      <c r="BY34" s="274">
        <v>0</v>
      </c>
      <c r="BZ34" s="277">
        <v>10540</v>
      </c>
      <c r="CA34" s="278">
        <v>10540</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279"/>
      <c r="DB34" s="274">
        <v>0</v>
      </c>
      <c r="DC34" s="274">
        <v>0</v>
      </c>
      <c r="DD34" s="274">
        <v>0</v>
      </c>
      <c r="DE34" s="274">
        <v>0</v>
      </c>
      <c r="DF34" s="274">
        <v>0</v>
      </c>
      <c r="DG34" s="277">
        <v>0</v>
      </c>
      <c r="DH34" s="278">
        <v>0</v>
      </c>
      <c r="DI34" s="273">
        <v>0</v>
      </c>
      <c r="DJ34" s="274">
        <v>0</v>
      </c>
      <c r="DK34" s="275">
        <v>0</v>
      </c>
      <c r="DL34" s="276">
        <v>0</v>
      </c>
      <c r="DM34" s="274">
        <v>4422</v>
      </c>
      <c r="DN34" s="274">
        <v>60409</v>
      </c>
      <c r="DO34" s="274">
        <v>308991</v>
      </c>
      <c r="DP34" s="274">
        <v>273116</v>
      </c>
      <c r="DQ34" s="274">
        <v>160770</v>
      </c>
      <c r="DR34" s="277">
        <v>807708</v>
      </c>
      <c r="DS34" s="280">
        <v>807708</v>
      </c>
      <c r="DT34" s="273">
        <v>0</v>
      </c>
      <c r="DU34" s="274">
        <v>0</v>
      </c>
      <c r="DV34" s="275">
        <v>0</v>
      </c>
      <c r="DW34" s="279"/>
      <c r="DX34" s="274">
        <v>0</v>
      </c>
      <c r="DY34" s="274">
        <v>50130</v>
      </c>
      <c r="DZ34" s="274">
        <v>302694</v>
      </c>
      <c r="EA34" s="274">
        <v>268298</v>
      </c>
      <c r="EB34" s="274">
        <v>160770</v>
      </c>
      <c r="EC34" s="277">
        <v>781892</v>
      </c>
      <c r="ED34" s="278">
        <v>781892</v>
      </c>
      <c r="EE34" s="273">
        <v>0</v>
      </c>
      <c r="EF34" s="274">
        <v>0</v>
      </c>
      <c r="EG34" s="275">
        <v>0</v>
      </c>
      <c r="EH34" s="279"/>
      <c r="EI34" s="274">
        <v>0</v>
      </c>
      <c r="EJ34" s="274">
        <v>600</v>
      </c>
      <c r="EK34" s="274">
        <v>630</v>
      </c>
      <c r="EL34" s="274">
        <v>1050</v>
      </c>
      <c r="EM34" s="274">
        <v>0</v>
      </c>
      <c r="EN34" s="277">
        <v>2280</v>
      </c>
      <c r="EO34" s="278">
        <v>2280</v>
      </c>
      <c r="EP34" s="273">
        <v>0</v>
      </c>
      <c r="EQ34" s="274">
        <v>0</v>
      </c>
      <c r="ER34" s="275">
        <v>0</v>
      </c>
      <c r="ES34" s="279"/>
      <c r="ET34" s="274">
        <v>0</v>
      </c>
      <c r="EU34" s="274">
        <v>0</v>
      </c>
      <c r="EV34" s="274">
        <v>0</v>
      </c>
      <c r="EW34" s="274">
        <v>0</v>
      </c>
      <c r="EX34" s="274">
        <v>0</v>
      </c>
      <c r="EY34" s="277">
        <v>0</v>
      </c>
      <c r="EZ34" s="278">
        <v>0</v>
      </c>
      <c r="FA34" s="273">
        <v>0</v>
      </c>
      <c r="FB34" s="274">
        <v>0</v>
      </c>
      <c r="FC34" s="275">
        <v>0</v>
      </c>
      <c r="FD34" s="279"/>
      <c r="FE34" s="274">
        <v>210</v>
      </c>
      <c r="FF34" s="274">
        <v>210</v>
      </c>
      <c r="FG34" s="274">
        <v>0</v>
      </c>
      <c r="FH34" s="274">
        <v>210</v>
      </c>
      <c r="FI34" s="274">
        <v>0</v>
      </c>
      <c r="FJ34" s="277">
        <v>630</v>
      </c>
      <c r="FK34" s="278">
        <v>630</v>
      </c>
      <c r="FL34" s="273">
        <v>0</v>
      </c>
      <c r="FM34" s="274">
        <v>0</v>
      </c>
      <c r="FN34" s="275">
        <v>0</v>
      </c>
      <c r="FO34" s="279"/>
      <c r="FP34" s="274">
        <v>0</v>
      </c>
      <c r="FQ34" s="274">
        <v>0</v>
      </c>
      <c r="FR34" s="274">
        <v>0</v>
      </c>
      <c r="FS34" s="274">
        <v>0</v>
      </c>
      <c r="FT34" s="274">
        <v>0</v>
      </c>
      <c r="FU34" s="277">
        <v>0</v>
      </c>
      <c r="FV34" s="278">
        <v>0</v>
      </c>
      <c r="FW34" s="273">
        <v>0</v>
      </c>
      <c r="FX34" s="274">
        <v>0</v>
      </c>
      <c r="FY34" s="275">
        <v>0</v>
      </c>
      <c r="FZ34" s="276">
        <v>0</v>
      </c>
      <c r="GA34" s="274">
        <v>4212</v>
      </c>
      <c r="GB34" s="274">
        <v>9469</v>
      </c>
      <c r="GC34" s="274">
        <v>5667</v>
      </c>
      <c r="GD34" s="274">
        <v>3558</v>
      </c>
      <c r="GE34" s="274">
        <v>0</v>
      </c>
      <c r="GF34" s="277">
        <v>22906</v>
      </c>
      <c r="GG34" s="278">
        <v>22906</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279"/>
      <c r="HH34" s="274">
        <v>0</v>
      </c>
      <c r="HI34" s="274">
        <v>0</v>
      </c>
      <c r="HJ34" s="274">
        <v>0</v>
      </c>
      <c r="HK34" s="274">
        <v>0</v>
      </c>
      <c r="HL34" s="274">
        <v>0</v>
      </c>
      <c r="HM34" s="277">
        <v>0</v>
      </c>
      <c r="HN34" s="278">
        <v>0</v>
      </c>
      <c r="HO34" s="273">
        <v>0</v>
      </c>
      <c r="HP34" s="274">
        <v>0</v>
      </c>
      <c r="HQ34" s="275">
        <v>0</v>
      </c>
      <c r="HR34" s="276">
        <v>0</v>
      </c>
      <c r="HS34" s="274">
        <v>37522</v>
      </c>
      <c r="HT34" s="274">
        <v>175084</v>
      </c>
      <c r="HU34" s="274">
        <v>575936</v>
      </c>
      <c r="HV34" s="274">
        <v>484746</v>
      </c>
      <c r="HW34" s="274">
        <v>289770</v>
      </c>
      <c r="HX34" s="277">
        <v>1563058</v>
      </c>
      <c r="HY34" s="278">
        <v>1563058</v>
      </c>
    </row>
    <row r="35" spans="2:233" ht="21" customHeight="1" x14ac:dyDescent="0.2">
      <c r="B35" s="472" t="s">
        <v>32</v>
      </c>
      <c r="C35" s="273">
        <v>0</v>
      </c>
      <c r="D35" s="274">
        <v>0</v>
      </c>
      <c r="E35" s="275">
        <v>0</v>
      </c>
      <c r="F35" s="276">
        <v>0</v>
      </c>
      <c r="G35" s="274">
        <v>66000</v>
      </c>
      <c r="H35" s="274">
        <v>58050</v>
      </c>
      <c r="I35" s="274">
        <v>329745</v>
      </c>
      <c r="J35" s="274">
        <v>407975</v>
      </c>
      <c r="K35" s="274">
        <v>164405</v>
      </c>
      <c r="L35" s="277">
        <v>1026175</v>
      </c>
      <c r="M35" s="278">
        <v>1026175</v>
      </c>
      <c r="N35" s="273">
        <v>0</v>
      </c>
      <c r="O35" s="274">
        <v>0</v>
      </c>
      <c r="P35" s="275">
        <v>0</v>
      </c>
      <c r="Q35" s="279"/>
      <c r="R35" s="274">
        <v>34350</v>
      </c>
      <c r="S35" s="274">
        <v>0</v>
      </c>
      <c r="T35" s="274">
        <v>131445</v>
      </c>
      <c r="U35" s="274">
        <v>216750</v>
      </c>
      <c r="V35" s="274">
        <v>67800</v>
      </c>
      <c r="W35" s="277">
        <v>450345</v>
      </c>
      <c r="X35" s="278">
        <v>450345</v>
      </c>
      <c r="Y35" s="273">
        <v>0</v>
      </c>
      <c r="Z35" s="274">
        <v>0</v>
      </c>
      <c r="AA35" s="275">
        <v>0</v>
      </c>
      <c r="AB35" s="279"/>
      <c r="AC35" s="274">
        <v>31650</v>
      </c>
      <c r="AD35" s="274">
        <v>48740</v>
      </c>
      <c r="AE35" s="274">
        <v>63150</v>
      </c>
      <c r="AF35" s="274">
        <v>154210</v>
      </c>
      <c r="AG35" s="274">
        <v>34350</v>
      </c>
      <c r="AH35" s="277">
        <v>332100</v>
      </c>
      <c r="AI35" s="278">
        <v>332100</v>
      </c>
      <c r="AJ35" s="273">
        <v>0</v>
      </c>
      <c r="AK35" s="274">
        <v>0</v>
      </c>
      <c r="AL35" s="275">
        <v>0</v>
      </c>
      <c r="AM35" s="279"/>
      <c r="AN35" s="274">
        <v>0</v>
      </c>
      <c r="AO35" s="274">
        <v>0</v>
      </c>
      <c r="AP35" s="274">
        <v>0</v>
      </c>
      <c r="AQ35" s="274">
        <v>0</v>
      </c>
      <c r="AR35" s="274">
        <v>0</v>
      </c>
      <c r="AS35" s="277">
        <v>0</v>
      </c>
      <c r="AT35" s="278">
        <v>0</v>
      </c>
      <c r="AU35" s="273">
        <v>0</v>
      </c>
      <c r="AV35" s="274">
        <v>0</v>
      </c>
      <c r="AW35" s="275">
        <v>0</v>
      </c>
      <c r="AX35" s="279"/>
      <c r="AY35" s="274">
        <v>0</v>
      </c>
      <c r="AZ35" s="274">
        <v>0</v>
      </c>
      <c r="BA35" s="274">
        <v>0</v>
      </c>
      <c r="BB35" s="274">
        <v>0</v>
      </c>
      <c r="BC35" s="274">
        <v>31650</v>
      </c>
      <c r="BD35" s="277">
        <v>31650</v>
      </c>
      <c r="BE35" s="278">
        <v>31650</v>
      </c>
      <c r="BF35" s="273">
        <v>0</v>
      </c>
      <c r="BG35" s="274">
        <v>0</v>
      </c>
      <c r="BH35" s="275">
        <v>0</v>
      </c>
      <c r="BI35" s="279"/>
      <c r="BJ35" s="274">
        <v>0</v>
      </c>
      <c r="BK35" s="274">
        <v>0</v>
      </c>
      <c r="BL35" s="274">
        <v>126600</v>
      </c>
      <c r="BM35" s="274">
        <v>36750</v>
      </c>
      <c r="BN35" s="274">
        <v>26400</v>
      </c>
      <c r="BO35" s="277">
        <v>189750</v>
      </c>
      <c r="BP35" s="278">
        <v>189750</v>
      </c>
      <c r="BQ35" s="273">
        <v>0</v>
      </c>
      <c r="BR35" s="274">
        <v>0</v>
      </c>
      <c r="BS35" s="275">
        <v>0</v>
      </c>
      <c r="BT35" s="276">
        <v>0</v>
      </c>
      <c r="BU35" s="274">
        <v>0</v>
      </c>
      <c r="BV35" s="274">
        <v>9310</v>
      </c>
      <c r="BW35" s="274">
        <v>8115</v>
      </c>
      <c r="BX35" s="274">
        <v>0</v>
      </c>
      <c r="BY35" s="274">
        <v>4205</v>
      </c>
      <c r="BZ35" s="277">
        <v>21630</v>
      </c>
      <c r="CA35" s="278">
        <v>21630</v>
      </c>
      <c r="CB35" s="273">
        <v>0</v>
      </c>
      <c r="CC35" s="274">
        <v>0</v>
      </c>
      <c r="CD35" s="275">
        <v>0</v>
      </c>
      <c r="CE35" s="276">
        <v>0</v>
      </c>
      <c r="CF35" s="274">
        <v>0</v>
      </c>
      <c r="CG35" s="274">
        <v>0</v>
      </c>
      <c r="CH35" s="274">
        <v>435</v>
      </c>
      <c r="CI35" s="274">
        <v>265</v>
      </c>
      <c r="CJ35" s="274">
        <v>0</v>
      </c>
      <c r="CK35" s="277">
        <v>700</v>
      </c>
      <c r="CL35" s="278">
        <v>700</v>
      </c>
      <c r="CM35" s="273">
        <v>0</v>
      </c>
      <c r="CN35" s="274">
        <v>0</v>
      </c>
      <c r="CO35" s="275">
        <v>0</v>
      </c>
      <c r="CP35" s="276">
        <v>0</v>
      </c>
      <c r="CQ35" s="274">
        <v>0</v>
      </c>
      <c r="CR35" s="274">
        <v>0</v>
      </c>
      <c r="CS35" s="274">
        <v>0</v>
      </c>
      <c r="CT35" s="274">
        <v>0</v>
      </c>
      <c r="CU35" s="274">
        <v>0</v>
      </c>
      <c r="CV35" s="277">
        <v>0</v>
      </c>
      <c r="CW35" s="278">
        <v>0</v>
      </c>
      <c r="CX35" s="273">
        <v>0</v>
      </c>
      <c r="CY35" s="274">
        <v>0</v>
      </c>
      <c r="CZ35" s="275">
        <v>0</v>
      </c>
      <c r="DA35" s="279"/>
      <c r="DB35" s="274">
        <v>0</v>
      </c>
      <c r="DC35" s="274">
        <v>0</v>
      </c>
      <c r="DD35" s="274">
        <v>0</v>
      </c>
      <c r="DE35" s="274">
        <v>0</v>
      </c>
      <c r="DF35" s="274">
        <v>0</v>
      </c>
      <c r="DG35" s="277">
        <v>0</v>
      </c>
      <c r="DH35" s="278">
        <v>0</v>
      </c>
      <c r="DI35" s="273">
        <v>0</v>
      </c>
      <c r="DJ35" s="274">
        <v>0</v>
      </c>
      <c r="DK35" s="275">
        <v>0</v>
      </c>
      <c r="DL35" s="276">
        <v>0</v>
      </c>
      <c r="DM35" s="274">
        <v>25860</v>
      </c>
      <c r="DN35" s="274">
        <v>21824</v>
      </c>
      <c r="DO35" s="274">
        <v>260573</v>
      </c>
      <c r="DP35" s="274">
        <v>388798</v>
      </c>
      <c r="DQ35" s="274">
        <v>163645</v>
      </c>
      <c r="DR35" s="277">
        <v>860700</v>
      </c>
      <c r="DS35" s="280">
        <v>860700</v>
      </c>
      <c r="DT35" s="273">
        <v>0</v>
      </c>
      <c r="DU35" s="274">
        <v>0</v>
      </c>
      <c r="DV35" s="275">
        <v>0</v>
      </c>
      <c r="DW35" s="279"/>
      <c r="DX35" s="274">
        <v>25650</v>
      </c>
      <c r="DY35" s="274">
        <v>0</v>
      </c>
      <c r="DZ35" s="274">
        <v>163620</v>
      </c>
      <c r="EA35" s="274">
        <v>306300</v>
      </c>
      <c r="EB35" s="274">
        <v>117000</v>
      </c>
      <c r="EC35" s="277">
        <v>612570</v>
      </c>
      <c r="ED35" s="278">
        <v>612570</v>
      </c>
      <c r="EE35" s="273">
        <v>0</v>
      </c>
      <c r="EF35" s="274">
        <v>0</v>
      </c>
      <c r="EG35" s="275">
        <v>0</v>
      </c>
      <c r="EH35" s="279"/>
      <c r="EI35" s="274">
        <v>210</v>
      </c>
      <c r="EJ35" s="274">
        <v>299</v>
      </c>
      <c r="EK35" s="274">
        <v>11550</v>
      </c>
      <c r="EL35" s="274">
        <v>37132</v>
      </c>
      <c r="EM35" s="274">
        <v>11310</v>
      </c>
      <c r="EN35" s="277">
        <v>60501</v>
      </c>
      <c r="EO35" s="278">
        <v>60501</v>
      </c>
      <c r="EP35" s="273">
        <v>0</v>
      </c>
      <c r="EQ35" s="274">
        <v>0</v>
      </c>
      <c r="ER35" s="275">
        <v>0</v>
      </c>
      <c r="ES35" s="279"/>
      <c r="ET35" s="274">
        <v>0</v>
      </c>
      <c r="EU35" s="274">
        <v>0</v>
      </c>
      <c r="EV35" s="274">
        <v>0</v>
      </c>
      <c r="EW35" s="274">
        <v>0</v>
      </c>
      <c r="EX35" s="274">
        <v>0</v>
      </c>
      <c r="EY35" s="277">
        <v>0</v>
      </c>
      <c r="EZ35" s="278">
        <v>0</v>
      </c>
      <c r="FA35" s="273">
        <v>0</v>
      </c>
      <c r="FB35" s="274">
        <v>0</v>
      </c>
      <c r="FC35" s="275">
        <v>0</v>
      </c>
      <c r="FD35" s="279"/>
      <c r="FE35" s="274">
        <v>0</v>
      </c>
      <c r="FF35" s="274">
        <v>0</v>
      </c>
      <c r="FG35" s="274">
        <v>0</v>
      </c>
      <c r="FH35" s="274">
        <v>0</v>
      </c>
      <c r="FI35" s="274">
        <v>210</v>
      </c>
      <c r="FJ35" s="277">
        <v>210</v>
      </c>
      <c r="FK35" s="278">
        <v>210</v>
      </c>
      <c r="FL35" s="273">
        <v>0</v>
      </c>
      <c r="FM35" s="274">
        <v>0</v>
      </c>
      <c r="FN35" s="275">
        <v>0</v>
      </c>
      <c r="FO35" s="279"/>
      <c r="FP35" s="274">
        <v>0</v>
      </c>
      <c r="FQ35" s="274">
        <v>0</v>
      </c>
      <c r="FR35" s="274">
        <v>73530</v>
      </c>
      <c r="FS35" s="274">
        <v>43590</v>
      </c>
      <c r="FT35" s="274">
        <v>21060</v>
      </c>
      <c r="FU35" s="277">
        <v>138180</v>
      </c>
      <c r="FV35" s="278">
        <v>138180</v>
      </c>
      <c r="FW35" s="273">
        <v>0</v>
      </c>
      <c r="FX35" s="274">
        <v>0</v>
      </c>
      <c r="FY35" s="275">
        <v>0</v>
      </c>
      <c r="FZ35" s="276">
        <v>0</v>
      </c>
      <c r="GA35" s="274">
        <v>0</v>
      </c>
      <c r="GB35" s="274">
        <v>21525</v>
      </c>
      <c r="GC35" s="274">
        <v>10083</v>
      </c>
      <c r="GD35" s="274">
        <v>702</v>
      </c>
      <c r="GE35" s="274">
        <v>14065</v>
      </c>
      <c r="GF35" s="277">
        <v>46375</v>
      </c>
      <c r="GG35" s="278">
        <v>46375</v>
      </c>
      <c r="GH35" s="273">
        <v>0</v>
      </c>
      <c r="GI35" s="274">
        <v>0</v>
      </c>
      <c r="GJ35" s="275">
        <v>0</v>
      </c>
      <c r="GK35" s="276">
        <v>0</v>
      </c>
      <c r="GL35" s="274">
        <v>0</v>
      </c>
      <c r="GM35" s="274">
        <v>0</v>
      </c>
      <c r="GN35" s="274">
        <v>1790</v>
      </c>
      <c r="GO35" s="274">
        <v>1074</v>
      </c>
      <c r="GP35" s="274">
        <v>0</v>
      </c>
      <c r="GQ35" s="277">
        <v>2864</v>
      </c>
      <c r="GR35" s="278">
        <v>2864</v>
      </c>
      <c r="GS35" s="273">
        <v>0</v>
      </c>
      <c r="GT35" s="274">
        <v>0</v>
      </c>
      <c r="GU35" s="275">
        <v>0</v>
      </c>
      <c r="GV35" s="276">
        <v>0</v>
      </c>
      <c r="GW35" s="274">
        <v>0</v>
      </c>
      <c r="GX35" s="274">
        <v>0</v>
      </c>
      <c r="GY35" s="274">
        <v>0</v>
      </c>
      <c r="GZ35" s="274">
        <v>0</v>
      </c>
      <c r="HA35" s="274">
        <v>0</v>
      </c>
      <c r="HB35" s="277">
        <v>0</v>
      </c>
      <c r="HC35" s="278">
        <v>0</v>
      </c>
      <c r="HD35" s="273">
        <v>0</v>
      </c>
      <c r="HE35" s="274">
        <v>0</v>
      </c>
      <c r="HF35" s="275">
        <v>0</v>
      </c>
      <c r="HG35" s="279"/>
      <c r="HH35" s="274">
        <v>0</v>
      </c>
      <c r="HI35" s="274">
        <v>0</v>
      </c>
      <c r="HJ35" s="274">
        <v>0</v>
      </c>
      <c r="HK35" s="274">
        <v>0</v>
      </c>
      <c r="HL35" s="274">
        <v>0</v>
      </c>
      <c r="HM35" s="277">
        <v>0</v>
      </c>
      <c r="HN35" s="278">
        <v>0</v>
      </c>
      <c r="HO35" s="273">
        <v>0</v>
      </c>
      <c r="HP35" s="274">
        <v>0</v>
      </c>
      <c r="HQ35" s="275">
        <v>0</v>
      </c>
      <c r="HR35" s="276">
        <v>0</v>
      </c>
      <c r="HS35" s="274">
        <v>91860</v>
      </c>
      <c r="HT35" s="274">
        <v>79874</v>
      </c>
      <c r="HU35" s="274">
        <v>590318</v>
      </c>
      <c r="HV35" s="274">
        <v>796773</v>
      </c>
      <c r="HW35" s="274">
        <v>328050</v>
      </c>
      <c r="HX35" s="277">
        <v>1886875</v>
      </c>
      <c r="HY35" s="278">
        <v>1886875</v>
      </c>
    </row>
    <row r="36" spans="2:233" ht="21" customHeight="1" x14ac:dyDescent="0.2">
      <c r="B36" s="472" t="s">
        <v>33</v>
      </c>
      <c r="C36" s="273">
        <v>0</v>
      </c>
      <c r="D36" s="274">
        <v>0</v>
      </c>
      <c r="E36" s="275">
        <v>0</v>
      </c>
      <c r="F36" s="276">
        <v>0</v>
      </c>
      <c r="G36" s="274">
        <v>81330</v>
      </c>
      <c r="H36" s="274">
        <v>154265</v>
      </c>
      <c r="I36" s="274">
        <v>428590</v>
      </c>
      <c r="J36" s="274">
        <v>505805</v>
      </c>
      <c r="K36" s="274">
        <v>324180</v>
      </c>
      <c r="L36" s="277">
        <v>1494170</v>
      </c>
      <c r="M36" s="278">
        <v>1494170</v>
      </c>
      <c r="N36" s="273">
        <v>0</v>
      </c>
      <c r="O36" s="274">
        <v>0</v>
      </c>
      <c r="P36" s="275">
        <v>0</v>
      </c>
      <c r="Q36" s="279"/>
      <c r="R36" s="274">
        <v>0</v>
      </c>
      <c r="S36" s="274">
        <v>28950</v>
      </c>
      <c r="T36" s="274">
        <v>222975</v>
      </c>
      <c r="U36" s="274">
        <v>300600</v>
      </c>
      <c r="V36" s="274">
        <v>212540</v>
      </c>
      <c r="W36" s="277">
        <v>765065</v>
      </c>
      <c r="X36" s="278">
        <v>765065</v>
      </c>
      <c r="Y36" s="273">
        <v>0</v>
      </c>
      <c r="Z36" s="274">
        <v>0</v>
      </c>
      <c r="AA36" s="275">
        <v>0</v>
      </c>
      <c r="AB36" s="279"/>
      <c r="AC36" s="274">
        <v>57580</v>
      </c>
      <c r="AD36" s="274">
        <v>62765</v>
      </c>
      <c r="AE36" s="274">
        <v>137100</v>
      </c>
      <c r="AF36" s="274">
        <v>155465</v>
      </c>
      <c r="AG36" s="274">
        <v>5100</v>
      </c>
      <c r="AH36" s="277">
        <v>418010</v>
      </c>
      <c r="AI36" s="278">
        <v>418010</v>
      </c>
      <c r="AJ36" s="273">
        <v>0</v>
      </c>
      <c r="AK36" s="274">
        <v>0</v>
      </c>
      <c r="AL36" s="275">
        <v>0</v>
      </c>
      <c r="AM36" s="279"/>
      <c r="AN36" s="274">
        <v>0</v>
      </c>
      <c r="AO36" s="274">
        <v>0</v>
      </c>
      <c r="AP36" s="274">
        <v>0</v>
      </c>
      <c r="AQ36" s="274">
        <v>0</v>
      </c>
      <c r="AR36" s="274">
        <v>0</v>
      </c>
      <c r="AS36" s="277">
        <v>0</v>
      </c>
      <c r="AT36" s="278">
        <v>0</v>
      </c>
      <c r="AU36" s="273">
        <v>0</v>
      </c>
      <c r="AV36" s="274">
        <v>0</v>
      </c>
      <c r="AW36" s="275">
        <v>0</v>
      </c>
      <c r="AX36" s="279"/>
      <c r="AY36" s="274">
        <v>11130</v>
      </c>
      <c r="AZ36" s="274">
        <v>60750</v>
      </c>
      <c r="BA36" s="274">
        <v>60750</v>
      </c>
      <c r="BB36" s="274">
        <v>34350</v>
      </c>
      <c r="BC36" s="274">
        <v>67740</v>
      </c>
      <c r="BD36" s="277">
        <v>234720</v>
      </c>
      <c r="BE36" s="278">
        <v>234720</v>
      </c>
      <c r="BF36" s="273">
        <v>0</v>
      </c>
      <c r="BG36" s="274">
        <v>0</v>
      </c>
      <c r="BH36" s="275">
        <v>0</v>
      </c>
      <c r="BI36" s="279"/>
      <c r="BJ36" s="274">
        <v>0</v>
      </c>
      <c r="BK36" s="274">
        <v>0</v>
      </c>
      <c r="BL36" s="274">
        <v>0</v>
      </c>
      <c r="BM36" s="274">
        <v>0</v>
      </c>
      <c r="BN36" s="274">
        <v>0</v>
      </c>
      <c r="BO36" s="277">
        <v>0</v>
      </c>
      <c r="BP36" s="278">
        <v>0</v>
      </c>
      <c r="BQ36" s="273">
        <v>0</v>
      </c>
      <c r="BR36" s="274">
        <v>0</v>
      </c>
      <c r="BS36" s="275">
        <v>0</v>
      </c>
      <c r="BT36" s="276">
        <v>0</v>
      </c>
      <c r="BU36" s="274">
        <v>12620</v>
      </c>
      <c r="BV36" s="274">
        <v>1800</v>
      </c>
      <c r="BW36" s="274">
        <v>7765</v>
      </c>
      <c r="BX36" s="274">
        <v>15390</v>
      </c>
      <c r="BY36" s="274">
        <v>34575</v>
      </c>
      <c r="BZ36" s="277">
        <v>72150</v>
      </c>
      <c r="CA36" s="278">
        <v>72150</v>
      </c>
      <c r="CB36" s="273">
        <v>0</v>
      </c>
      <c r="CC36" s="274">
        <v>0</v>
      </c>
      <c r="CD36" s="275">
        <v>0</v>
      </c>
      <c r="CE36" s="276">
        <v>0</v>
      </c>
      <c r="CF36" s="274">
        <v>0</v>
      </c>
      <c r="CG36" s="274">
        <v>0</v>
      </c>
      <c r="CH36" s="274">
        <v>0</v>
      </c>
      <c r="CI36" s="274">
        <v>0</v>
      </c>
      <c r="CJ36" s="274">
        <v>4225</v>
      </c>
      <c r="CK36" s="277">
        <v>4225</v>
      </c>
      <c r="CL36" s="278">
        <v>4225</v>
      </c>
      <c r="CM36" s="273">
        <v>0</v>
      </c>
      <c r="CN36" s="274">
        <v>0</v>
      </c>
      <c r="CO36" s="275">
        <v>0</v>
      </c>
      <c r="CP36" s="276">
        <v>0</v>
      </c>
      <c r="CQ36" s="274">
        <v>0</v>
      </c>
      <c r="CR36" s="274">
        <v>0</v>
      </c>
      <c r="CS36" s="274">
        <v>0</v>
      </c>
      <c r="CT36" s="274">
        <v>0</v>
      </c>
      <c r="CU36" s="274">
        <v>0</v>
      </c>
      <c r="CV36" s="277">
        <v>0</v>
      </c>
      <c r="CW36" s="278">
        <v>0</v>
      </c>
      <c r="CX36" s="273">
        <v>0</v>
      </c>
      <c r="CY36" s="274">
        <v>0</v>
      </c>
      <c r="CZ36" s="275">
        <v>0</v>
      </c>
      <c r="DA36" s="279"/>
      <c r="DB36" s="274">
        <v>0</v>
      </c>
      <c r="DC36" s="274">
        <v>0</v>
      </c>
      <c r="DD36" s="274">
        <v>0</v>
      </c>
      <c r="DE36" s="274">
        <v>0</v>
      </c>
      <c r="DF36" s="274">
        <v>0</v>
      </c>
      <c r="DG36" s="277">
        <v>0</v>
      </c>
      <c r="DH36" s="278">
        <v>0</v>
      </c>
      <c r="DI36" s="273">
        <v>0</v>
      </c>
      <c r="DJ36" s="274">
        <v>0</v>
      </c>
      <c r="DK36" s="275">
        <v>0</v>
      </c>
      <c r="DL36" s="276">
        <v>0</v>
      </c>
      <c r="DM36" s="274">
        <v>12246</v>
      </c>
      <c r="DN36" s="274">
        <v>75318</v>
      </c>
      <c r="DO36" s="274">
        <v>314997</v>
      </c>
      <c r="DP36" s="274">
        <v>375862</v>
      </c>
      <c r="DQ36" s="274">
        <v>227294</v>
      </c>
      <c r="DR36" s="277">
        <v>1005717</v>
      </c>
      <c r="DS36" s="280">
        <v>1005717</v>
      </c>
      <c r="DT36" s="273">
        <v>0</v>
      </c>
      <c r="DU36" s="274">
        <v>0</v>
      </c>
      <c r="DV36" s="275">
        <v>0</v>
      </c>
      <c r="DW36" s="279"/>
      <c r="DX36" s="274">
        <v>0</v>
      </c>
      <c r="DY36" s="274">
        <v>49980</v>
      </c>
      <c r="DZ36" s="274">
        <v>273306</v>
      </c>
      <c r="EA36" s="274">
        <v>346560</v>
      </c>
      <c r="EB36" s="274">
        <v>195645</v>
      </c>
      <c r="EC36" s="277">
        <v>865491</v>
      </c>
      <c r="ED36" s="278">
        <v>865491</v>
      </c>
      <c r="EE36" s="273">
        <v>0</v>
      </c>
      <c r="EF36" s="274">
        <v>0</v>
      </c>
      <c r="EG36" s="275">
        <v>0</v>
      </c>
      <c r="EH36" s="279"/>
      <c r="EI36" s="274">
        <v>630</v>
      </c>
      <c r="EJ36" s="274">
        <v>11898</v>
      </c>
      <c r="EK36" s="274">
        <v>23250</v>
      </c>
      <c r="EL36" s="274">
        <v>1470</v>
      </c>
      <c r="EM36" s="274">
        <v>420</v>
      </c>
      <c r="EN36" s="277">
        <v>37668</v>
      </c>
      <c r="EO36" s="278">
        <v>37668</v>
      </c>
      <c r="EP36" s="273">
        <v>0</v>
      </c>
      <c r="EQ36" s="274">
        <v>0</v>
      </c>
      <c r="ER36" s="275">
        <v>0</v>
      </c>
      <c r="ES36" s="279"/>
      <c r="ET36" s="274">
        <v>0</v>
      </c>
      <c r="EU36" s="274">
        <v>0</v>
      </c>
      <c r="EV36" s="274">
        <v>0</v>
      </c>
      <c r="EW36" s="274">
        <v>0</v>
      </c>
      <c r="EX36" s="274">
        <v>0</v>
      </c>
      <c r="EY36" s="277">
        <v>0</v>
      </c>
      <c r="EZ36" s="278">
        <v>0</v>
      </c>
      <c r="FA36" s="273">
        <v>0</v>
      </c>
      <c r="FB36" s="274">
        <v>0</v>
      </c>
      <c r="FC36" s="275">
        <v>0</v>
      </c>
      <c r="FD36" s="279"/>
      <c r="FE36" s="274">
        <v>98</v>
      </c>
      <c r="FF36" s="274">
        <v>11730</v>
      </c>
      <c r="FG36" s="274">
        <v>11772</v>
      </c>
      <c r="FH36" s="274">
        <v>11310</v>
      </c>
      <c r="FI36" s="274">
        <v>798</v>
      </c>
      <c r="FJ36" s="277">
        <v>35708</v>
      </c>
      <c r="FK36" s="278">
        <v>35708</v>
      </c>
      <c r="FL36" s="273">
        <v>0</v>
      </c>
      <c r="FM36" s="274">
        <v>0</v>
      </c>
      <c r="FN36" s="275">
        <v>0</v>
      </c>
      <c r="FO36" s="279"/>
      <c r="FP36" s="274">
        <v>0</v>
      </c>
      <c r="FQ36" s="274">
        <v>0</v>
      </c>
      <c r="FR36" s="274">
        <v>0</v>
      </c>
      <c r="FS36" s="274">
        <v>0</v>
      </c>
      <c r="FT36" s="274">
        <v>0</v>
      </c>
      <c r="FU36" s="277">
        <v>0</v>
      </c>
      <c r="FV36" s="278">
        <v>0</v>
      </c>
      <c r="FW36" s="273">
        <v>0</v>
      </c>
      <c r="FX36" s="274">
        <v>0</v>
      </c>
      <c r="FY36" s="275">
        <v>0</v>
      </c>
      <c r="FZ36" s="276">
        <v>0</v>
      </c>
      <c r="GA36" s="274">
        <v>11518</v>
      </c>
      <c r="GB36" s="274">
        <v>1710</v>
      </c>
      <c r="GC36" s="274">
        <v>6669</v>
      </c>
      <c r="GD36" s="274">
        <v>16522</v>
      </c>
      <c r="GE36" s="274">
        <v>30431</v>
      </c>
      <c r="GF36" s="277">
        <v>66850</v>
      </c>
      <c r="GG36" s="278">
        <v>66850</v>
      </c>
      <c r="GH36" s="273">
        <v>0</v>
      </c>
      <c r="GI36" s="274">
        <v>0</v>
      </c>
      <c r="GJ36" s="275">
        <v>0</v>
      </c>
      <c r="GK36" s="276">
        <v>0</v>
      </c>
      <c r="GL36" s="274">
        <v>0</v>
      </c>
      <c r="GM36" s="274">
        <v>0</v>
      </c>
      <c r="GN36" s="274">
        <v>0</v>
      </c>
      <c r="GO36" s="274">
        <v>0</v>
      </c>
      <c r="GP36" s="274">
        <v>0</v>
      </c>
      <c r="GQ36" s="277">
        <v>0</v>
      </c>
      <c r="GR36" s="278">
        <v>0</v>
      </c>
      <c r="GS36" s="273">
        <v>0</v>
      </c>
      <c r="GT36" s="274">
        <v>0</v>
      </c>
      <c r="GU36" s="275">
        <v>0</v>
      </c>
      <c r="GV36" s="276">
        <v>0</v>
      </c>
      <c r="GW36" s="274">
        <v>0</v>
      </c>
      <c r="GX36" s="274">
        <v>0</v>
      </c>
      <c r="GY36" s="274">
        <v>0</v>
      </c>
      <c r="GZ36" s="274">
        <v>0</v>
      </c>
      <c r="HA36" s="274">
        <v>0</v>
      </c>
      <c r="HB36" s="277">
        <v>0</v>
      </c>
      <c r="HC36" s="278">
        <v>0</v>
      </c>
      <c r="HD36" s="273">
        <v>0</v>
      </c>
      <c r="HE36" s="274">
        <v>0</v>
      </c>
      <c r="HF36" s="275">
        <v>0</v>
      </c>
      <c r="HG36" s="279"/>
      <c r="HH36" s="274">
        <v>0</v>
      </c>
      <c r="HI36" s="274">
        <v>0</v>
      </c>
      <c r="HJ36" s="274">
        <v>0</v>
      </c>
      <c r="HK36" s="274">
        <v>0</v>
      </c>
      <c r="HL36" s="274">
        <v>0</v>
      </c>
      <c r="HM36" s="277">
        <v>0</v>
      </c>
      <c r="HN36" s="278">
        <v>0</v>
      </c>
      <c r="HO36" s="273">
        <v>0</v>
      </c>
      <c r="HP36" s="274">
        <v>0</v>
      </c>
      <c r="HQ36" s="275">
        <v>0</v>
      </c>
      <c r="HR36" s="276">
        <v>0</v>
      </c>
      <c r="HS36" s="274">
        <v>93576</v>
      </c>
      <c r="HT36" s="274">
        <v>229583</v>
      </c>
      <c r="HU36" s="274">
        <v>743587</v>
      </c>
      <c r="HV36" s="274">
        <v>881667</v>
      </c>
      <c r="HW36" s="274">
        <v>551474</v>
      </c>
      <c r="HX36" s="277">
        <v>2499887</v>
      </c>
      <c r="HY36" s="278">
        <v>2499887</v>
      </c>
    </row>
    <row r="37" spans="2:233" ht="21" customHeight="1" x14ac:dyDescent="0.2">
      <c r="B37" s="472" t="s">
        <v>34</v>
      </c>
      <c r="C37" s="273">
        <v>0</v>
      </c>
      <c r="D37" s="274">
        <v>0</v>
      </c>
      <c r="E37" s="275">
        <v>0</v>
      </c>
      <c r="F37" s="276">
        <v>0</v>
      </c>
      <c r="G37" s="274">
        <v>25295</v>
      </c>
      <c r="H37" s="274">
        <v>85595</v>
      </c>
      <c r="I37" s="274">
        <v>67640</v>
      </c>
      <c r="J37" s="274">
        <v>136695</v>
      </c>
      <c r="K37" s="274">
        <v>117062</v>
      </c>
      <c r="L37" s="277">
        <v>432287</v>
      </c>
      <c r="M37" s="278">
        <v>432287</v>
      </c>
      <c r="N37" s="273">
        <v>0</v>
      </c>
      <c r="O37" s="274">
        <v>0</v>
      </c>
      <c r="P37" s="275">
        <v>0</v>
      </c>
      <c r="Q37" s="279"/>
      <c r="R37" s="274">
        <v>0</v>
      </c>
      <c r="S37" s="274">
        <v>0</v>
      </c>
      <c r="T37" s="274">
        <v>39300</v>
      </c>
      <c r="U37" s="274">
        <v>107700</v>
      </c>
      <c r="V37" s="274">
        <v>80595</v>
      </c>
      <c r="W37" s="277">
        <v>227595</v>
      </c>
      <c r="X37" s="278">
        <v>227595</v>
      </c>
      <c r="Y37" s="273">
        <v>0</v>
      </c>
      <c r="Z37" s="274">
        <v>0</v>
      </c>
      <c r="AA37" s="275">
        <v>0</v>
      </c>
      <c r="AB37" s="279"/>
      <c r="AC37" s="274">
        <v>25295</v>
      </c>
      <c r="AD37" s="274">
        <v>85595</v>
      </c>
      <c r="AE37" s="274">
        <v>26400</v>
      </c>
      <c r="AF37" s="274">
        <v>2550</v>
      </c>
      <c r="AG37" s="274">
        <v>34200</v>
      </c>
      <c r="AH37" s="277">
        <v>174040</v>
      </c>
      <c r="AI37" s="278">
        <v>174040</v>
      </c>
      <c r="AJ37" s="273">
        <v>0</v>
      </c>
      <c r="AK37" s="274">
        <v>0</v>
      </c>
      <c r="AL37" s="275">
        <v>0</v>
      </c>
      <c r="AM37" s="279"/>
      <c r="AN37" s="274">
        <v>0</v>
      </c>
      <c r="AO37" s="274">
        <v>0</v>
      </c>
      <c r="AP37" s="274">
        <v>0</v>
      </c>
      <c r="AQ37" s="274">
        <v>0</v>
      </c>
      <c r="AR37" s="274">
        <v>0</v>
      </c>
      <c r="AS37" s="277">
        <v>0</v>
      </c>
      <c r="AT37" s="278">
        <v>0</v>
      </c>
      <c r="AU37" s="273">
        <v>0</v>
      </c>
      <c r="AV37" s="274">
        <v>0</v>
      </c>
      <c r="AW37" s="275">
        <v>0</v>
      </c>
      <c r="AX37" s="279"/>
      <c r="AY37" s="274">
        <v>0</v>
      </c>
      <c r="AZ37" s="274">
        <v>0</v>
      </c>
      <c r="BA37" s="274">
        <v>0</v>
      </c>
      <c r="BB37" s="274">
        <v>0</v>
      </c>
      <c r="BC37" s="274">
        <v>0</v>
      </c>
      <c r="BD37" s="277">
        <v>0</v>
      </c>
      <c r="BE37" s="278">
        <v>0</v>
      </c>
      <c r="BF37" s="273">
        <v>0</v>
      </c>
      <c r="BG37" s="274">
        <v>0</v>
      </c>
      <c r="BH37" s="275">
        <v>0</v>
      </c>
      <c r="BI37" s="279"/>
      <c r="BJ37" s="274">
        <v>0</v>
      </c>
      <c r="BK37" s="274">
        <v>0</v>
      </c>
      <c r="BL37" s="274">
        <v>0</v>
      </c>
      <c r="BM37" s="274">
        <v>0</v>
      </c>
      <c r="BN37" s="274">
        <v>0</v>
      </c>
      <c r="BO37" s="277">
        <v>0</v>
      </c>
      <c r="BP37" s="278">
        <v>0</v>
      </c>
      <c r="BQ37" s="273">
        <v>0</v>
      </c>
      <c r="BR37" s="274">
        <v>0</v>
      </c>
      <c r="BS37" s="275">
        <v>0</v>
      </c>
      <c r="BT37" s="276">
        <v>0</v>
      </c>
      <c r="BU37" s="274">
        <v>0</v>
      </c>
      <c r="BV37" s="274">
        <v>0</v>
      </c>
      <c r="BW37" s="274">
        <v>1940</v>
      </c>
      <c r="BX37" s="274">
        <v>19055</v>
      </c>
      <c r="BY37" s="274">
        <v>2267</v>
      </c>
      <c r="BZ37" s="277">
        <v>23262</v>
      </c>
      <c r="CA37" s="278">
        <v>23262</v>
      </c>
      <c r="CB37" s="273">
        <v>0</v>
      </c>
      <c r="CC37" s="274">
        <v>0</v>
      </c>
      <c r="CD37" s="275">
        <v>0</v>
      </c>
      <c r="CE37" s="276">
        <v>0</v>
      </c>
      <c r="CF37" s="274">
        <v>0</v>
      </c>
      <c r="CG37" s="274">
        <v>0</v>
      </c>
      <c r="CH37" s="274">
        <v>0</v>
      </c>
      <c r="CI37" s="274">
        <v>7390</v>
      </c>
      <c r="CJ37" s="274">
        <v>0</v>
      </c>
      <c r="CK37" s="277">
        <v>7390</v>
      </c>
      <c r="CL37" s="278">
        <v>739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279"/>
      <c r="DB37" s="274">
        <v>0</v>
      </c>
      <c r="DC37" s="274">
        <v>0</v>
      </c>
      <c r="DD37" s="274">
        <v>0</v>
      </c>
      <c r="DE37" s="274">
        <v>0</v>
      </c>
      <c r="DF37" s="274">
        <v>0</v>
      </c>
      <c r="DG37" s="277">
        <v>0</v>
      </c>
      <c r="DH37" s="278">
        <v>0</v>
      </c>
      <c r="DI37" s="273">
        <v>0</v>
      </c>
      <c r="DJ37" s="274">
        <v>0</v>
      </c>
      <c r="DK37" s="275">
        <v>0</v>
      </c>
      <c r="DL37" s="276">
        <v>0</v>
      </c>
      <c r="DM37" s="274">
        <v>313</v>
      </c>
      <c r="DN37" s="274">
        <v>12451</v>
      </c>
      <c r="DO37" s="274">
        <v>102879</v>
      </c>
      <c r="DP37" s="274">
        <v>173105</v>
      </c>
      <c r="DQ37" s="274">
        <v>120142</v>
      </c>
      <c r="DR37" s="277">
        <v>408890</v>
      </c>
      <c r="DS37" s="280">
        <v>408890</v>
      </c>
      <c r="DT37" s="273">
        <v>0</v>
      </c>
      <c r="DU37" s="274">
        <v>0</v>
      </c>
      <c r="DV37" s="275">
        <v>0</v>
      </c>
      <c r="DW37" s="279"/>
      <c r="DX37" s="274">
        <v>0</v>
      </c>
      <c r="DY37" s="274">
        <v>0</v>
      </c>
      <c r="DZ37" s="274">
        <v>98220</v>
      </c>
      <c r="EA37" s="274">
        <v>161670</v>
      </c>
      <c r="EB37" s="274">
        <v>114850</v>
      </c>
      <c r="EC37" s="277">
        <v>374740</v>
      </c>
      <c r="ED37" s="278">
        <v>374740</v>
      </c>
      <c r="EE37" s="273">
        <v>0</v>
      </c>
      <c r="EF37" s="274">
        <v>0</v>
      </c>
      <c r="EG37" s="275">
        <v>0</v>
      </c>
      <c r="EH37" s="279"/>
      <c r="EI37" s="274">
        <v>313</v>
      </c>
      <c r="EJ37" s="274">
        <v>12451</v>
      </c>
      <c r="EK37" s="274">
        <v>420</v>
      </c>
      <c r="EL37" s="274">
        <v>210</v>
      </c>
      <c r="EM37" s="274">
        <v>420</v>
      </c>
      <c r="EN37" s="277">
        <v>13814</v>
      </c>
      <c r="EO37" s="278">
        <v>13814</v>
      </c>
      <c r="EP37" s="273">
        <v>0</v>
      </c>
      <c r="EQ37" s="274">
        <v>0</v>
      </c>
      <c r="ER37" s="275">
        <v>0</v>
      </c>
      <c r="ES37" s="279"/>
      <c r="ET37" s="274">
        <v>0</v>
      </c>
      <c r="EU37" s="274">
        <v>0</v>
      </c>
      <c r="EV37" s="274">
        <v>0</v>
      </c>
      <c r="EW37" s="274">
        <v>0</v>
      </c>
      <c r="EX37" s="274">
        <v>0</v>
      </c>
      <c r="EY37" s="277">
        <v>0</v>
      </c>
      <c r="EZ37" s="278">
        <v>0</v>
      </c>
      <c r="FA37" s="273">
        <v>0</v>
      </c>
      <c r="FB37" s="274">
        <v>0</v>
      </c>
      <c r="FC37" s="275">
        <v>0</v>
      </c>
      <c r="FD37" s="279"/>
      <c r="FE37" s="274">
        <v>0</v>
      </c>
      <c r="FF37" s="274">
        <v>0</v>
      </c>
      <c r="FG37" s="274">
        <v>0</v>
      </c>
      <c r="FH37" s="274">
        <v>0</v>
      </c>
      <c r="FI37" s="274">
        <v>0</v>
      </c>
      <c r="FJ37" s="277">
        <v>0</v>
      </c>
      <c r="FK37" s="278">
        <v>0</v>
      </c>
      <c r="FL37" s="273">
        <v>0</v>
      </c>
      <c r="FM37" s="274">
        <v>0</v>
      </c>
      <c r="FN37" s="275">
        <v>0</v>
      </c>
      <c r="FO37" s="279"/>
      <c r="FP37" s="274">
        <v>0</v>
      </c>
      <c r="FQ37" s="274">
        <v>0</v>
      </c>
      <c r="FR37" s="274">
        <v>0</v>
      </c>
      <c r="FS37" s="274">
        <v>0</v>
      </c>
      <c r="FT37" s="274">
        <v>0</v>
      </c>
      <c r="FU37" s="277">
        <v>0</v>
      </c>
      <c r="FV37" s="278">
        <v>0</v>
      </c>
      <c r="FW37" s="273">
        <v>0</v>
      </c>
      <c r="FX37" s="274">
        <v>0</v>
      </c>
      <c r="FY37" s="275">
        <v>0</v>
      </c>
      <c r="FZ37" s="276">
        <v>0</v>
      </c>
      <c r="GA37" s="274">
        <v>0</v>
      </c>
      <c r="GB37" s="274">
        <v>0</v>
      </c>
      <c r="GC37" s="274">
        <v>4239</v>
      </c>
      <c r="GD37" s="274">
        <v>11155</v>
      </c>
      <c r="GE37" s="274">
        <v>4872</v>
      </c>
      <c r="GF37" s="277">
        <v>20266</v>
      </c>
      <c r="GG37" s="278">
        <v>20266</v>
      </c>
      <c r="GH37" s="273">
        <v>0</v>
      </c>
      <c r="GI37" s="274">
        <v>0</v>
      </c>
      <c r="GJ37" s="275">
        <v>0</v>
      </c>
      <c r="GK37" s="276">
        <v>0</v>
      </c>
      <c r="GL37" s="274">
        <v>0</v>
      </c>
      <c r="GM37" s="274">
        <v>0</v>
      </c>
      <c r="GN37" s="274">
        <v>0</v>
      </c>
      <c r="GO37" s="274">
        <v>70</v>
      </c>
      <c r="GP37" s="274">
        <v>0</v>
      </c>
      <c r="GQ37" s="277">
        <v>70</v>
      </c>
      <c r="GR37" s="278">
        <v>70</v>
      </c>
      <c r="GS37" s="273">
        <v>0</v>
      </c>
      <c r="GT37" s="274">
        <v>0</v>
      </c>
      <c r="GU37" s="275">
        <v>0</v>
      </c>
      <c r="GV37" s="276">
        <v>0</v>
      </c>
      <c r="GW37" s="274">
        <v>0</v>
      </c>
      <c r="GX37" s="274">
        <v>0</v>
      </c>
      <c r="GY37" s="274">
        <v>0</v>
      </c>
      <c r="GZ37" s="274">
        <v>0</v>
      </c>
      <c r="HA37" s="274">
        <v>0</v>
      </c>
      <c r="HB37" s="277">
        <v>0</v>
      </c>
      <c r="HC37" s="278">
        <v>0</v>
      </c>
      <c r="HD37" s="273">
        <v>0</v>
      </c>
      <c r="HE37" s="274">
        <v>0</v>
      </c>
      <c r="HF37" s="275">
        <v>0</v>
      </c>
      <c r="HG37" s="279"/>
      <c r="HH37" s="274">
        <v>0</v>
      </c>
      <c r="HI37" s="274">
        <v>0</v>
      </c>
      <c r="HJ37" s="274">
        <v>0</v>
      </c>
      <c r="HK37" s="274">
        <v>0</v>
      </c>
      <c r="HL37" s="274">
        <v>0</v>
      </c>
      <c r="HM37" s="277">
        <v>0</v>
      </c>
      <c r="HN37" s="278">
        <v>0</v>
      </c>
      <c r="HO37" s="273">
        <v>0</v>
      </c>
      <c r="HP37" s="274">
        <v>0</v>
      </c>
      <c r="HQ37" s="275">
        <v>0</v>
      </c>
      <c r="HR37" s="276">
        <v>0</v>
      </c>
      <c r="HS37" s="274">
        <v>25608</v>
      </c>
      <c r="HT37" s="274">
        <v>98046</v>
      </c>
      <c r="HU37" s="274">
        <v>170519</v>
      </c>
      <c r="HV37" s="274">
        <v>309800</v>
      </c>
      <c r="HW37" s="274">
        <v>237204</v>
      </c>
      <c r="HX37" s="277">
        <v>841177</v>
      </c>
      <c r="HY37" s="278">
        <v>841177</v>
      </c>
    </row>
    <row r="38" spans="2:233" ht="21" customHeight="1" x14ac:dyDescent="0.2">
      <c r="B38" s="472" t="s">
        <v>35</v>
      </c>
      <c r="C38" s="273">
        <v>1885</v>
      </c>
      <c r="D38" s="274">
        <v>0</v>
      </c>
      <c r="E38" s="275">
        <v>1885</v>
      </c>
      <c r="F38" s="276">
        <v>0</v>
      </c>
      <c r="G38" s="274">
        <v>209910</v>
      </c>
      <c r="H38" s="274">
        <v>240015</v>
      </c>
      <c r="I38" s="274">
        <v>406705</v>
      </c>
      <c r="J38" s="274">
        <v>389560</v>
      </c>
      <c r="K38" s="274">
        <v>233175</v>
      </c>
      <c r="L38" s="277">
        <v>1479365</v>
      </c>
      <c r="M38" s="278">
        <v>1481250</v>
      </c>
      <c r="N38" s="273">
        <v>0</v>
      </c>
      <c r="O38" s="274">
        <v>0</v>
      </c>
      <c r="P38" s="275">
        <v>0</v>
      </c>
      <c r="Q38" s="279"/>
      <c r="R38" s="274">
        <v>0</v>
      </c>
      <c r="S38" s="274">
        <v>23850</v>
      </c>
      <c r="T38" s="274">
        <v>58050</v>
      </c>
      <c r="U38" s="274">
        <v>152010</v>
      </c>
      <c r="V38" s="274">
        <v>126450</v>
      </c>
      <c r="W38" s="277">
        <v>360360</v>
      </c>
      <c r="X38" s="278">
        <v>360360</v>
      </c>
      <c r="Y38" s="273">
        <v>0</v>
      </c>
      <c r="Z38" s="274">
        <v>0</v>
      </c>
      <c r="AA38" s="275">
        <v>0</v>
      </c>
      <c r="AB38" s="279"/>
      <c r="AC38" s="274">
        <v>158595</v>
      </c>
      <c r="AD38" s="274">
        <v>207095</v>
      </c>
      <c r="AE38" s="274">
        <v>275445</v>
      </c>
      <c r="AF38" s="274">
        <v>70950</v>
      </c>
      <c r="AG38" s="274">
        <v>35475</v>
      </c>
      <c r="AH38" s="277">
        <v>747560</v>
      </c>
      <c r="AI38" s="278">
        <v>747560</v>
      </c>
      <c r="AJ38" s="273">
        <v>0</v>
      </c>
      <c r="AK38" s="274">
        <v>0</v>
      </c>
      <c r="AL38" s="275">
        <v>0</v>
      </c>
      <c r="AM38" s="279"/>
      <c r="AN38" s="274">
        <v>0</v>
      </c>
      <c r="AO38" s="274">
        <v>0</v>
      </c>
      <c r="AP38" s="274">
        <v>0</v>
      </c>
      <c r="AQ38" s="274">
        <v>0</v>
      </c>
      <c r="AR38" s="274">
        <v>0</v>
      </c>
      <c r="AS38" s="277">
        <v>0</v>
      </c>
      <c r="AT38" s="278">
        <v>0</v>
      </c>
      <c r="AU38" s="273">
        <v>0</v>
      </c>
      <c r="AV38" s="274">
        <v>0</v>
      </c>
      <c r="AW38" s="275">
        <v>0</v>
      </c>
      <c r="AX38" s="279"/>
      <c r="AY38" s="274">
        <v>34200</v>
      </c>
      <c r="AZ38" s="274">
        <v>0</v>
      </c>
      <c r="BA38" s="274">
        <v>68700</v>
      </c>
      <c r="BB38" s="274">
        <v>162395</v>
      </c>
      <c r="BC38" s="274">
        <v>71250</v>
      </c>
      <c r="BD38" s="277">
        <v>336545</v>
      </c>
      <c r="BE38" s="278">
        <v>336545</v>
      </c>
      <c r="BF38" s="273">
        <v>0</v>
      </c>
      <c r="BG38" s="274">
        <v>0</v>
      </c>
      <c r="BH38" s="275">
        <v>0</v>
      </c>
      <c r="BI38" s="279"/>
      <c r="BJ38" s="274">
        <v>0</v>
      </c>
      <c r="BK38" s="274">
        <v>0</v>
      </c>
      <c r="BL38" s="274">
        <v>0</v>
      </c>
      <c r="BM38" s="274">
        <v>0</v>
      </c>
      <c r="BN38" s="274">
        <v>0</v>
      </c>
      <c r="BO38" s="277">
        <v>0</v>
      </c>
      <c r="BP38" s="278">
        <v>0</v>
      </c>
      <c r="BQ38" s="273">
        <v>1885</v>
      </c>
      <c r="BR38" s="274">
        <v>0</v>
      </c>
      <c r="BS38" s="275">
        <v>1885</v>
      </c>
      <c r="BT38" s="276">
        <v>0</v>
      </c>
      <c r="BU38" s="274">
        <v>17115</v>
      </c>
      <c r="BV38" s="274">
        <v>9070</v>
      </c>
      <c r="BW38" s="274">
        <v>3260</v>
      </c>
      <c r="BX38" s="274">
        <v>4205</v>
      </c>
      <c r="BY38" s="274">
        <v>0</v>
      </c>
      <c r="BZ38" s="277">
        <v>33650</v>
      </c>
      <c r="CA38" s="278">
        <v>35535</v>
      </c>
      <c r="CB38" s="273">
        <v>0</v>
      </c>
      <c r="CC38" s="274">
        <v>0</v>
      </c>
      <c r="CD38" s="275">
        <v>0</v>
      </c>
      <c r="CE38" s="276">
        <v>0</v>
      </c>
      <c r="CF38" s="274">
        <v>0</v>
      </c>
      <c r="CG38" s="274">
        <v>0</v>
      </c>
      <c r="CH38" s="274">
        <v>1250</v>
      </c>
      <c r="CI38" s="274">
        <v>0</v>
      </c>
      <c r="CJ38" s="274">
        <v>0</v>
      </c>
      <c r="CK38" s="277">
        <v>1250</v>
      </c>
      <c r="CL38" s="278">
        <v>1250</v>
      </c>
      <c r="CM38" s="273">
        <v>0</v>
      </c>
      <c r="CN38" s="274">
        <v>0</v>
      </c>
      <c r="CO38" s="275">
        <v>0</v>
      </c>
      <c r="CP38" s="276">
        <v>0</v>
      </c>
      <c r="CQ38" s="274">
        <v>0</v>
      </c>
      <c r="CR38" s="274">
        <v>0</v>
      </c>
      <c r="CS38" s="274">
        <v>0</v>
      </c>
      <c r="CT38" s="274">
        <v>0</v>
      </c>
      <c r="CU38" s="274">
        <v>0</v>
      </c>
      <c r="CV38" s="277">
        <v>0</v>
      </c>
      <c r="CW38" s="278">
        <v>0</v>
      </c>
      <c r="CX38" s="273">
        <v>0</v>
      </c>
      <c r="CY38" s="274">
        <v>0</v>
      </c>
      <c r="CZ38" s="275">
        <v>0</v>
      </c>
      <c r="DA38" s="279"/>
      <c r="DB38" s="274">
        <v>0</v>
      </c>
      <c r="DC38" s="274">
        <v>0</v>
      </c>
      <c r="DD38" s="274">
        <v>0</v>
      </c>
      <c r="DE38" s="274">
        <v>0</v>
      </c>
      <c r="DF38" s="274">
        <v>0</v>
      </c>
      <c r="DG38" s="277">
        <v>0</v>
      </c>
      <c r="DH38" s="278">
        <v>0</v>
      </c>
      <c r="DI38" s="273">
        <v>1410</v>
      </c>
      <c r="DJ38" s="274">
        <v>0</v>
      </c>
      <c r="DK38" s="275">
        <v>1410</v>
      </c>
      <c r="DL38" s="276">
        <v>0</v>
      </c>
      <c r="DM38" s="274">
        <v>43918</v>
      </c>
      <c r="DN38" s="274">
        <v>50284</v>
      </c>
      <c r="DO38" s="274">
        <v>105630</v>
      </c>
      <c r="DP38" s="274">
        <v>273504</v>
      </c>
      <c r="DQ38" s="274">
        <v>164994</v>
      </c>
      <c r="DR38" s="277">
        <v>638330</v>
      </c>
      <c r="DS38" s="280">
        <v>639740</v>
      </c>
      <c r="DT38" s="273">
        <v>0</v>
      </c>
      <c r="DU38" s="274">
        <v>0</v>
      </c>
      <c r="DV38" s="275">
        <v>0</v>
      </c>
      <c r="DW38" s="279"/>
      <c r="DX38" s="274">
        <v>0</v>
      </c>
      <c r="DY38" s="274">
        <v>20880</v>
      </c>
      <c r="DZ38" s="274">
        <v>77340</v>
      </c>
      <c r="EA38" s="274">
        <v>212562</v>
      </c>
      <c r="EB38" s="274">
        <v>141870</v>
      </c>
      <c r="EC38" s="277">
        <v>452652</v>
      </c>
      <c r="ED38" s="278">
        <v>452652</v>
      </c>
      <c r="EE38" s="273">
        <v>0</v>
      </c>
      <c r="EF38" s="274">
        <v>0</v>
      </c>
      <c r="EG38" s="275">
        <v>0</v>
      </c>
      <c r="EH38" s="279"/>
      <c r="EI38" s="274">
        <v>22264</v>
      </c>
      <c r="EJ38" s="274">
        <v>12420</v>
      </c>
      <c r="EK38" s="274">
        <v>2247</v>
      </c>
      <c r="EL38" s="274">
        <v>1050</v>
      </c>
      <c r="EM38" s="274">
        <v>294</v>
      </c>
      <c r="EN38" s="277">
        <v>38275</v>
      </c>
      <c r="EO38" s="278">
        <v>38275</v>
      </c>
      <c r="EP38" s="273">
        <v>0</v>
      </c>
      <c r="EQ38" s="274">
        <v>0</v>
      </c>
      <c r="ER38" s="275">
        <v>0</v>
      </c>
      <c r="ES38" s="279"/>
      <c r="ET38" s="274">
        <v>0</v>
      </c>
      <c r="EU38" s="274">
        <v>0</v>
      </c>
      <c r="EV38" s="274">
        <v>0</v>
      </c>
      <c r="EW38" s="274">
        <v>0</v>
      </c>
      <c r="EX38" s="274">
        <v>0</v>
      </c>
      <c r="EY38" s="277">
        <v>0</v>
      </c>
      <c r="EZ38" s="278">
        <v>0</v>
      </c>
      <c r="FA38" s="273">
        <v>0</v>
      </c>
      <c r="FB38" s="274">
        <v>0</v>
      </c>
      <c r="FC38" s="275">
        <v>0</v>
      </c>
      <c r="FD38" s="279"/>
      <c r="FE38" s="274">
        <v>420</v>
      </c>
      <c r="FF38" s="274">
        <v>0</v>
      </c>
      <c r="FG38" s="274">
        <v>22620</v>
      </c>
      <c r="FH38" s="274">
        <v>45827</v>
      </c>
      <c r="FI38" s="274">
        <v>22830</v>
      </c>
      <c r="FJ38" s="277">
        <v>91697</v>
      </c>
      <c r="FK38" s="278">
        <v>91697</v>
      </c>
      <c r="FL38" s="273">
        <v>0</v>
      </c>
      <c r="FM38" s="274">
        <v>0</v>
      </c>
      <c r="FN38" s="275">
        <v>0</v>
      </c>
      <c r="FO38" s="279"/>
      <c r="FP38" s="274">
        <v>0</v>
      </c>
      <c r="FQ38" s="274">
        <v>0</v>
      </c>
      <c r="FR38" s="274">
        <v>0</v>
      </c>
      <c r="FS38" s="274">
        <v>0</v>
      </c>
      <c r="FT38" s="274">
        <v>0</v>
      </c>
      <c r="FU38" s="277">
        <v>0</v>
      </c>
      <c r="FV38" s="278">
        <v>0</v>
      </c>
      <c r="FW38" s="273">
        <v>1410</v>
      </c>
      <c r="FX38" s="274">
        <v>0</v>
      </c>
      <c r="FY38" s="275">
        <v>1410</v>
      </c>
      <c r="FZ38" s="276">
        <v>0</v>
      </c>
      <c r="GA38" s="274">
        <v>21234</v>
      </c>
      <c r="GB38" s="274">
        <v>16984</v>
      </c>
      <c r="GC38" s="274">
        <v>3395</v>
      </c>
      <c r="GD38" s="274">
        <v>14065</v>
      </c>
      <c r="GE38" s="274">
        <v>0</v>
      </c>
      <c r="GF38" s="277">
        <v>55678</v>
      </c>
      <c r="GG38" s="278">
        <v>57088</v>
      </c>
      <c r="GH38" s="273">
        <v>0</v>
      </c>
      <c r="GI38" s="274">
        <v>0</v>
      </c>
      <c r="GJ38" s="275">
        <v>0</v>
      </c>
      <c r="GK38" s="276">
        <v>0</v>
      </c>
      <c r="GL38" s="274">
        <v>0</v>
      </c>
      <c r="GM38" s="274">
        <v>0</v>
      </c>
      <c r="GN38" s="274">
        <v>28</v>
      </c>
      <c r="GO38" s="274">
        <v>0</v>
      </c>
      <c r="GP38" s="274">
        <v>0</v>
      </c>
      <c r="GQ38" s="277">
        <v>28</v>
      </c>
      <c r="GR38" s="278">
        <v>28</v>
      </c>
      <c r="GS38" s="273">
        <v>0</v>
      </c>
      <c r="GT38" s="274">
        <v>0</v>
      </c>
      <c r="GU38" s="275">
        <v>0</v>
      </c>
      <c r="GV38" s="276">
        <v>0</v>
      </c>
      <c r="GW38" s="274">
        <v>0</v>
      </c>
      <c r="GX38" s="274">
        <v>0</v>
      </c>
      <c r="GY38" s="274">
        <v>0</v>
      </c>
      <c r="GZ38" s="274">
        <v>0</v>
      </c>
      <c r="HA38" s="274">
        <v>0</v>
      </c>
      <c r="HB38" s="277">
        <v>0</v>
      </c>
      <c r="HC38" s="278">
        <v>0</v>
      </c>
      <c r="HD38" s="273">
        <v>0</v>
      </c>
      <c r="HE38" s="274">
        <v>0</v>
      </c>
      <c r="HF38" s="275">
        <v>0</v>
      </c>
      <c r="HG38" s="279"/>
      <c r="HH38" s="274">
        <v>0</v>
      </c>
      <c r="HI38" s="274">
        <v>0</v>
      </c>
      <c r="HJ38" s="274">
        <v>0</v>
      </c>
      <c r="HK38" s="274">
        <v>0</v>
      </c>
      <c r="HL38" s="274">
        <v>0</v>
      </c>
      <c r="HM38" s="277">
        <v>0</v>
      </c>
      <c r="HN38" s="278">
        <v>0</v>
      </c>
      <c r="HO38" s="273">
        <v>3295</v>
      </c>
      <c r="HP38" s="274">
        <v>0</v>
      </c>
      <c r="HQ38" s="275">
        <v>3295</v>
      </c>
      <c r="HR38" s="276">
        <v>0</v>
      </c>
      <c r="HS38" s="274">
        <v>253828</v>
      </c>
      <c r="HT38" s="274">
        <v>290299</v>
      </c>
      <c r="HU38" s="274">
        <v>512335</v>
      </c>
      <c r="HV38" s="274">
        <v>663064</v>
      </c>
      <c r="HW38" s="274">
        <v>398169</v>
      </c>
      <c r="HX38" s="277">
        <v>2117695</v>
      </c>
      <c r="HY38" s="278">
        <v>2120990</v>
      </c>
    </row>
    <row r="39" spans="2:233" ht="21" customHeight="1" x14ac:dyDescent="0.2">
      <c r="B39" s="472" t="s">
        <v>36</v>
      </c>
      <c r="C39" s="273">
        <v>0</v>
      </c>
      <c r="D39" s="274">
        <v>0</v>
      </c>
      <c r="E39" s="275">
        <v>0</v>
      </c>
      <c r="F39" s="276">
        <v>0</v>
      </c>
      <c r="G39" s="274">
        <v>123645</v>
      </c>
      <c r="H39" s="274">
        <v>197645</v>
      </c>
      <c r="I39" s="274">
        <v>945275</v>
      </c>
      <c r="J39" s="274">
        <v>888780</v>
      </c>
      <c r="K39" s="274">
        <v>1011860</v>
      </c>
      <c r="L39" s="277">
        <v>3167205</v>
      </c>
      <c r="M39" s="278">
        <v>3167205</v>
      </c>
      <c r="N39" s="273">
        <v>0</v>
      </c>
      <c r="O39" s="274">
        <v>0</v>
      </c>
      <c r="P39" s="275">
        <v>0</v>
      </c>
      <c r="Q39" s="279"/>
      <c r="R39" s="274">
        <v>0</v>
      </c>
      <c r="S39" s="274">
        <v>31650</v>
      </c>
      <c r="T39" s="274">
        <v>587705</v>
      </c>
      <c r="U39" s="274">
        <v>632470</v>
      </c>
      <c r="V39" s="274">
        <v>405510</v>
      </c>
      <c r="W39" s="277">
        <v>1657335</v>
      </c>
      <c r="X39" s="278">
        <v>1657335</v>
      </c>
      <c r="Y39" s="273">
        <v>0</v>
      </c>
      <c r="Z39" s="274">
        <v>0</v>
      </c>
      <c r="AA39" s="275">
        <v>0</v>
      </c>
      <c r="AB39" s="279"/>
      <c r="AC39" s="274">
        <v>110365</v>
      </c>
      <c r="AD39" s="274">
        <v>114325</v>
      </c>
      <c r="AE39" s="274">
        <v>340730</v>
      </c>
      <c r="AF39" s="274">
        <v>202435</v>
      </c>
      <c r="AG39" s="274">
        <v>318030</v>
      </c>
      <c r="AH39" s="277">
        <v>1085885</v>
      </c>
      <c r="AI39" s="278">
        <v>1085885</v>
      </c>
      <c r="AJ39" s="273">
        <v>0</v>
      </c>
      <c r="AK39" s="274">
        <v>0</v>
      </c>
      <c r="AL39" s="275">
        <v>0</v>
      </c>
      <c r="AM39" s="279"/>
      <c r="AN39" s="274">
        <v>0</v>
      </c>
      <c r="AO39" s="274">
        <v>0</v>
      </c>
      <c r="AP39" s="274">
        <v>0</v>
      </c>
      <c r="AQ39" s="274">
        <v>0</v>
      </c>
      <c r="AR39" s="274">
        <v>0</v>
      </c>
      <c r="AS39" s="277">
        <v>0</v>
      </c>
      <c r="AT39" s="278">
        <v>0</v>
      </c>
      <c r="AU39" s="273">
        <v>0</v>
      </c>
      <c r="AV39" s="274">
        <v>0</v>
      </c>
      <c r="AW39" s="275">
        <v>0</v>
      </c>
      <c r="AX39" s="279"/>
      <c r="AY39" s="274">
        <v>0</v>
      </c>
      <c r="AZ39" s="274">
        <v>0</v>
      </c>
      <c r="BA39" s="274">
        <v>0</v>
      </c>
      <c r="BB39" s="274">
        <v>50250</v>
      </c>
      <c r="BC39" s="274">
        <v>55915</v>
      </c>
      <c r="BD39" s="277">
        <v>106165</v>
      </c>
      <c r="BE39" s="278">
        <v>106165</v>
      </c>
      <c r="BF39" s="273">
        <v>0</v>
      </c>
      <c r="BG39" s="274">
        <v>0</v>
      </c>
      <c r="BH39" s="275">
        <v>0</v>
      </c>
      <c r="BI39" s="279"/>
      <c r="BJ39" s="274">
        <v>0</v>
      </c>
      <c r="BK39" s="274">
        <v>0</v>
      </c>
      <c r="BL39" s="274">
        <v>0</v>
      </c>
      <c r="BM39" s="274">
        <v>0</v>
      </c>
      <c r="BN39" s="274">
        <v>0</v>
      </c>
      <c r="BO39" s="277">
        <v>0</v>
      </c>
      <c r="BP39" s="278">
        <v>0</v>
      </c>
      <c r="BQ39" s="273">
        <v>0</v>
      </c>
      <c r="BR39" s="274">
        <v>0</v>
      </c>
      <c r="BS39" s="275">
        <v>0</v>
      </c>
      <c r="BT39" s="276">
        <v>0</v>
      </c>
      <c r="BU39" s="274">
        <v>11725</v>
      </c>
      <c r="BV39" s="274">
        <v>51670</v>
      </c>
      <c r="BW39" s="274">
        <v>16840</v>
      </c>
      <c r="BX39" s="274">
        <v>3625</v>
      </c>
      <c r="BY39" s="274">
        <v>232405</v>
      </c>
      <c r="BZ39" s="277">
        <v>316265</v>
      </c>
      <c r="CA39" s="278">
        <v>316265</v>
      </c>
      <c r="CB39" s="273">
        <v>0</v>
      </c>
      <c r="CC39" s="274">
        <v>0</v>
      </c>
      <c r="CD39" s="275">
        <v>0</v>
      </c>
      <c r="CE39" s="276">
        <v>0</v>
      </c>
      <c r="CF39" s="274">
        <v>1555</v>
      </c>
      <c r="CG39" s="274">
        <v>0</v>
      </c>
      <c r="CH39" s="274">
        <v>0</v>
      </c>
      <c r="CI39" s="274">
        <v>0</v>
      </c>
      <c r="CJ39" s="274">
        <v>0</v>
      </c>
      <c r="CK39" s="277">
        <v>1555</v>
      </c>
      <c r="CL39" s="278">
        <v>1555</v>
      </c>
      <c r="CM39" s="273">
        <v>0</v>
      </c>
      <c r="CN39" s="274">
        <v>0</v>
      </c>
      <c r="CO39" s="275">
        <v>0</v>
      </c>
      <c r="CP39" s="276">
        <v>0</v>
      </c>
      <c r="CQ39" s="274">
        <v>0</v>
      </c>
      <c r="CR39" s="274">
        <v>0</v>
      </c>
      <c r="CS39" s="274">
        <v>0</v>
      </c>
      <c r="CT39" s="274">
        <v>0</v>
      </c>
      <c r="CU39" s="274">
        <v>0</v>
      </c>
      <c r="CV39" s="277">
        <v>0</v>
      </c>
      <c r="CW39" s="278">
        <v>0</v>
      </c>
      <c r="CX39" s="273">
        <v>0</v>
      </c>
      <c r="CY39" s="274">
        <v>0</v>
      </c>
      <c r="CZ39" s="275">
        <v>0</v>
      </c>
      <c r="DA39" s="279"/>
      <c r="DB39" s="274">
        <v>0</v>
      </c>
      <c r="DC39" s="274">
        <v>0</v>
      </c>
      <c r="DD39" s="274">
        <v>0</v>
      </c>
      <c r="DE39" s="274">
        <v>0</v>
      </c>
      <c r="DF39" s="274">
        <v>0</v>
      </c>
      <c r="DG39" s="277">
        <v>0</v>
      </c>
      <c r="DH39" s="278">
        <v>0</v>
      </c>
      <c r="DI39" s="273">
        <v>0</v>
      </c>
      <c r="DJ39" s="274">
        <v>0</v>
      </c>
      <c r="DK39" s="275">
        <v>0</v>
      </c>
      <c r="DL39" s="276">
        <v>0</v>
      </c>
      <c r="DM39" s="274">
        <v>24456</v>
      </c>
      <c r="DN39" s="274">
        <v>70994</v>
      </c>
      <c r="DO39" s="274">
        <v>767259</v>
      </c>
      <c r="DP39" s="274">
        <v>1015498</v>
      </c>
      <c r="DQ39" s="274">
        <v>800293</v>
      </c>
      <c r="DR39" s="277">
        <v>2678500</v>
      </c>
      <c r="DS39" s="280">
        <v>2678500</v>
      </c>
      <c r="DT39" s="273">
        <v>0</v>
      </c>
      <c r="DU39" s="274">
        <v>0</v>
      </c>
      <c r="DV39" s="275">
        <v>0</v>
      </c>
      <c r="DW39" s="279"/>
      <c r="DX39" s="274">
        <v>0</v>
      </c>
      <c r="DY39" s="274">
        <v>14550</v>
      </c>
      <c r="DZ39" s="274">
        <v>701944</v>
      </c>
      <c r="EA39" s="274">
        <v>968342</v>
      </c>
      <c r="EB39" s="274">
        <v>608135</v>
      </c>
      <c r="EC39" s="277">
        <v>2292971</v>
      </c>
      <c r="ED39" s="278">
        <v>2292971</v>
      </c>
      <c r="EE39" s="273">
        <v>0</v>
      </c>
      <c r="EF39" s="274">
        <v>0</v>
      </c>
      <c r="EG39" s="275">
        <v>0</v>
      </c>
      <c r="EH39" s="279"/>
      <c r="EI39" s="274">
        <v>12780</v>
      </c>
      <c r="EJ39" s="274">
        <v>1876</v>
      </c>
      <c r="EK39" s="274">
        <v>15713</v>
      </c>
      <c r="EL39" s="274">
        <v>24254</v>
      </c>
      <c r="EM39" s="274">
        <v>4319</v>
      </c>
      <c r="EN39" s="277">
        <v>58942</v>
      </c>
      <c r="EO39" s="278">
        <v>58942</v>
      </c>
      <c r="EP39" s="273">
        <v>0</v>
      </c>
      <c r="EQ39" s="274">
        <v>0</v>
      </c>
      <c r="ER39" s="275">
        <v>0</v>
      </c>
      <c r="ES39" s="279"/>
      <c r="ET39" s="274">
        <v>0</v>
      </c>
      <c r="EU39" s="274">
        <v>0</v>
      </c>
      <c r="EV39" s="274">
        <v>0</v>
      </c>
      <c r="EW39" s="274">
        <v>0</v>
      </c>
      <c r="EX39" s="274">
        <v>0</v>
      </c>
      <c r="EY39" s="277">
        <v>0</v>
      </c>
      <c r="EZ39" s="278">
        <v>0</v>
      </c>
      <c r="FA39" s="273">
        <v>0</v>
      </c>
      <c r="FB39" s="274">
        <v>0</v>
      </c>
      <c r="FC39" s="275">
        <v>0</v>
      </c>
      <c r="FD39" s="279"/>
      <c r="FE39" s="274">
        <v>0</v>
      </c>
      <c r="FF39" s="274">
        <v>0</v>
      </c>
      <c r="FG39" s="274">
        <v>0</v>
      </c>
      <c r="FH39" s="274">
        <v>630</v>
      </c>
      <c r="FI39" s="274">
        <v>371</v>
      </c>
      <c r="FJ39" s="277">
        <v>1001</v>
      </c>
      <c r="FK39" s="278">
        <v>1001</v>
      </c>
      <c r="FL39" s="273">
        <v>0</v>
      </c>
      <c r="FM39" s="274">
        <v>0</v>
      </c>
      <c r="FN39" s="275">
        <v>0</v>
      </c>
      <c r="FO39" s="279"/>
      <c r="FP39" s="274">
        <v>0</v>
      </c>
      <c r="FQ39" s="274">
        <v>0</v>
      </c>
      <c r="FR39" s="274">
        <v>0</v>
      </c>
      <c r="FS39" s="274">
        <v>0</v>
      </c>
      <c r="FT39" s="274">
        <v>0</v>
      </c>
      <c r="FU39" s="277">
        <v>0</v>
      </c>
      <c r="FV39" s="278">
        <v>0</v>
      </c>
      <c r="FW39" s="273">
        <v>0</v>
      </c>
      <c r="FX39" s="274">
        <v>0</v>
      </c>
      <c r="FY39" s="275">
        <v>0</v>
      </c>
      <c r="FZ39" s="276">
        <v>0</v>
      </c>
      <c r="GA39" s="274">
        <v>11662</v>
      </c>
      <c r="GB39" s="274">
        <v>54568</v>
      </c>
      <c r="GC39" s="274">
        <v>49602</v>
      </c>
      <c r="GD39" s="274">
        <v>22272</v>
      </c>
      <c r="GE39" s="274">
        <v>187468</v>
      </c>
      <c r="GF39" s="277">
        <v>325572</v>
      </c>
      <c r="GG39" s="278">
        <v>325572</v>
      </c>
      <c r="GH39" s="273">
        <v>0</v>
      </c>
      <c r="GI39" s="274">
        <v>0</v>
      </c>
      <c r="GJ39" s="275">
        <v>0</v>
      </c>
      <c r="GK39" s="276">
        <v>0</v>
      </c>
      <c r="GL39" s="274">
        <v>14</v>
      </c>
      <c r="GM39" s="274">
        <v>0</v>
      </c>
      <c r="GN39" s="274">
        <v>0</v>
      </c>
      <c r="GO39" s="274">
        <v>0</v>
      </c>
      <c r="GP39" s="274">
        <v>0</v>
      </c>
      <c r="GQ39" s="277">
        <v>14</v>
      </c>
      <c r="GR39" s="278">
        <v>14</v>
      </c>
      <c r="GS39" s="273">
        <v>0</v>
      </c>
      <c r="GT39" s="274">
        <v>0</v>
      </c>
      <c r="GU39" s="275">
        <v>0</v>
      </c>
      <c r="GV39" s="276">
        <v>0</v>
      </c>
      <c r="GW39" s="274">
        <v>0</v>
      </c>
      <c r="GX39" s="274">
        <v>0</v>
      </c>
      <c r="GY39" s="274">
        <v>0</v>
      </c>
      <c r="GZ39" s="274">
        <v>0</v>
      </c>
      <c r="HA39" s="274">
        <v>0</v>
      </c>
      <c r="HB39" s="277">
        <v>0</v>
      </c>
      <c r="HC39" s="278">
        <v>0</v>
      </c>
      <c r="HD39" s="273">
        <v>0</v>
      </c>
      <c r="HE39" s="274">
        <v>0</v>
      </c>
      <c r="HF39" s="275">
        <v>0</v>
      </c>
      <c r="HG39" s="279"/>
      <c r="HH39" s="274">
        <v>0</v>
      </c>
      <c r="HI39" s="274">
        <v>0</v>
      </c>
      <c r="HJ39" s="274">
        <v>0</v>
      </c>
      <c r="HK39" s="274">
        <v>0</v>
      </c>
      <c r="HL39" s="274">
        <v>0</v>
      </c>
      <c r="HM39" s="277">
        <v>0</v>
      </c>
      <c r="HN39" s="278">
        <v>0</v>
      </c>
      <c r="HO39" s="273">
        <v>0</v>
      </c>
      <c r="HP39" s="274">
        <v>0</v>
      </c>
      <c r="HQ39" s="275">
        <v>0</v>
      </c>
      <c r="HR39" s="276">
        <v>0</v>
      </c>
      <c r="HS39" s="274">
        <v>148101</v>
      </c>
      <c r="HT39" s="274">
        <v>268639</v>
      </c>
      <c r="HU39" s="274">
        <v>1712534</v>
      </c>
      <c r="HV39" s="274">
        <v>1904278</v>
      </c>
      <c r="HW39" s="274">
        <v>1812153</v>
      </c>
      <c r="HX39" s="277">
        <v>5845705</v>
      </c>
      <c r="HY39" s="278">
        <v>5845705</v>
      </c>
    </row>
    <row r="40" spans="2:233" ht="21" customHeight="1" thickBot="1" x14ac:dyDescent="0.25">
      <c r="B40" s="473" t="s">
        <v>37</v>
      </c>
      <c r="C40" s="281">
        <v>0</v>
      </c>
      <c r="D40" s="282">
        <v>0</v>
      </c>
      <c r="E40" s="283">
        <v>0</v>
      </c>
      <c r="F40" s="284">
        <v>0</v>
      </c>
      <c r="G40" s="282">
        <v>3235</v>
      </c>
      <c r="H40" s="282">
        <v>0</v>
      </c>
      <c r="I40" s="282">
        <v>111935</v>
      </c>
      <c r="J40" s="282">
        <v>62845</v>
      </c>
      <c r="K40" s="282">
        <v>34200</v>
      </c>
      <c r="L40" s="285">
        <v>212215</v>
      </c>
      <c r="M40" s="286">
        <v>212215</v>
      </c>
      <c r="N40" s="281">
        <v>0</v>
      </c>
      <c r="O40" s="282">
        <v>0</v>
      </c>
      <c r="P40" s="283">
        <v>0</v>
      </c>
      <c r="Q40" s="287"/>
      <c r="R40" s="282">
        <v>0</v>
      </c>
      <c r="S40" s="282">
        <v>0</v>
      </c>
      <c r="T40" s="282">
        <v>76050</v>
      </c>
      <c r="U40" s="282">
        <v>28950</v>
      </c>
      <c r="V40" s="282">
        <v>34200</v>
      </c>
      <c r="W40" s="285">
        <v>139200</v>
      </c>
      <c r="X40" s="286">
        <v>139200</v>
      </c>
      <c r="Y40" s="281">
        <v>0</v>
      </c>
      <c r="Z40" s="282">
        <v>0</v>
      </c>
      <c r="AA40" s="283">
        <v>0</v>
      </c>
      <c r="AB40" s="287"/>
      <c r="AC40" s="282">
        <v>0</v>
      </c>
      <c r="AD40" s="282">
        <v>0</v>
      </c>
      <c r="AE40" s="282">
        <v>26400</v>
      </c>
      <c r="AF40" s="282">
        <v>31650</v>
      </c>
      <c r="AG40" s="282">
        <v>0</v>
      </c>
      <c r="AH40" s="285">
        <v>58050</v>
      </c>
      <c r="AI40" s="286">
        <v>58050</v>
      </c>
      <c r="AJ40" s="281">
        <v>0</v>
      </c>
      <c r="AK40" s="282">
        <v>0</v>
      </c>
      <c r="AL40" s="283">
        <v>0</v>
      </c>
      <c r="AM40" s="287"/>
      <c r="AN40" s="282">
        <v>0</v>
      </c>
      <c r="AO40" s="282">
        <v>0</v>
      </c>
      <c r="AP40" s="282">
        <v>0</v>
      </c>
      <c r="AQ40" s="282">
        <v>0</v>
      </c>
      <c r="AR40" s="282">
        <v>0</v>
      </c>
      <c r="AS40" s="285">
        <v>0</v>
      </c>
      <c r="AT40" s="286">
        <v>0</v>
      </c>
      <c r="AU40" s="281">
        <v>0</v>
      </c>
      <c r="AV40" s="282">
        <v>0</v>
      </c>
      <c r="AW40" s="283">
        <v>0</v>
      </c>
      <c r="AX40" s="287"/>
      <c r="AY40" s="282">
        <v>0</v>
      </c>
      <c r="AZ40" s="282">
        <v>0</v>
      </c>
      <c r="BA40" s="282">
        <v>0</v>
      </c>
      <c r="BB40" s="282">
        <v>0</v>
      </c>
      <c r="BC40" s="282">
        <v>0</v>
      </c>
      <c r="BD40" s="285">
        <v>0</v>
      </c>
      <c r="BE40" s="286">
        <v>0</v>
      </c>
      <c r="BF40" s="281">
        <v>0</v>
      </c>
      <c r="BG40" s="282">
        <v>0</v>
      </c>
      <c r="BH40" s="283">
        <v>0</v>
      </c>
      <c r="BI40" s="287"/>
      <c r="BJ40" s="282">
        <v>0</v>
      </c>
      <c r="BK40" s="282">
        <v>0</v>
      </c>
      <c r="BL40" s="282">
        <v>0</v>
      </c>
      <c r="BM40" s="282">
        <v>0</v>
      </c>
      <c r="BN40" s="282">
        <v>0</v>
      </c>
      <c r="BO40" s="285">
        <v>0</v>
      </c>
      <c r="BP40" s="286">
        <v>0</v>
      </c>
      <c r="BQ40" s="281">
        <v>0</v>
      </c>
      <c r="BR40" s="282">
        <v>0</v>
      </c>
      <c r="BS40" s="283">
        <v>0</v>
      </c>
      <c r="BT40" s="284">
        <v>0</v>
      </c>
      <c r="BU40" s="282">
        <v>3235</v>
      </c>
      <c r="BV40" s="282">
        <v>0</v>
      </c>
      <c r="BW40" s="282">
        <v>9485</v>
      </c>
      <c r="BX40" s="282">
        <v>2245</v>
      </c>
      <c r="BY40" s="282">
        <v>0</v>
      </c>
      <c r="BZ40" s="285">
        <v>14965</v>
      </c>
      <c r="CA40" s="286">
        <v>14965</v>
      </c>
      <c r="CB40" s="281">
        <v>0</v>
      </c>
      <c r="CC40" s="282">
        <v>0</v>
      </c>
      <c r="CD40" s="283">
        <v>0</v>
      </c>
      <c r="CE40" s="284">
        <v>0</v>
      </c>
      <c r="CF40" s="282">
        <v>0</v>
      </c>
      <c r="CG40" s="282">
        <v>0</v>
      </c>
      <c r="CH40" s="282">
        <v>0</v>
      </c>
      <c r="CI40" s="282">
        <v>0</v>
      </c>
      <c r="CJ40" s="282">
        <v>0</v>
      </c>
      <c r="CK40" s="285">
        <v>0</v>
      </c>
      <c r="CL40" s="286">
        <v>0</v>
      </c>
      <c r="CM40" s="281">
        <v>0</v>
      </c>
      <c r="CN40" s="282">
        <v>0</v>
      </c>
      <c r="CO40" s="283">
        <v>0</v>
      </c>
      <c r="CP40" s="284">
        <v>0</v>
      </c>
      <c r="CQ40" s="282">
        <v>0</v>
      </c>
      <c r="CR40" s="282">
        <v>0</v>
      </c>
      <c r="CS40" s="282">
        <v>0</v>
      </c>
      <c r="CT40" s="282">
        <v>0</v>
      </c>
      <c r="CU40" s="282">
        <v>0</v>
      </c>
      <c r="CV40" s="285">
        <v>0</v>
      </c>
      <c r="CW40" s="286">
        <v>0</v>
      </c>
      <c r="CX40" s="281">
        <v>0</v>
      </c>
      <c r="CY40" s="282">
        <v>0</v>
      </c>
      <c r="CZ40" s="283">
        <v>0</v>
      </c>
      <c r="DA40" s="287"/>
      <c r="DB40" s="282">
        <v>0</v>
      </c>
      <c r="DC40" s="282">
        <v>0</v>
      </c>
      <c r="DD40" s="282">
        <v>0</v>
      </c>
      <c r="DE40" s="282">
        <v>0</v>
      </c>
      <c r="DF40" s="282">
        <v>0</v>
      </c>
      <c r="DG40" s="285">
        <v>0</v>
      </c>
      <c r="DH40" s="286">
        <v>0</v>
      </c>
      <c r="DI40" s="281">
        <v>0</v>
      </c>
      <c r="DJ40" s="282">
        <v>0</v>
      </c>
      <c r="DK40" s="283">
        <v>0</v>
      </c>
      <c r="DL40" s="284">
        <v>0</v>
      </c>
      <c r="DM40" s="282">
        <v>1940</v>
      </c>
      <c r="DN40" s="282">
        <v>0</v>
      </c>
      <c r="DO40" s="282">
        <v>155067</v>
      </c>
      <c r="DP40" s="282">
        <v>51645</v>
      </c>
      <c r="DQ40" s="282">
        <v>29100</v>
      </c>
      <c r="DR40" s="285">
        <v>237752</v>
      </c>
      <c r="DS40" s="288">
        <v>237752</v>
      </c>
      <c r="DT40" s="281">
        <v>0</v>
      </c>
      <c r="DU40" s="282">
        <v>0</v>
      </c>
      <c r="DV40" s="283">
        <v>0</v>
      </c>
      <c r="DW40" s="287"/>
      <c r="DX40" s="282">
        <v>0</v>
      </c>
      <c r="DY40" s="282">
        <v>0</v>
      </c>
      <c r="DZ40" s="282">
        <v>141870</v>
      </c>
      <c r="EA40" s="282">
        <v>49980</v>
      </c>
      <c r="EB40" s="282">
        <v>29100</v>
      </c>
      <c r="EC40" s="285">
        <v>220950</v>
      </c>
      <c r="ED40" s="286">
        <v>220950</v>
      </c>
      <c r="EE40" s="281">
        <v>0</v>
      </c>
      <c r="EF40" s="282">
        <v>0</v>
      </c>
      <c r="EG40" s="283">
        <v>0</v>
      </c>
      <c r="EH40" s="287"/>
      <c r="EI40" s="282">
        <v>0</v>
      </c>
      <c r="EJ40" s="282">
        <v>0</v>
      </c>
      <c r="EK40" s="282">
        <v>420</v>
      </c>
      <c r="EL40" s="282">
        <v>210</v>
      </c>
      <c r="EM40" s="282">
        <v>0</v>
      </c>
      <c r="EN40" s="285">
        <v>630</v>
      </c>
      <c r="EO40" s="286">
        <v>630</v>
      </c>
      <c r="EP40" s="281">
        <v>0</v>
      </c>
      <c r="EQ40" s="282">
        <v>0</v>
      </c>
      <c r="ER40" s="283">
        <v>0</v>
      </c>
      <c r="ES40" s="287"/>
      <c r="ET40" s="282">
        <v>0</v>
      </c>
      <c r="EU40" s="282">
        <v>0</v>
      </c>
      <c r="EV40" s="282">
        <v>0</v>
      </c>
      <c r="EW40" s="282">
        <v>0</v>
      </c>
      <c r="EX40" s="282">
        <v>0</v>
      </c>
      <c r="EY40" s="285">
        <v>0</v>
      </c>
      <c r="EZ40" s="286">
        <v>0</v>
      </c>
      <c r="FA40" s="281">
        <v>0</v>
      </c>
      <c r="FB40" s="282">
        <v>0</v>
      </c>
      <c r="FC40" s="283">
        <v>0</v>
      </c>
      <c r="FD40" s="287"/>
      <c r="FE40" s="282">
        <v>0</v>
      </c>
      <c r="FF40" s="282">
        <v>0</v>
      </c>
      <c r="FG40" s="282">
        <v>0</v>
      </c>
      <c r="FH40" s="282">
        <v>0</v>
      </c>
      <c r="FI40" s="282">
        <v>0</v>
      </c>
      <c r="FJ40" s="285">
        <v>0</v>
      </c>
      <c r="FK40" s="286">
        <v>0</v>
      </c>
      <c r="FL40" s="281">
        <v>0</v>
      </c>
      <c r="FM40" s="282">
        <v>0</v>
      </c>
      <c r="FN40" s="283">
        <v>0</v>
      </c>
      <c r="FO40" s="287"/>
      <c r="FP40" s="282">
        <v>0</v>
      </c>
      <c r="FQ40" s="282">
        <v>0</v>
      </c>
      <c r="FR40" s="282">
        <v>0</v>
      </c>
      <c r="FS40" s="282">
        <v>0</v>
      </c>
      <c r="FT40" s="282">
        <v>0</v>
      </c>
      <c r="FU40" s="285">
        <v>0</v>
      </c>
      <c r="FV40" s="286">
        <v>0</v>
      </c>
      <c r="FW40" s="281">
        <v>0</v>
      </c>
      <c r="FX40" s="282">
        <v>0</v>
      </c>
      <c r="FY40" s="283">
        <v>0</v>
      </c>
      <c r="FZ40" s="284">
        <v>0</v>
      </c>
      <c r="GA40" s="282">
        <v>1940</v>
      </c>
      <c r="GB40" s="282">
        <v>0</v>
      </c>
      <c r="GC40" s="282">
        <v>12777</v>
      </c>
      <c r="GD40" s="282">
        <v>1455</v>
      </c>
      <c r="GE40" s="282">
        <v>0</v>
      </c>
      <c r="GF40" s="285">
        <v>16172</v>
      </c>
      <c r="GG40" s="286">
        <v>16172</v>
      </c>
      <c r="GH40" s="281">
        <v>0</v>
      </c>
      <c r="GI40" s="282">
        <v>0</v>
      </c>
      <c r="GJ40" s="283">
        <v>0</v>
      </c>
      <c r="GK40" s="284">
        <v>0</v>
      </c>
      <c r="GL40" s="282">
        <v>0</v>
      </c>
      <c r="GM40" s="282">
        <v>0</v>
      </c>
      <c r="GN40" s="282">
        <v>0</v>
      </c>
      <c r="GO40" s="282">
        <v>0</v>
      </c>
      <c r="GP40" s="282">
        <v>0</v>
      </c>
      <c r="GQ40" s="285">
        <v>0</v>
      </c>
      <c r="GR40" s="286">
        <v>0</v>
      </c>
      <c r="GS40" s="281">
        <v>0</v>
      </c>
      <c r="GT40" s="282">
        <v>0</v>
      </c>
      <c r="GU40" s="283">
        <v>0</v>
      </c>
      <c r="GV40" s="284">
        <v>0</v>
      </c>
      <c r="GW40" s="282">
        <v>0</v>
      </c>
      <c r="GX40" s="282">
        <v>0</v>
      </c>
      <c r="GY40" s="282">
        <v>0</v>
      </c>
      <c r="GZ40" s="282">
        <v>0</v>
      </c>
      <c r="HA40" s="282">
        <v>0</v>
      </c>
      <c r="HB40" s="285">
        <v>0</v>
      </c>
      <c r="HC40" s="286">
        <v>0</v>
      </c>
      <c r="HD40" s="281">
        <v>0</v>
      </c>
      <c r="HE40" s="282">
        <v>0</v>
      </c>
      <c r="HF40" s="283">
        <v>0</v>
      </c>
      <c r="HG40" s="287"/>
      <c r="HH40" s="282">
        <v>0</v>
      </c>
      <c r="HI40" s="282">
        <v>0</v>
      </c>
      <c r="HJ40" s="282">
        <v>0</v>
      </c>
      <c r="HK40" s="282">
        <v>0</v>
      </c>
      <c r="HL40" s="282">
        <v>0</v>
      </c>
      <c r="HM40" s="285">
        <v>0</v>
      </c>
      <c r="HN40" s="286">
        <v>0</v>
      </c>
      <c r="HO40" s="281">
        <v>0</v>
      </c>
      <c r="HP40" s="282">
        <v>0</v>
      </c>
      <c r="HQ40" s="283">
        <v>0</v>
      </c>
      <c r="HR40" s="284">
        <v>0</v>
      </c>
      <c r="HS40" s="282">
        <v>5175</v>
      </c>
      <c r="HT40" s="282">
        <v>0</v>
      </c>
      <c r="HU40" s="282">
        <v>267002</v>
      </c>
      <c r="HV40" s="282">
        <v>114490</v>
      </c>
      <c r="HW40" s="282">
        <v>63300</v>
      </c>
      <c r="HX40" s="285">
        <v>449967</v>
      </c>
      <c r="HY40" s="286">
        <v>449967</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499">
        <f>第１表!F2</f>
        <v>5</v>
      </c>
      <c r="G1" s="499"/>
      <c r="H1" s="235">
        <f>第１表!G2</f>
        <v>8</v>
      </c>
      <c r="I1" s="481">
        <f>H1</f>
        <v>8</v>
      </c>
      <c r="J1" s="481"/>
    </row>
    <row r="2" spans="2:299" ht="24" customHeight="1" thickBot="1" x14ac:dyDescent="0.25">
      <c r="B2" s="15" t="s">
        <v>131</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4167</v>
      </c>
      <c r="D7" s="68">
        <v>4016</v>
      </c>
      <c r="E7" s="69">
        <v>8183</v>
      </c>
      <c r="F7" s="227"/>
      <c r="G7" s="68">
        <v>5749</v>
      </c>
      <c r="H7" s="68">
        <v>5142</v>
      </c>
      <c r="I7" s="68">
        <v>3394</v>
      </c>
      <c r="J7" s="68">
        <v>2829</v>
      </c>
      <c r="K7" s="68">
        <v>1620</v>
      </c>
      <c r="L7" s="70">
        <v>18734</v>
      </c>
      <c r="M7" s="71">
        <v>26917</v>
      </c>
      <c r="N7" s="56">
        <v>43</v>
      </c>
      <c r="O7" s="57">
        <v>62</v>
      </c>
      <c r="P7" s="58">
        <v>105</v>
      </c>
      <c r="Q7" s="230"/>
      <c r="R7" s="57">
        <v>74</v>
      </c>
      <c r="S7" s="57">
        <v>83</v>
      </c>
      <c r="T7" s="57">
        <v>57</v>
      </c>
      <c r="U7" s="57">
        <v>44</v>
      </c>
      <c r="V7" s="57">
        <v>30</v>
      </c>
      <c r="W7" s="58">
        <v>288</v>
      </c>
      <c r="X7" s="59">
        <v>393</v>
      </c>
      <c r="Y7" s="56">
        <v>155</v>
      </c>
      <c r="Z7" s="57">
        <v>175</v>
      </c>
      <c r="AA7" s="58">
        <v>330</v>
      </c>
      <c r="AB7" s="230"/>
      <c r="AC7" s="57">
        <v>209</v>
      </c>
      <c r="AD7" s="57">
        <v>231</v>
      </c>
      <c r="AE7" s="57">
        <v>138</v>
      </c>
      <c r="AF7" s="57">
        <v>134</v>
      </c>
      <c r="AG7" s="57">
        <v>98</v>
      </c>
      <c r="AH7" s="58">
        <v>810</v>
      </c>
      <c r="AI7" s="59">
        <v>1140</v>
      </c>
      <c r="AJ7" s="56">
        <v>332</v>
      </c>
      <c r="AK7" s="57">
        <v>351</v>
      </c>
      <c r="AL7" s="58">
        <v>683</v>
      </c>
      <c r="AM7" s="230"/>
      <c r="AN7" s="57">
        <v>417</v>
      </c>
      <c r="AO7" s="57">
        <v>381</v>
      </c>
      <c r="AP7" s="57">
        <v>263</v>
      </c>
      <c r="AQ7" s="57">
        <v>215</v>
      </c>
      <c r="AR7" s="57">
        <v>139</v>
      </c>
      <c r="AS7" s="58">
        <v>1415</v>
      </c>
      <c r="AT7" s="59">
        <v>2098</v>
      </c>
      <c r="AU7" s="56">
        <v>810</v>
      </c>
      <c r="AV7" s="57">
        <v>750</v>
      </c>
      <c r="AW7" s="58">
        <v>1560</v>
      </c>
      <c r="AX7" s="230"/>
      <c r="AY7" s="57">
        <v>1100</v>
      </c>
      <c r="AZ7" s="57">
        <v>935</v>
      </c>
      <c r="BA7" s="57">
        <v>555</v>
      </c>
      <c r="BB7" s="57">
        <v>452</v>
      </c>
      <c r="BC7" s="57">
        <v>307</v>
      </c>
      <c r="BD7" s="58">
        <v>3349</v>
      </c>
      <c r="BE7" s="59">
        <v>4909</v>
      </c>
      <c r="BF7" s="56">
        <v>1509</v>
      </c>
      <c r="BG7" s="57">
        <v>1345</v>
      </c>
      <c r="BH7" s="58">
        <v>2854</v>
      </c>
      <c r="BI7" s="230"/>
      <c r="BJ7" s="57">
        <v>1962</v>
      </c>
      <c r="BK7" s="57">
        <v>1526</v>
      </c>
      <c r="BL7" s="57">
        <v>997</v>
      </c>
      <c r="BM7" s="57">
        <v>825</v>
      </c>
      <c r="BN7" s="57">
        <v>460</v>
      </c>
      <c r="BO7" s="58">
        <v>5770</v>
      </c>
      <c r="BP7" s="59">
        <v>8624</v>
      </c>
      <c r="BQ7" s="56">
        <v>1318</v>
      </c>
      <c r="BR7" s="57">
        <v>1333</v>
      </c>
      <c r="BS7" s="58">
        <v>2651</v>
      </c>
      <c r="BT7" s="230"/>
      <c r="BU7" s="57">
        <v>1987</v>
      </c>
      <c r="BV7" s="57">
        <v>1986</v>
      </c>
      <c r="BW7" s="57">
        <v>1384</v>
      </c>
      <c r="BX7" s="57">
        <v>1159</v>
      </c>
      <c r="BY7" s="57">
        <v>586</v>
      </c>
      <c r="BZ7" s="58">
        <v>7102</v>
      </c>
      <c r="CA7" s="59">
        <v>9753</v>
      </c>
      <c r="CB7" s="56">
        <v>0</v>
      </c>
      <c r="CC7" s="57">
        <v>0</v>
      </c>
      <c r="CD7" s="58">
        <v>0</v>
      </c>
      <c r="CE7" s="230"/>
      <c r="CF7" s="57">
        <v>0</v>
      </c>
      <c r="CG7" s="57">
        <v>0</v>
      </c>
      <c r="CH7" s="57">
        <v>0</v>
      </c>
      <c r="CI7" s="57">
        <v>0</v>
      </c>
      <c r="CJ7" s="57">
        <v>0</v>
      </c>
      <c r="CK7" s="58">
        <v>0</v>
      </c>
      <c r="CL7" s="59">
        <v>0</v>
      </c>
      <c r="CM7" s="56">
        <v>4167</v>
      </c>
      <c r="CN7" s="57">
        <v>4016</v>
      </c>
      <c r="CO7" s="58">
        <v>8183</v>
      </c>
      <c r="CP7" s="230"/>
      <c r="CQ7" s="57">
        <v>5749</v>
      </c>
      <c r="CR7" s="57">
        <v>5142</v>
      </c>
      <c r="CS7" s="57">
        <v>3394</v>
      </c>
      <c r="CT7" s="57">
        <v>2829</v>
      </c>
      <c r="CU7" s="57">
        <v>1620</v>
      </c>
      <c r="CV7" s="58">
        <v>18734</v>
      </c>
      <c r="CW7" s="59">
        <v>26917</v>
      </c>
      <c r="CX7" s="112">
        <v>600</v>
      </c>
      <c r="CY7" s="68">
        <v>677</v>
      </c>
      <c r="CZ7" s="69">
        <v>1277</v>
      </c>
      <c r="DA7" s="227"/>
      <c r="DB7" s="68">
        <v>772</v>
      </c>
      <c r="DC7" s="68">
        <v>742</v>
      </c>
      <c r="DD7" s="68">
        <v>546</v>
      </c>
      <c r="DE7" s="68">
        <v>549</v>
      </c>
      <c r="DF7" s="68">
        <v>340</v>
      </c>
      <c r="DG7" s="70">
        <v>2949</v>
      </c>
      <c r="DH7" s="71">
        <v>4226</v>
      </c>
      <c r="DI7" s="56">
        <v>17</v>
      </c>
      <c r="DJ7" s="57">
        <v>12</v>
      </c>
      <c r="DK7" s="58">
        <v>29</v>
      </c>
      <c r="DL7" s="230"/>
      <c r="DM7" s="57">
        <v>6</v>
      </c>
      <c r="DN7" s="57">
        <v>6</v>
      </c>
      <c r="DO7" s="57">
        <v>6</v>
      </c>
      <c r="DP7" s="57">
        <v>8</v>
      </c>
      <c r="DQ7" s="57">
        <v>8</v>
      </c>
      <c r="DR7" s="58">
        <v>34</v>
      </c>
      <c r="DS7" s="59">
        <v>63</v>
      </c>
      <c r="DT7" s="56">
        <v>40</v>
      </c>
      <c r="DU7" s="57">
        <v>46</v>
      </c>
      <c r="DV7" s="58">
        <v>86</v>
      </c>
      <c r="DW7" s="230"/>
      <c r="DX7" s="57">
        <v>31</v>
      </c>
      <c r="DY7" s="57">
        <v>30</v>
      </c>
      <c r="DZ7" s="57">
        <v>27</v>
      </c>
      <c r="EA7" s="57">
        <v>21</v>
      </c>
      <c r="EB7" s="57">
        <v>11</v>
      </c>
      <c r="EC7" s="58">
        <v>120</v>
      </c>
      <c r="ED7" s="59">
        <v>206</v>
      </c>
      <c r="EE7" s="56">
        <v>78</v>
      </c>
      <c r="EF7" s="57">
        <v>93</v>
      </c>
      <c r="EG7" s="58">
        <v>171</v>
      </c>
      <c r="EH7" s="230"/>
      <c r="EI7" s="57">
        <v>65</v>
      </c>
      <c r="EJ7" s="57">
        <v>44</v>
      </c>
      <c r="EK7" s="57">
        <v>43</v>
      </c>
      <c r="EL7" s="57">
        <v>22</v>
      </c>
      <c r="EM7" s="57">
        <v>26</v>
      </c>
      <c r="EN7" s="58">
        <v>200</v>
      </c>
      <c r="EO7" s="59">
        <v>371</v>
      </c>
      <c r="EP7" s="56">
        <v>150</v>
      </c>
      <c r="EQ7" s="57">
        <v>140</v>
      </c>
      <c r="ER7" s="58">
        <v>290</v>
      </c>
      <c r="ES7" s="230"/>
      <c r="ET7" s="57">
        <v>150</v>
      </c>
      <c r="EU7" s="57">
        <v>107</v>
      </c>
      <c r="EV7" s="57">
        <v>75</v>
      </c>
      <c r="EW7" s="57">
        <v>61</v>
      </c>
      <c r="EX7" s="57">
        <v>35</v>
      </c>
      <c r="EY7" s="58">
        <v>428</v>
      </c>
      <c r="EZ7" s="59">
        <v>718</v>
      </c>
      <c r="FA7" s="56">
        <v>184</v>
      </c>
      <c r="FB7" s="57">
        <v>214</v>
      </c>
      <c r="FC7" s="58">
        <v>398</v>
      </c>
      <c r="FD7" s="230"/>
      <c r="FE7" s="57">
        <v>251</v>
      </c>
      <c r="FF7" s="57">
        <v>229</v>
      </c>
      <c r="FG7" s="57">
        <v>125</v>
      </c>
      <c r="FH7" s="57">
        <v>123</v>
      </c>
      <c r="FI7" s="57">
        <v>80</v>
      </c>
      <c r="FJ7" s="58">
        <v>808</v>
      </c>
      <c r="FK7" s="59">
        <v>1206</v>
      </c>
      <c r="FL7" s="56">
        <v>131</v>
      </c>
      <c r="FM7" s="57">
        <v>172</v>
      </c>
      <c r="FN7" s="58">
        <v>303</v>
      </c>
      <c r="FO7" s="230"/>
      <c r="FP7" s="57">
        <v>269</v>
      </c>
      <c r="FQ7" s="57">
        <v>326</v>
      </c>
      <c r="FR7" s="57">
        <v>270</v>
      </c>
      <c r="FS7" s="57">
        <v>314</v>
      </c>
      <c r="FT7" s="57">
        <v>180</v>
      </c>
      <c r="FU7" s="58">
        <v>1359</v>
      </c>
      <c r="FV7" s="59">
        <v>1662</v>
      </c>
      <c r="FW7" s="56">
        <v>0</v>
      </c>
      <c r="FX7" s="57">
        <v>0</v>
      </c>
      <c r="FY7" s="58">
        <v>0</v>
      </c>
      <c r="FZ7" s="230"/>
      <c r="GA7" s="57">
        <v>0</v>
      </c>
      <c r="GB7" s="57">
        <v>0</v>
      </c>
      <c r="GC7" s="57">
        <v>0</v>
      </c>
      <c r="GD7" s="57">
        <v>0</v>
      </c>
      <c r="GE7" s="57">
        <v>0</v>
      </c>
      <c r="GF7" s="58">
        <v>0</v>
      </c>
      <c r="GG7" s="59">
        <v>0</v>
      </c>
      <c r="GH7" s="56">
        <v>600</v>
      </c>
      <c r="GI7" s="57">
        <v>677</v>
      </c>
      <c r="GJ7" s="58">
        <v>1277</v>
      </c>
      <c r="GK7" s="230"/>
      <c r="GL7" s="57">
        <v>772</v>
      </c>
      <c r="GM7" s="57">
        <v>742</v>
      </c>
      <c r="GN7" s="57">
        <v>546</v>
      </c>
      <c r="GO7" s="57">
        <v>549</v>
      </c>
      <c r="GP7" s="57">
        <v>340</v>
      </c>
      <c r="GQ7" s="58">
        <v>2949</v>
      </c>
      <c r="GR7" s="59">
        <v>4226</v>
      </c>
      <c r="GS7" s="112">
        <v>4767</v>
      </c>
      <c r="GT7" s="68">
        <v>4693</v>
      </c>
      <c r="GU7" s="69">
        <v>9460</v>
      </c>
      <c r="GV7" s="227"/>
      <c r="GW7" s="68">
        <v>6521</v>
      </c>
      <c r="GX7" s="68">
        <v>5884</v>
      </c>
      <c r="GY7" s="68">
        <v>3940</v>
      </c>
      <c r="GZ7" s="68">
        <v>3378</v>
      </c>
      <c r="HA7" s="68">
        <v>1960</v>
      </c>
      <c r="HB7" s="70">
        <v>21683</v>
      </c>
      <c r="HC7" s="71">
        <v>31143</v>
      </c>
      <c r="HD7" s="56">
        <v>60</v>
      </c>
      <c r="HE7" s="57">
        <v>74</v>
      </c>
      <c r="HF7" s="58">
        <v>134</v>
      </c>
      <c r="HG7" s="230"/>
      <c r="HH7" s="57">
        <v>80</v>
      </c>
      <c r="HI7" s="57">
        <v>89</v>
      </c>
      <c r="HJ7" s="57">
        <v>63</v>
      </c>
      <c r="HK7" s="57">
        <v>52</v>
      </c>
      <c r="HL7" s="57">
        <v>38</v>
      </c>
      <c r="HM7" s="58">
        <v>322</v>
      </c>
      <c r="HN7" s="59">
        <v>456</v>
      </c>
      <c r="HO7" s="56">
        <v>195</v>
      </c>
      <c r="HP7" s="57">
        <v>221</v>
      </c>
      <c r="HQ7" s="58">
        <v>416</v>
      </c>
      <c r="HR7" s="230"/>
      <c r="HS7" s="57">
        <v>240</v>
      </c>
      <c r="HT7" s="57">
        <v>261</v>
      </c>
      <c r="HU7" s="57">
        <v>165</v>
      </c>
      <c r="HV7" s="57">
        <v>155</v>
      </c>
      <c r="HW7" s="57">
        <v>109</v>
      </c>
      <c r="HX7" s="58">
        <v>930</v>
      </c>
      <c r="HY7" s="59">
        <v>1346</v>
      </c>
      <c r="HZ7" s="56">
        <v>410</v>
      </c>
      <c r="IA7" s="57">
        <v>444</v>
      </c>
      <c r="IB7" s="58">
        <v>854</v>
      </c>
      <c r="IC7" s="230"/>
      <c r="ID7" s="57">
        <v>482</v>
      </c>
      <c r="IE7" s="57">
        <v>425</v>
      </c>
      <c r="IF7" s="57">
        <v>306</v>
      </c>
      <c r="IG7" s="57">
        <v>237</v>
      </c>
      <c r="IH7" s="57">
        <v>165</v>
      </c>
      <c r="II7" s="58">
        <v>1615</v>
      </c>
      <c r="IJ7" s="59">
        <v>2469</v>
      </c>
      <c r="IK7" s="56">
        <v>960</v>
      </c>
      <c r="IL7" s="57">
        <v>890</v>
      </c>
      <c r="IM7" s="58">
        <v>1850</v>
      </c>
      <c r="IN7" s="230"/>
      <c r="IO7" s="57">
        <v>1250</v>
      </c>
      <c r="IP7" s="57">
        <v>1042</v>
      </c>
      <c r="IQ7" s="57">
        <v>630</v>
      </c>
      <c r="IR7" s="57">
        <v>513</v>
      </c>
      <c r="IS7" s="57">
        <v>342</v>
      </c>
      <c r="IT7" s="58">
        <v>3777</v>
      </c>
      <c r="IU7" s="59">
        <v>5627</v>
      </c>
      <c r="IV7" s="56">
        <v>1693</v>
      </c>
      <c r="IW7" s="57">
        <v>1559</v>
      </c>
      <c r="IX7" s="58">
        <v>3252</v>
      </c>
      <c r="IY7" s="230"/>
      <c r="IZ7" s="57">
        <v>2213</v>
      </c>
      <c r="JA7" s="57">
        <v>1755</v>
      </c>
      <c r="JB7" s="57">
        <v>1122</v>
      </c>
      <c r="JC7" s="57">
        <v>948</v>
      </c>
      <c r="JD7" s="57">
        <v>540</v>
      </c>
      <c r="JE7" s="58">
        <v>6578</v>
      </c>
      <c r="JF7" s="59">
        <v>9830</v>
      </c>
      <c r="JG7" s="56">
        <v>1449</v>
      </c>
      <c r="JH7" s="57">
        <v>1505</v>
      </c>
      <c r="JI7" s="58">
        <v>2954</v>
      </c>
      <c r="JJ7" s="230"/>
      <c r="JK7" s="57">
        <v>2256</v>
      </c>
      <c r="JL7" s="57">
        <v>2312</v>
      </c>
      <c r="JM7" s="57">
        <v>1654</v>
      </c>
      <c r="JN7" s="57">
        <v>1473</v>
      </c>
      <c r="JO7" s="57">
        <v>766</v>
      </c>
      <c r="JP7" s="58">
        <v>8461</v>
      </c>
      <c r="JQ7" s="59">
        <v>11415</v>
      </c>
      <c r="JR7" s="56">
        <v>0</v>
      </c>
      <c r="JS7" s="57">
        <v>0</v>
      </c>
      <c r="JT7" s="58">
        <v>0</v>
      </c>
      <c r="JU7" s="230"/>
      <c r="JV7" s="57">
        <v>0</v>
      </c>
      <c r="JW7" s="57">
        <v>0</v>
      </c>
      <c r="JX7" s="57">
        <v>0</v>
      </c>
      <c r="JY7" s="57">
        <v>0</v>
      </c>
      <c r="JZ7" s="57">
        <v>0</v>
      </c>
      <c r="KA7" s="58">
        <v>0</v>
      </c>
      <c r="KB7" s="59">
        <v>0</v>
      </c>
      <c r="KC7" s="56">
        <v>4767</v>
      </c>
      <c r="KD7" s="57">
        <v>4693</v>
      </c>
      <c r="KE7" s="58">
        <v>9460</v>
      </c>
      <c r="KF7" s="230"/>
      <c r="KG7" s="57">
        <v>6521</v>
      </c>
      <c r="KH7" s="57">
        <v>5884</v>
      </c>
      <c r="KI7" s="57">
        <v>3940</v>
      </c>
      <c r="KJ7" s="57">
        <v>3378</v>
      </c>
      <c r="KK7" s="57">
        <v>1960</v>
      </c>
      <c r="KL7" s="58">
        <v>21683</v>
      </c>
      <c r="KM7" s="59">
        <v>31143</v>
      </c>
    </row>
    <row r="8" spans="2:299" ht="21" customHeight="1" x14ac:dyDescent="0.2">
      <c r="B8" s="471" t="s">
        <v>5</v>
      </c>
      <c r="C8" s="293">
        <v>1793</v>
      </c>
      <c r="D8" s="72">
        <v>2058</v>
      </c>
      <c r="E8" s="73">
        <v>3851</v>
      </c>
      <c r="F8" s="228"/>
      <c r="G8" s="72">
        <v>2147</v>
      </c>
      <c r="H8" s="72">
        <v>2398</v>
      </c>
      <c r="I8" s="72">
        <v>1561</v>
      </c>
      <c r="J8" s="72">
        <v>1236</v>
      </c>
      <c r="K8" s="72">
        <v>717</v>
      </c>
      <c r="L8" s="74">
        <v>8059</v>
      </c>
      <c r="M8" s="75">
        <v>11910</v>
      </c>
      <c r="N8" s="60">
        <v>11</v>
      </c>
      <c r="O8" s="61">
        <v>35</v>
      </c>
      <c r="P8" s="62">
        <v>46</v>
      </c>
      <c r="Q8" s="231"/>
      <c r="R8" s="61">
        <v>25</v>
      </c>
      <c r="S8" s="61">
        <v>41</v>
      </c>
      <c r="T8" s="61">
        <v>26</v>
      </c>
      <c r="U8" s="61">
        <v>23</v>
      </c>
      <c r="V8" s="61">
        <v>17</v>
      </c>
      <c r="W8" s="62">
        <v>132</v>
      </c>
      <c r="X8" s="63">
        <v>178</v>
      </c>
      <c r="Y8" s="60">
        <v>67</v>
      </c>
      <c r="Z8" s="61">
        <v>92</v>
      </c>
      <c r="AA8" s="62">
        <v>159</v>
      </c>
      <c r="AB8" s="231"/>
      <c r="AC8" s="61">
        <v>68</v>
      </c>
      <c r="AD8" s="61">
        <v>110</v>
      </c>
      <c r="AE8" s="61">
        <v>66</v>
      </c>
      <c r="AF8" s="61">
        <v>55</v>
      </c>
      <c r="AG8" s="61">
        <v>35</v>
      </c>
      <c r="AH8" s="62">
        <v>334</v>
      </c>
      <c r="AI8" s="63">
        <v>493</v>
      </c>
      <c r="AJ8" s="60">
        <v>138</v>
      </c>
      <c r="AK8" s="61">
        <v>169</v>
      </c>
      <c r="AL8" s="62">
        <v>307</v>
      </c>
      <c r="AM8" s="231"/>
      <c r="AN8" s="61">
        <v>150</v>
      </c>
      <c r="AO8" s="61">
        <v>160</v>
      </c>
      <c r="AP8" s="61">
        <v>114</v>
      </c>
      <c r="AQ8" s="61">
        <v>81</v>
      </c>
      <c r="AR8" s="61">
        <v>58</v>
      </c>
      <c r="AS8" s="62">
        <v>563</v>
      </c>
      <c r="AT8" s="63">
        <v>870</v>
      </c>
      <c r="AU8" s="60">
        <v>329</v>
      </c>
      <c r="AV8" s="61">
        <v>355</v>
      </c>
      <c r="AW8" s="62">
        <v>684</v>
      </c>
      <c r="AX8" s="231"/>
      <c r="AY8" s="61">
        <v>372</v>
      </c>
      <c r="AZ8" s="61">
        <v>394</v>
      </c>
      <c r="BA8" s="61">
        <v>241</v>
      </c>
      <c r="BB8" s="61">
        <v>202</v>
      </c>
      <c r="BC8" s="61">
        <v>124</v>
      </c>
      <c r="BD8" s="62">
        <v>1333</v>
      </c>
      <c r="BE8" s="63">
        <v>2017</v>
      </c>
      <c r="BF8" s="60">
        <v>674</v>
      </c>
      <c r="BG8" s="61">
        <v>687</v>
      </c>
      <c r="BH8" s="62">
        <v>1361</v>
      </c>
      <c r="BI8" s="231"/>
      <c r="BJ8" s="61">
        <v>778</v>
      </c>
      <c r="BK8" s="61">
        <v>724</v>
      </c>
      <c r="BL8" s="61">
        <v>455</v>
      </c>
      <c r="BM8" s="61">
        <v>360</v>
      </c>
      <c r="BN8" s="61">
        <v>204</v>
      </c>
      <c r="BO8" s="62">
        <v>2521</v>
      </c>
      <c r="BP8" s="63">
        <v>3882</v>
      </c>
      <c r="BQ8" s="60">
        <v>574</v>
      </c>
      <c r="BR8" s="61">
        <v>720</v>
      </c>
      <c r="BS8" s="62">
        <v>1294</v>
      </c>
      <c r="BT8" s="231"/>
      <c r="BU8" s="61">
        <v>754</v>
      </c>
      <c r="BV8" s="61">
        <v>969</v>
      </c>
      <c r="BW8" s="61">
        <v>659</v>
      </c>
      <c r="BX8" s="61">
        <v>515</v>
      </c>
      <c r="BY8" s="61">
        <v>279</v>
      </c>
      <c r="BZ8" s="62">
        <v>3176</v>
      </c>
      <c r="CA8" s="63">
        <v>4470</v>
      </c>
      <c r="CB8" s="60">
        <v>0</v>
      </c>
      <c r="CC8" s="61">
        <v>0</v>
      </c>
      <c r="CD8" s="62">
        <v>0</v>
      </c>
      <c r="CE8" s="231"/>
      <c r="CF8" s="61">
        <v>0</v>
      </c>
      <c r="CG8" s="61">
        <v>0</v>
      </c>
      <c r="CH8" s="61">
        <v>0</v>
      </c>
      <c r="CI8" s="61">
        <v>0</v>
      </c>
      <c r="CJ8" s="61">
        <v>0</v>
      </c>
      <c r="CK8" s="62">
        <v>0</v>
      </c>
      <c r="CL8" s="63">
        <v>0</v>
      </c>
      <c r="CM8" s="60">
        <v>1793</v>
      </c>
      <c r="CN8" s="61">
        <v>2058</v>
      </c>
      <c r="CO8" s="62">
        <v>3851</v>
      </c>
      <c r="CP8" s="231"/>
      <c r="CQ8" s="61">
        <v>2147</v>
      </c>
      <c r="CR8" s="61">
        <v>2398</v>
      </c>
      <c r="CS8" s="61">
        <v>1561</v>
      </c>
      <c r="CT8" s="61">
        <v>1236</v>
      </c>
      <c r="CU8" s="61">
        <v>717</v>
      </c>
      <c r="CV8" s="62">
        <v>8059</v>
      </c>
      <c r="CW8" s="63">
        <v>11910</v>
      </c>
      <c r="CX8" s="113">
        <v>241</v>
      </c>
      <c r="CY8" s="72">
        <v>327</v>
      </c>
      <c r="CZ8" s="73">
        <v>568</v>
      </c>
      <c r="DA8" s="228"/>
      <c r="DB8" s="72">
        <v>288</v>
      </c>
      <c r="DC8" s="72">
        <v>351</v>
      </c>
      <c r="DD8" s="72">
        <v>241</v>
      </c>
      <c r="DE8" s="72">
        <v>254</v>
      </c>
      <c r="DF8" s="72">
        <v>154</v>
      </c>
      <c r="DG8" s="74">
        <v>1288</v>
      </c>
      <c r="DH8" s="75">
        <v>1856</v>
      </c>
      <c r="DI8" s="60">
        <v>7</v>
      </c>
      <c r="DJ8" s="61">
        <v>5</v>
      </c>
      <c r="DK8" s="62">
        <v>12</v>
      </c>
      <c r="DL8" s="231"/>
      <c r="DM8" s="61">
        <v>1</v>
      </c>
      <c r="DN8" s="61">
        <v>4</v>
      </c>
      <c r="DO8" s="61">
        <v>1</v>
      </c>
      <c r="DP8" s="61">
        <v>3</v>
      </c>
      <c r="DQ8" s="61">
        <v>3</v>
      </c>
      <c r="DR8" s="62">
        <v>12</v>
      </c>
      <c r="DS8" s="63">
        <v>24</v>
      </c>
      <c r="DT8" s="60">
        <v>15</v>
      </c>
      <c r="DU8" s="61">
        <v>23</v>
      </c>
      <c r="DV8" s="62">
        <v>38</v>
      </c>
      <c r="DW8" s="231"/>
      <c r="DX8" s="61">
        <v>12</v>
      </c>
      <c r="DY8" s="61">
        <v>10</v>
      </c>
      <c r="DZ8" s="61">
        <v>14</v>
      </c>
      <c r="EA8" s="61">
        <v>10</v>
      </c>
      <c r="EB8" s="61">
        <v>8</v>
      </c>
      <c r="EC8" s="62">
        <v>54</v>
      </c>
      <c r="ED8" s="63">
        <v>92</v>
      </c>
      <c r="EE8" s="60">
        <v>28</v>
      </c>
      <c r="EF8" s="61">
        <v>51</v>
      </c>
      <c r="EG8" s="62">
        <v>79</v>
      </c>
      <c r="EH8" s="231"/>
      <c r="EI8" s="61">
        <v>24</v>
      </c>
      <c r="EJ8" s="61">
        <v>19</v>
      </c>
      <c r="EK8" s="61">
        <v>19</v>
      </c>
      <c r="EL8" s="61">
        <v>12</v>
      </c>
      <c r="EM8" s="61">
        <v>13</v>
      </c>
      <c r="EN8" s="62">
        <v>87</v>
      </c>
      <c r="EO8" s="63">
        <v>166</v>
      </c>
      <c r="EP8" s="60">
        <v>53</v>
      </c>
      <c r="EQ8" s="61">
        <v>72</v>
      </c>
      <c r="ER8" s="62">
        <v>125</v>
      </c>
      <c r="ES8" s="231"/>
      <c r="ET8" s="61">
        <v>61</v>
      </c>
      <c r="EU8" s="61">
        <v>53</v>
      </c>
      <c r="EV8" s="61">
        <v>26</v>
      </c>
      <c r="EW8" s="61">
        <v>37</v>
      </c>
      <c r="EX8" s="61">
        <v>13</v>
      </c>
      <c r="EY8" s="62">
        <v>190</v>
      </c>
      <c r="EZ8" s="63">
        <v>315</v>
      </c>
      <c r="FA8" s="60">
        <v>91</v>
      </c>
      <c r="FB8" s="61">
        <v>97</v>
      </c>
      <c r="FC8" s="62">
        <v>188</v>
      </c>
      <c r="FD8" s="231"/>
      <c r="FE8" s="61">
        <v>99</v>
      </c>
      <c r="FF8" s="61">
        <v>103</v>
      </c>
      <c r="FG8" s="61">
        <v>58</v>
      </c>
      <c r="FH8" s="61">
        <v>60</v>
      </c>
      <c r="FI8" s="61">
        <v>31</v>
      </c>
      <c r="FJ8" s="62">
        <v>351</v>
      </c>
      <c r="FK8" s="63">
        <v>539</v>
      </c>
      <c r="FL8" s="60">
        <v>47</v>
      </c>
      <c r="FM8" s="61">
        <v>79</v>
      </c>
      <c r="FN8" s="62">
        <v>126</v>
      </c>
      <c r="FO8" s="231"/>
      <c r="FP8" s="61">
        <v>91</v>
      </c>
      <c r="FQ8" s="61">
        <v>162</v>
      </c>
      <c r="FR8" s="61">
        <v>123</v>
      </c>
      <c r="FS8" s="61">
        <v>132</v>
      </c>
      <c r="FT8" s="61">
        <v>86</v>
      </c>
      <c r="FU8" s="62">
        <v>594</v>
      </c>
      <c r="FV8" s="63">
        <v>720</v>
      </c>
      <c r="FW8" s="60">
        <v>0</v>
      </c>
      <c r="FX8" s="61">
        <v>0</v>
      </c>
      <c r="FY8" s="62">
        <v>0</v>
      </c>
      <c r="FZ8" s="231"/>
      <c r="GA8" s="61">
        <v>0</v>
      </c>
      <c r="GB8" s="61">
        <v>0</v>
      </c>
      <c r="GC8" s="61">
        <v>0</v>
      </c>
      <c r="GD8" s="61">
        <v>0</v>
      </c>
      <c r="GE8" s="61">
        <v>0</v>
      </c>
      <c r="GF8" s="62">
        <v>0</v>
      </c>
      <c r="GG8" s="63">
        <v>0</v>
      </c>
      <c r="GH8" s="60">
        <v>241</v>
      </c>
      <c r="GI8" s="61">
        <v>327</v>
      </c>
      <c r="GJ8" s="62">
        <v>568</v>
      </c>
      <c r="GK8" s="231"/>
      <c r="GL8" s="61">
        <v>288</v>
      </c>
      <c r="GM8" s="61">
        <v>351</v>
      </c>
      <c r="GN8" s="61">
        <v>241</v>
      </c>
      <c r="GO8" s="61">
        <v>254</v>
      </c>
      <c r="GP8" s="61">
        <v>154</v>
      </c>
      <c r="GQ8" s="62">
        <v>1288</v>
      </c>
      <c r="GR8" s="63">
        <v>1856</v>
      </c>
      <c r="GS8" s="113">
        <v>2034</v>
      </c>
      <c r="GT8" s="72">
        <v>2385</v>
      </c>
      <c r="GU8" s="73">
        <v>4419</v>
      </c>
      <c r="GV8" s="228"/>
      <c r="GW8" s="72">
        <v>2435</v>
      </c>
      <c r="GX8" s="72">
        <v>2749</v>
      </c>
      <c r="GY8" s="72">
        <v>1802</v>
      </c>
      <c r="GZ8" s="72">
        <v>1490</v>
      </c>
      <c r="HA8" s="72">
        <v>871</v>
      </c>
      <c r="HB8" s="74">
        <v>9347</v>
      </c>
      <c r="HC8" s="75">
        <v>13766</v>
      </c>
      <c r="HD8" s="60">
        <v>18</v>
      </c>
      <c r="HE8" s="61">
        <v>40</v>
      </c>
      <c r="HF8" s="62">
        <v>58</v>
      </c>
      <c r="HG8" s="231"/>
      <c r="HH8" s="61">
        <v>26</v>
      </c>
      <c r="HI8" s="61">
        <v>45</v>
      </c>
      <c r="HJ8" s="61">
        <v>27</v>
      </c>
      <c r="HK8" s="61">
        <v>26</v>
      </c>
      <c r="HL8" s="61">
        <v>20</v>
      </c>
      <c r="HM8" s="62">
        <v>144</v>
      </c>
      <c r="HN8" s="63">
        <v>202</v>
      </c>
      <c r="HO8" s="60">
        <v>82</v>
      </c>
      <c r="HP8" s="61">
        <v>115</v>
      </c>
      <c r="HQ8" s="62">
        <v>197</v>
      </c>
      <c r="HR8" s="231"/>
      <c r="HS8" s="61">
        <v>80</v>
      </c>
      <c r="HT8" s="61">
        <v>120</v>
      </c>
      <c r="HU8" s="61">
        <v>80</v>
      </c>
      <c r="HV8" s="61">
        <v>65</v>
      </c>
      <c r="HW8" s="61">
        <v>43</v>
      </c>
      <c r="HX8" s="62">
        <v>388</v>
      </c>
      <c r="HY8" s="63">
        <v>585</v>
      </c>
      <c r="HZ8" s="60">
        <v>166</v>
      </c>
      <c r="IA8" s="61">
        <v>220</v>
      </c>
      <c r="IB8" s="62">
        <v>386</v>
      </c>
      <c r="IC8" s="231"/>
      <c r="ID8" s="61">
        <v>174</v>
      </c>
      <c r="IE8" s="61">
        <v>179</v>
      </c>
      <c r="IF8" s="61">
        <v>133</v>
      </c>
      <c r="IG8" s="61">
        <v>93</v>
      </c>
      <c r="IH8" s="61">
        <v>71</v>
      </c>
      <c r="II8" s="62">
        <v>650</v>
      </c>
      <c r="IJ8" s="63">
        <v>1036</v>
      </c>
      <c r="IK8" s="60">
        <v>382</v>
      </c>
      <c r="IL8" s="61">
        <v>427</v>
      </c>
      <c r="IM8" s="62">
        <v>809</v>
      </c>
      <c r="IN8" s="231"/>
      <c r="IO8" s="61">
        <v>433</v>
      </c>
      <c r="IP8" s="61">
        <v>447</v>
      </c>
      <c r="IQ8" s="61">
        <v>267</v>
      </c>
      <c r="IR8" s="61">
        <v>239</v>
      </c>
      <c r="IS8" s="61">
        <v>137</v>
      </c>
      <c r="IT8" s="62">
        <v>1523</v>
      </c>
      <c r="IU8" s="63">
        <v>2332</v>
      </c>
      <c r="IV8" s="60">
        <v>765</v>
      </c>
      <c r="IW8" s="61">
        <v>784</v>
      </c>
      <c r="IX8" s="62">
        <v>1549</v>
      </c>
      <c r="IY8" s="231"/>
      <c r="IZ8" s="61">
        <v>877</v>
      </c>
      <c r="JA8" s="61">
        <v>827</v>
      </c>
      <c r="JB8" s="61">
        <v>513</v>
      </c>
      <c r="JC8" s="61">
        <v>420</v>
      </c>
      <c r="JD8" s="61">
        <v>235</v>
      </c>
      <c r="JE8" s="62">
        <v>2872</v>
      </c>
      <c r="JF8" s="63">
        <v>4421</v>
      </c>
      <c r="JG8" s="60">
        <v>621</v>
      </c>
      <c r="JH8" s="61">
        <v>799</v>
      </c>
      <c r="JI8" s="62">
        <v>1420</v>
      </c>
      <c r="JJ8" s="231"/>
      <c r="JK8" s="61">
        <v>845</v>
      </c>
      <c r="JL8" s="61">
        <v>1131</v>
      </c>
      <c r="JM8" s="61">
        <v>782</v>
      </c>
      <c r="JN8" s="61">
        <v>647</v>
      </c>
      <c r="JO8" s="61">
        <v>365</v>
      </c>
      <c r="JP8" s="62">
        <v>3770</v>
      </c>
      <c r="JQ8" s="63">
        <v>5190</v>
      </c>
      <c r="JR8" s="60">
        <v>0</v>
      </c>
      <c r="JS8" s="61">
        <v>0</v>
      </c>
      <c r="JT8" s="62">
        <v>0</v>
      </c>
      <c r="JU8" s="231"/>
      <c r="JV8" s="61">
        <v>0</v>
      </c>
      <c r="JW8" s="61">
        <v>0</v>
      </c>
      <c r="JX8" s="61">
        <v>0</v>
      </c>
      <c r="JY8" s="61">
        <v>0</v>
      </c>
      <c r="JZ8" s="61">
        <v>0</v>
      </c>
      <c r="KA8" s="62">
        <v>0</v>
      </c>
      <c r="KB8" s="63">
        <v>0</v>
      </c>
      <c r="KC8" s="60">
        <v>2034</v>
      </c>
      <c r="KD8" s="61">
        <v>2385</v>
      </c>
      <c r="KE8" s="62">
        <v>4419</v>
      </c>
      <c r="KF8" s="231"/>
      <c r="KG8" s="61">
        <v>2435</v>
      </c>
      <c r="KH8" s="61">
        <v>2749</v>
      </c>
      <c r="KI8" s="61">
        <v>1802</v>
      </c>
      <c r="KJ8" s="61">
        <v>1490</v>
      </c>
      <c r="KK8" s="61">
        <v>871</v>
      </c>
      <c r="KL8" s="62">
        <v>9347</v>
      </c>
      <c r="KM8" s="63">
        <v>13766</v>
      </c>
    </row>
    <row r="9" spans="2:299" ht="21" customHeight="1" x14ac:dyDescent="0.2">
      <c r="B9" s="472" t="s">
        <v>6</v>
      </c>
      <c r="C9" s="293">
        <v>484</v>
      </c>
      <c r="D9" s="72">
        <v>361</v>
      </c>
      <c r="E9" s="73">
        <v>845</v>
      </c>
      <c r="F9" s="228"/>
      <c r="G9" s="72">
        <v>790</v>
      </c>
      <c r="H9" s="72">
        <v>572</v>
      </c>
      <c r="I9" s="72">
        <v>357</v>
      </c>
      <c r="J9" s="72">
        <v>342</v>
      </c>
      <c r="K9" s="72">
        <v>219</v>
      </c>
      <c r="L9" s="74">
        <v>2280</v>
      </c>
      <c r="M9" s="75">
        <v>3125</v>
      </c>
      <c r="N9" s="60">
        <v>12</v>
      </c>
      <c r="O9" s="61">
        <v>11</v>
      </c>
      <c r="P9" s="62">
        <v>23</v>
      </c>
      <c r="Q9" s="231"/>
      <c r="R9" s="61">
        <v>12</v>
      </c>
      <c r="S9" s="61">
        <v>10</v>
      </c>
      <c r="T9" s="61">
        <v>7</v>
      </c>
      <c r="U9" s="61">
        <v>0</v>
      </c>
      <c r="V9" s="61">
        <v>2</v>
      </c>
      <c r="W9" s="62">
        <v>31</v>
      </c>
      <c r="X9" s="63">
        <v>54</v>
      </c>
      <c r="Y9" s="60">
        <v>26</v>
      </c>
      <c r="Z9" s="61">
        <v>14</v>
      </c>
      <c r="AA9" s="62">
        <v>40</v>
      </c>
      <c r="AB9" s="231"/>
      <c r="AC9" s="61">
        <v>30</v>
      </c>
      <c r="AD9" s="61">
        <v>27</v>
      </c>
      <c r="AE9" s="61">
        <v>10</v>
      </c>
      <c r="AF9" s="61">
        <v>21</v>
      </c>
      <c r="AG9" s="61">
        <v>20</v>
      </c>
      <c r="AH9" s="62">
        <v>108</v>
      </c>
      <c r="AI9" s="63">
        <v>148</v>
      </c>
      <c r="AJ9" s="60">
        <v>40</v>
      </c>
      <c r="AK9" s="61">
        <v>36</v>
      </c>
      <c r="AL9" s="62">
        <v>76</v>
      </c>
      <c r="AM9" s="231"/>
      <c r="AN9" s="61">
        <v>73</v>
      </c>
      <c r="AO9" s="61">
        <v>36</v>
      </c>
      <c r="AP9" s="61">
        <v>25</v>
      </c>
      <c r="AQ9" s="61">
        <v>25</v>
      </c>
      <c r="AR9" s="61">
        <v>16</v>
      </c>
      <c r="AS9" s="62">
        <v>175</v>
      </c>
      <c r="AT9" s="63">
        <v>251</v>
      </c>
      <c r="AU9" s="60">
        <v>89</v>
      </c>
      <c r="AV9" s="61">
        <v>59</v>
      </c>
      <c r="AW9" s="62">
        <v>148</v>
      </c>
      <c r="AX9" s="231"/>
      <c r="AY9" s="61">
        <v>153</v>
      </c>
      <c r="AZ9" s="61">
        <v>110</v>
      </c>
      <c r="BA9" s="61">
        <v>66</v>
      </c>
      <c r="BB9" s="61">
        <v>27</v>
      </c>
      <c r="BC9" s="61">
        <v>43</v>
      </c>
      <c r="BD9" s="62">
        <v>399</v>
      </c>
      <c r="BE9" s="63">
        <v>547</v>
      </c>
      <c r="BF9" s="60">
        <v>166</v>
      </c>
      <c r="BG9" s="61">
        <v>105</v>
      </c>
      <c r="BH9" s="62">
        <v>271</v>
      </c>
      <c r="BI9" s="231"/>
      <c r="BJ9" s="61">
        <v>250</v>
      </c>
      <c r="BK9" s="61">
        <v>186</v>
      </c>
      <c r="BL9" s="61">
        <v>87</v>
      </c>
      <c r="BM9" s="61">
        <v>108</v>
      </c>
      <c r="BN9" s="61">
        <v>59</v>
      </c>
      <c r="BO9" s="62">
        <v>690</v>
      </c>
      <c r="BP9" s="63">
        <v>961</v>
      </c>
      <c r="BQ9" s="60">
        <v>151</v>
      </c>
      <c r="BR9" s="61">
        <v>136</v>
      </c>
      <c r="BS9" s="62">
        <v>287</v>
      </c>
      <c r="BT9" s="231"/>
      <c r="BU9" s="61">
        <v>272</v>
      </c>
      <c r="BV9" s="61">
        <v>203</v>
      </c>
      <c r="BW9" s="61">
        <v>162</v>
      </c>
      <c r="BX9" s="61">
        <v>161</v>
      </c>
      <c r="BY9" s="61">
        <v>79</v>
      </c>
      <c r="BZ9" s="62">
        <v>877</v>
      </c>
      <c r="CA9" s="63">
        <v>1164</v>
      </c>
      <c r="CB9" s="60">
        <v>0</v>
      </c>
      <c r="CC9" s="61">
        <v>0</v>
      </c>
      <c r="CD9" s="62">
        <v>0</v>
      </c>
      <c r="CE9" s="231"/>
      <c r="CF9" s="61">
        <v>0</v>
      </c>
      <c r="CG9" s="61">
        <v>0</v>
      </c>
      <c r="CH9" s="61">
        <v>0</v>
      </c>
      <c r="CI9" s="61">
        <v>0</v>
      </c>
      <c r="CJ9" s="61">
        <v>0</v>
      </c>
      <c r="CK9" s="62">
        <v>0</v>
      </c>
      <c r="CL9" s="63">
        <v>0</v>
      </c>
      <c r="CM9" s="60">
        <v>484</v>
      </c>
      <c r="CN9" s="61">
        <v>361</v>
      </c>
      <c r="CO9" s="62">
        <v>845</v>
      </c>
      <c r="CP9" s="231"/>
      <c r="CQ9" s="61">
        <v>790</v>
      </c>
      <c r="CR9" s="61">
        <v>572</v>
      </c>
      <c r="CS9" s="61">
        <v>357</v>
      </c>
      <c r="CT9" s="61">
        <v>342</v>
      </c>
      <c r="CU9" s="61">
        <v>219</v>
      </c>
      <c r="CV9" s="62">
        <v>2280</v>
      </c>
      <c r="CW9" s="63">
        <v>3125</v>
      </c>
      <c r="CX9" s="113">
        <v>95</v>
      </c>
      <c r="CY9" s="72">
        <v>91</v>
      </c>
      <c r="CZ9" s="73">
        <v>186</v>
      </c>
      <c r="DA9" s="228"/>
      <c r="DB9" s="72">
        <v>129</v>
      </c>
      <c r="DC9" s="72">
        <v>105</v>
      </c>
      <c r="DD9" s="72">
        <v>82</v>
      </c>
      <c r="DE9" s="72">
        <v>85</v>
      </c>
      <c r="DF9" s="72">
        <v>50</v>
      </c>
      <c r="DG9" s="74">
        <v>451</v>
      </c>
      <c r="DH9" s="75">
        <v>637</v>
      </c>
      <c r="DI9" s="60">
        <v>1</v>
      </c>
      <c r="DJ9" s="61">
        <v>3</v>
      </c>
      <c r="DK9" s="62">
        <v>4</v>
      </c>
      <c r="DL9" s="231"/>
      <c r="DM9" s="61">
        <v>0</v>
      </c>
      <c r="DN9" s="61">
        <v>0</v>
      </c>
      <c r="DO9" s="61">
        <v>2</v>
      </c>
      <c r="DP9" s="61">
        <v>3</v>
      </c>
      <c r="DQ9" s="61">
        <v>0</v>
      </c>
      <c r="DR9" s="62">
        <v>5</v>
      </c>
      <c r="DS9" s="63">
        <v>9</v>
      </c>
      <c r="DT9" s="60">
        <v>6</v>
      </c>
      <c r="DU9" s="61">
        <v>4</v>
      </c>
      <c r="DV9" s="62">
        <v>10</v>
      </c>
      <c r="DW9" s="231"/>
      <c r="DX9" s="61">
        <v>9</v>
      </c>
      <c r="DY9" s="61">
        <v>5</v>
      </c>
      <c r="DZ9" s="61">
        <v>3</v>
      </c>
      <c r="EA9" s="61">
        <v>5</v>
      </c>
      <c r="EB9" s="61">
        <v>0</v>
      </c>
      <c r="EC9" s="62">
        <v>22</v>
      </c>
      <c r="ED9" s="63">
        <v>32</v>
      </c>
      <c r="EE9" s="60">
        <v>16</v>
      </c>
      <c r="EF9" s="61">
        <v>7</v>
      </c>
      <c r="EG9" s="62">
        <v>23</v>
      </c>
      <c r="EH9" s="231"/>
      <c r="EI9" s="61">
        <v>10</v>
      </c>
      <c r="EJ9" s="61">
        <v>3</v>
      </c>
      <c r="EK9" s="61">
        <v>5</v>
      </c>
      <c r="EL9" s="61">
        <v>2</v>
      </c>
      <c r="EM9" s="61">
        <v>3</v>
      </c>
      <c r="EN9" s="62">
        <v>23</v>
      </c>
      <c r="EO9" s="63">
        <v>46</v>
      </c>
      <c r="EP9" s="60">
        <v>31</v>
      </c>
      <c r="EQ9" s="61">
        <v>19</v>
      </c>
      <c r="ER9" s="62">
        <v>50</v>
      </c>
      <c r="ES9" s="231"/>
      <c r="ET9" s="61">
        <v>23</v>
      </c>
      <c r="EU9" s="61">
        <v>15</v>
      </c>
      <c r="EV9" s="61">
        <v>12</v>
      </c>
      <c r="EW9" s="61">
        <v>9</v>
      </c>
      <c r="EX9" s="61">
        <v>10</v>
      </c>
      <c r="EY9" s="62">
        <v>69</v>
      </c>
      <c r="EZ9" s="63">
        <v>119</v>
      </c>
      <c r="FA9" s="60">
        <v>19</v>
      </c>
      <c r="FB9" s="61">
        <v>29</v>
      </c>
      <c r="FC9" s="62">
        <v>48</v>
      </c>
      <c r="FD9" s="231"/>
      <c r="FE9" s="61">
        <v>41</v>
      </c>
      <c r="FF9" s="61">
        <v>38</v>
      </c>
      <c r="FG9" s="61">
        <v>20</v>
      </c>
      <c r="FH9" s="61">
        <v>16</v>
      </c>
      <c r="FI9" s="61">
        <v>13</v>
      </c>
      <c r="FJ9" s="62">
        <v>128</v>
      </c>
      <c r="FK9" s="63">
        <v>176</v>
      </c>
      <c r="FL9" s="60">
        <v>22</v>
      </c>
      <c r="FM9" s="61">
        <v>29</v>
      </c>
      <c r="FN9" s="62">
        <v>51</v>
      </c>
      <c r="FO9" s="231"/>
      <c r="FP9" s="61">
        <v>46</v>
      </c>
      <c r="FQ9" s="61">
        <v>44</v>
      </c>
      <c r="FR9" s="61">
        <v>40</v>
      </c>
      <c r="FS9" s="61">
        <v>50</v>
      </c>
      <c r="FT9" s="61">
        <v>24</v>
      </c>
      <c r="FU9" s="62">
        <v>204</v>
      </c>
      <c r="FV9" s="63">
        <v>255</v>
      </c>
      <c r="FW9" s="60">
        <v>0</v>
      </c>
      <c r="FX9" s="61">
        <v>0</v>
      </c>
      <c r="FY9" s="62">
        <v>0</v>
      </c>
      <c r="FZ9" s="231"/>
      <c r="GA9" s="61">
        <v>0</v>
      </c>
      <c r="GB9" s="61">
        <v>0</v>
      </c>
      <c r="GC9" s="61">
        <v>0</v>
      </c>
      <c r="GD9" s="61">
        <v>0</v>
      </c>
      <c r="GE9" s="61">
        <v>0</v>
      </c>
      <c r="GF9" s="62">
        <v>0</v>
      </c>
      <c r="GG9" s="63">
        <v>0</v>
      </c>
      <c r="GH9" s="60">
        <v>95</v>
      </c>
      <c r="GI9" s="61">
        <v>91</v>
      </c>
      <c r="GJ9" s="62">
        <v>186</v>
      </c>
      <c r="GK9" s="231"/>
      <c r="GL9" s="61">
        <v>129</v>
      </c>
      <c r="GM9" s="61">
        <v>105</v>
      </c>
      <c r="GN9" s="61">
        <v>82</v>
      </c>
      <c r="GO9" s="61">
        <v>85</v>
      </c>
      <c r="GP9" s="61">
        <v>50</v>
      </c>
      <c r="GQ9" s="62">
        <v>451</v>
      </c>
      <c r="GR9" s="63">
        <v>637</v>
      </c>
      <c r="GS9" s="113">
        <v>579</v>
      </c>
      <c r="GT9" s="72">
        <v>452</v>
      </c>
      <c r="GU9" s="73">
        <v>1031</v>
      </c>
      <c r="GV9" s="228"/>
      <c r="GW9" s="72">
        <v>919</v>
      </c>
      <c r="GX9" s="72">
        <v>677</v>
      </c>
      <c r="GY9" s="72">
        <v>439</v>
      </c>
      <c r="GZ9" s="72">
        <v>427</v>
      </c>
      <c r="HA9" s="72">
        <v>269</v>
      </c>
      <c r="HB9" s="74">
        <v>2731</v>
      </c>
      <c r="HC9" s="75">
        <v>3762</v>
      </c>
      <c r="HD9" s="60">
        <v>13</v>
      </c>
      <c r="HE9" s="61">
        <v>14</v>
      </c>
      <c r="HF9" s="62">
        <v>27</v>
      </c>
      <c r="HG9" s="231"/>
      <c r="HH9" s="61">
        <v>12</v>
      </c>
      <c r="HI9" s="61">
        <v>10</v>
      </c>
      <c r="HJ9" s="61">
        <v>9</v>
      </c>
      <c r="HK9" s="61">
        <v>3</v>
      </c>
      <c r="HL9" s="61">
        <v>2</v>
      </c>
      <c r="HM9" s="62">
        <v>36</v>
      </c>
      <c r="HN9" s="63">
        <v>63</v>
      </c>
      <c r="HO9" s="60">
        <v>32</v>
      </c>
      <c r="HP9" s="61">
        <v>18</v>
      </c>
      <c r="HQ9" s="62">
        <v>50</v>
      </c>
      <c r="HR9" s="231"/>
      <c r="HS9" s="61">
        <v>39</v>
      </c>
      <c r="HT9" s="61">
        <v>32</v>
      </c>
      <c r="HU9" s="61">
        <v>13</v>
      </c>
      <c r="HV9" s="61">
        <v>26</v>
      </c>
      <c r="HW9" s="61">
        <v>20</v>
      </c>
      <c r="HX9" s="62">
        <v>130</v>
      </c>
      <c r="HY9" s="63">
        <v>180</v>
      </c>
      <c r="HZ9" s="60">
        <v>56</v>
      </c>
      <c r="IA9" s="61">
        <v>43</v>
      </c>
      <c r="IB9" s="62">
        <v>99</v>
      </c>
      <c r="IC9" s="231"/>
      <c r="ID9" s="61">
        <v>83</v>
      </c>
      <c r="IE9" s="61">
        <v>39</v>
      </c>
      <c r="IF9" s="61">
        <v>30</v>
      </c>
      <c r="IG9" s="61">
        <v>27</v>
      </c>
      <c r="IH9" s="61">
        <v>19</v>
      </c>
      <c r="II9" s="62">
        <v>198</v>
      </c>
      <c r="IJ9" s="63">
        <v>297</v>
      </c>
      <c r="IK9" s="60">
        <v>120</v>
      </c>
      <c r="IL9" s="61">
        <v>78</v>
      </c>
      <c r="IM9" s="62">
        <v>198</v>
      </c>
      <c r="IN9" s="231"/>
      <c r="IO9" s="61">
        <v>176</v>
      </c>
      <c r="IP9" s="61">
        <v>125</v>
      </c>
      <c r="IQ9" s="61">
        <v>78</v>
      </c>
      <c r="IR9" s="61">
        <v>36</v>
      </c>
      <c r="IS9" s="61">
        <v>53</v>
      </c>
      <c r="IT9" s="62">
        <v>468</v>
      </c>
      <c r="IU9" s="63">
        <v>666</v>
      </c>
      <c r="IV9" s="60">
        <v>185</v>
      </c>
      <c r="IW9" s="61">
        <v>134</v>
      </c>
      <c r="IX9" s="62">
        <v>319</v>
      </c>
      <c r="IY9" s="231"/>
      <c r="IZ9" s="61">
        <v>291</v>
      </c>
      <c r="JA9" s="61">
        <v>224</v>
      </c>
      <c r="JB9" s="61">
        <v>107</v>
      </c>
      <c r="JC9" s="61">
        <v>124</v>
      </c>
      <c r="JD9" s="61">
        <v>72</v>
      </c>
      <c r="JE9" s="62">
        <v>818</v>
      </c>
      <c r="JF9" s="63">
        <v>1137</v>
      </c>
      <c r="JG9" s="60">
        <v>173</v>
      </c>
      <c r="JH9" s="61">
        <v>165</v>
      </c>
      <c r="JI9" s="62">
        <v>338</v>
      </c>
      <c r="JJ9" s="231"/>
      <c r="JK9" s="61">
        <v>318</v>
      </c>
      <c r="JL9" s="61">
        <v>247</v>
      </c>
      <c r="JM9" s="61">
        <v>202</v>
      </c>
      <c r="JN9" s="61">
        <v>211</v>
      </c>
      <c r="JO9" s="61">
        <v>103</v>
      </c>
      <c r="JP9" s="62">
        <v>1081</v>
      </c>
      <c r="JQ9" s="63">
        <v>1419</v>
      </c>
      <c r="JR9" s="60">
        <v>0</v>
      </c>
      <c r="JS9" s="61">
        <v>0</v>
      </c>
      <c r="JT9" s="62">
        <v>0</v>
      </c>
      <c r="JU9" s="231"/>
      <c r="JV9" s="61">
        <v>0</v>
      </c>
      <c r="JW9" s="61">
        <v>0</v>
      </c>
      <c r="JX9" s="61">
        <v>0</v>
      </c>
      <c r="JY9" s="61">
        <v>0</v>
      </c>
      <c r="JZ9" s="61">
        <v>0</v>
      </c>
      <c r="KA9" s="62">
        <v>0</v>
      </c>
      <c r="KB9" s="63">
        <v>0</v>
      </c>
      <c r="KC9" s="60">
        <v>579</v>
      </c>
      <c r="KD9" s="61">
        <v>452</v>
      </c>
      <c r="KE9" s="62">
        <v>1031</v>
      </c>
      <c r="KF9" s="231"/>
      <c r="KG9" s="61">
        <v>919</v>
      </c>
      <c r="KH9" s="61">
        <v>677</v>
      </c>
      <c r="KI9" s="61">
        <v>439</v>
      </c>
      <c r="KJ9" s="61">
        <v>427</v>
      </c>
      <c r="KK9" s="61">
        <v>269</v>
      </c>
      <c r="KL9" s="62">
        <v>2731</v>
      </c>
      <c r="KM9" s="63">
        <v>3762</v>
      </c>
    </row>
    <row r="10" spans="2:299" ht="21" customHeight="1" x14ac:dyDescent="0.2">
      <c r="B10" s="472" t="s">
        <v>14</v>
      </c>
      <c r="C10" s="293">
        <v>254</v>
      </c>
      <c r="D10" s="72">
        <v>314</v>
      </c>
      <c r="E10" s="73">
        <v>568</v>
      </c>
      <c r="F10" s="228"/>
      <c r="G10" s="72">
        <v>383</v>
      </c>
      <c r="H10" s="72">
        <v>414</v>
      </c>
      <c r="I10" s="72">
        <v>278</v>
      </c>
      <c r="J10" s="72">
        <v>209</v>
      </c>
      <c r="K10" s="72">
        <v>127</v>
      </c>
      <c r="L10" s="74">
        <v>1411</v>
      </c>
      <c r="M10" s="75">
        <v>1979</v>
      </c>
      <c r="N10" s="60">
        <v>3</v>
      </c>
      <c r="O10" s="61">
        <v>6</v>
      </c>
      <c r="P10" s="62">
        <v>9</v>
      </c>
      <c r="Q10" s="231"/>
      <c r="R10" s="61">
        <v>5</v>
      </c>
      <c r="S10" s="61">
        <v>5</v>
      </c>
      <c r="T10" s="61">
        <v>4</v>
      </c>
      <c r="U10" s="61">
        <v>5</v>
      </c>
      <c r="V10" s="61">
        <v>5</v>
      </c>
      <c r="W10" s="62">
        <v>24</v>
      </c>
      <c r="X10" s="63">
        <v>33</v>
      </c>
      <c r="Y10" s="60">
        <v>15</v>
      </c>
      <c r="Z10" s="61">
        <v>11</v>
      </c>
      <c r="AA10" s="62">
        <v>26</v>
      </c>
      <c r="AB10" s="231"/>
      <c r="AC10" s="61">
        <v>12</v>
      </c>
      <c r="AD10" s="61">
        <v>19</v>
      </c>
      <c r="AE10" s="61">
        <v>14</v>
      </c>
      <c r="AF10" s="61">
        <v>10</v>
      </c>
      <c r="AG10" s="61">
        <v>9</v>
      </c>
      <c r="AH10" s="62">
        <v>64</v>
      </c>
      <c r="AI10" s="63">
        <v>90</v>
      </c>
      <c r="AJ10" s="60">
        <v>21</v>
      </c>
      <c r="AK10" s="61">
        <v>37</v>
      </c>
      <c r="AL10" s="62">
        <v>58</v>
      </c>
      <c r="AM10" s="231"/>
      <c r="AN10" s="61">
        <v>27</v>
      </c>
      <c r="AO10" s="61">
        <v>41</v>
      </c>
      <c r="AP10" s="61">
        <v>20</v>
      </c>
      <c r="AQ10" s="61">
        <v>23</v>
      </c>
      <c r="AR10" s="61">
        <v>11</v>
      </c>
      <c r="AS10" s="62">
        <v>122</v>
      </c>
      <c r="AT10" s="63">
        <v>180</v>
      </c>
      <c r="AU10" s="60">
        <v>66</v>
      </c>
      <c r="AV10" s="61">
        <v>80</v>
      </c>
      <c r="AW10" s="62">
        <v>146</v>
      </c>
      <c r="AX10" s="231"/>
      <c r="AY10" s="61">
        <v>79</v>
      </c>
      <c r="AZ10" s="61">
        <v>85</v>
      </c>
      <c r="BA10" s="61">
        <v>56</v>
      </c>
      <c r="BB10" s="61">
        <v>45</v>
      </c>
      <c r="BC10" s="61">
        <v>20</v>
      </c>
      <c r="BD10" s="62">
        <v>285</v>
      </c>
      <c r="BE10" s="63">
        <v>431</v>
      </c>
      <c r="BF10" s="60">
        <v>84</v>
      </c>
      <c r="BG10" s="61">
        <v>92</v>
      </c>
      <c r="BH10" s="62">
        <v>176</v>
      </c>
      <c r="BI10" s="231"/>
      <c r="BJ10" s="61">
        <v>125</v>
      </c>
      <c r="BK10" s="61">
        <v>130</v>
      </c>
      <c r="BL10" s="61">
        <v>77</v>
      </c>
      <c r="BM10" s="61">
        <v>61</v>
      </c>
      <c r="BN10" s="61">
        <v>36</v>
      </c>
      <c r="BO10" s="62">
        <v>429</v>
      </c>
      <c r="BP10" s="63">
        <v>605</v>
      </c>
      <c r="BQ10" s="60">
        <v>65</v>
      </c>
      <c r="BR10" s="61">
        <v>88</v>
      </c>
      <c r="BS10" s="62">
        <v>153</v>
      </c>
      <c r="BT10" s="231"/>
      <c r="BU10" s="61">
        <v>135</v>
      </c>
      <c r="BV10" s="61">
        <v>134</v>
      </c>
      <c r="BW10" s="61">
        <v>107</v>
      </c>
      <c r="BX10" s="61">
        <v>65</v>
      </c>
      <c r="BY10" s="61">
        <v>46</v>
      </c>
      <c r="BZ10" s="62">
        <v>487</v>
      </c>
      <c r="CA10" s="63">
        <v>640</v>
      </c>
      <c r="CB10" s="60">
        <v>0</v>
      </c>
      <c r="CC10" s="61">
        <v>0</v>
      </c>
      <c r="CD10" s="62">
        <v>0</v>
      </c>
      <c r="CE10" s="231"/>
      <c r="CF10" s="61">
        <v>0</v>
      </c>
      <c r="CG10" s="61">
        <v>0</v>
      </c>
      <c r="CH10" s="61">
        <v>0</v>
      </c>
      <c r="CI10" s="61">
        <v>0</v>
      </c>
      <c r="CJ10" s="61">
        <v>0</v>
      </c>
      <c r="CK10" s="62">
        <v>0</v>
      </c>
      <c r="CL10" s="63">
        <v>0</v>
      </c>
      <c r="CM10" s="60">
        <v>254</v>
      </c>
      <c r="CN10" s="61">
        <v>314</v>
      </c>
      <c r="CO10" s="62">
        <v>568</v>
      </c>
      <c r="CP10" s="231"/>
      <c r="CQ10" s="61">
        <v>383</v>
      </c>
      <c r="CR10" s="61">
        <v>414</v>
      </c>
      <c r="CS10" s="61">
        <v>278</v>
      </c>
      <c r="CT10" s="61">
        <v>209</v>
      </c>
      <c r="CU10" s="61">
        <v>127</v>
      </c>
      <c r="CV10" s="62">
        <v>1411</v>
      </c>
      <c r="CW10" s="63">
        <v>1979</v>
      </c>
      <c r="CX10" s="113">
        <v>45</v>
      </c>
      <c r="CY10" s="72">
        <v>48</v>
      </c>
      <c r="CZ10" s="73">
        <v>93</v>
      </c>
      <c r="DA10" s="228"/>
      <c r="DB10" s="72">
        <v>43</v>
      </c>
      <c r="DC10" s="72">
        <v>48</v>
      </c>
      <c r="DD10" s="72">
        <v>38</v>
      </c>
      <c r="DE10" s="72">
        <v>31</v>
      </c>
      <c r="DF10" s="72">
        <v>20</v>
      </c>
      <c r="DG10" s="74">
        <v>180</v>
      </c>
      <c r="DH10" s="75">
        <v>273</v>
      </c>
      <c r="DI10" s="60">
        <v>1</v>
      </c>
      <c r="DJ10" s="61">
        <v>0</v>
      </c>
      <c r="DK10" s="62">
        <v>1</v>
      </c>
      <c r="DL10" s="231"/>
      <c r="DM10" s="61">
        <v>0</v>
      </c>
      <c r="DN10" s="61">
        <v>0</v>
      </c>
      <c r="DO10" s="61">
        <v>1</v>
      </c>
      <c r="DP10" s="61">
        <v>0</v>
      </c>
      <c r="DQ10" s="61">
        <v>1</v>
      </c>
      <c r="DR10" s="62">
        <v>2</v>
      </c>
      <c r="DS10" s="63">
        <v>3</v>
      </c>
      <c r="DT10" s="60">
        <v>1</v>
      </c>
      <c r="DU10" s="61">
        <v>3</v>
      </c>
      <c r="DV10" s="62">
        <v>4</v>
      </c>
      <c r="DW10" s="231"/>
      <c r="DX10" s="61">
        <v>3</v>
      </c>
      <c r="DY10" s="61">
        <v>3</v>
      </c>
      <c r="DZ10" s="61">
        <v>0</v>
      </c>
      <c r="EA10" s="61">
        <v>1</v>
      </c>
      <c r="EB10" s="61">
        <v>1</v>
      </c>
      <c r="EC10" s="62">
        <v>8</v>
      </c>
      <c r="ED10" s="63">
        <v>12</v>
      </c>
      <c r="EE10" s="60">
        <v>8</v>
      </c>
      <c r="EF10" s="61">
        <v>6</v>
      </c>
      <c r="EG10" s="62">
        <v>14</v>
      </c>
      <c r="EH10" s="231"/>
      <c r="EI10" s="61">
        <v>10</v>
      </c>
      <c r="EJ10" s="61">
        <v>6</v>
      </c>
      <c r="EK10" s="61">
        <v>5</v>
      </c>
      <c r="EL10" s="61">
        <v>2</v>
      </c>
      <c r="EM10" s="61">
        <v>1</v>
      </c>
      <c r="EN10" s="62">
        <v>24</v>
      </c>
      <c r="EO10" s="63">
        <v>38</v>
      </c>
      <c r="EP10" s="60">
        <v>10</v>
      </c>
      <c r="EQ10" s="61">
        <v>14</v>
      </c>
      <c r="ER10" s="62">
        <v>24</v>
      </c>
      <c r="ES10" s="231"/>
      <c r="ET10" s="61">
        <v>9</v>
      </c>
      <c r="EU10" s="61">
        <v>10</v>
      </c>
      <c r="EV10" s="61">
        <v>10</v>
      </c>
      <c r="EW10" s="61">
        <v>3</v>
      </c>
      <c r="EX10" s="61">
        <v>1</v>
      </c>
      <c r="EY10" s="62">
        <v>33</v>
      </c>
      <c r="EZ10" s="63">
        <v>57</v>
      </c>
      <c r="FA10" s="60">
        <v>19</v>
      </c>
      <c r="FB10" s="61">
        <v>13</v>
      </c>
      <c r="FC10" s="62">
        <v>32</v>
      </c>
      <c r="FD10" s="231"/>
      <c r="FE10" s="61">
        <v>12</v>
      </c>
      <c r="FF10" s="61">
        <v>12</v>
      </c>
      <c r="FG10" s="61">
        <v>7</v>
      </c>
      <c r="FH10" s="61">
        <v>7</v>
      </c>
      <c r="FI10" s="61">
        <v>5</v>
      </c>
      <c r="FJ10" s="62">
        <v>43</v>
      </c>
      <c r="FK10" s="63">
        <v>75</v>
      </c>
      <c r="FL10" s="60">
        <v>6</v>
      </c>
      <c r="FM10" s="61">
        <v>12</v>
      </c>
      <c r="FN10" s="62">
        <v>18</v>
      </c>
      <c r="FO10" s="231"/>
      <c r="FP10" s="61">
        <v>9</v>
      </c>
      <c r="FQ10" s="61">
        <v>17</v>
      </c>
      <c r="FR10" s="61">
        <v>15</v>
      </c>
      <c r="FS10" s="61">
        <v>18</v>
      </c>
      <c r="FT10" s="61">
        <v>11</v>
      </c>
      <c r="FU10" s="62">
        <v>70</v>
      </c>
      <c r="FV10" s="63">
        <v>88</v>
      </c>
      <c r="FW10" s="60">
        <v>0</v>
      </c>
      <c r="FX10" s="61">
        <v>0</v>
      </c>
      <c r="FY10" s="62">
        <v>0</v>
      </c>
      <c r="FZ10" s="231"/>
      <c r="GA10" s="61">
        <v>0</v>
      </c>
      <c r="GB10" s="61">
        <v>0</v>
      </c>
      <c r="GC10" s="61">
        <v>0</v>
      </c>
      <c r="GD10" s="61">
        <v>0</v>
      </c>
      <c r="GE10" s="61">
        <v>0</v>
      </c>
      <c r="GF10" s="62">
        <v>0</v>
      </c>
      <c r="GG10" s="63">
        <v>0</v>
      </c>
      <c r="GH10" s="60">
        <v>45</v>
      </c>
      <c r="GI10" s="61">
        <v>48</v>
      </c>
      <c r="GJ10" s="62">
        <v>93</v>
      </c>
      <c r="GK10" s="231"/>
      <c r="GL10" s="61">
        <v>43</v>
      </c>
      <c r="GM10" s="61">
        <v>48</v>
      </c>
      <c r="GN10" s="61">
        <v>38</v>
      </c>
      <c r="GO10" s="61">
        <v>31</v>
      </c>
      <c r="GP10" s="61">
        <v>20</v>
      </c>
      <c r="GQ10" s="62">
        <v>180</v>
      </c>
      <c r="GR10" s="63">
        <v>273</v>
      </c>
      <c r="GS10" s="113">
        <v>299</v>
      </c>
      <c r="GT10" s="72">
        <v>362</v>
      </c>
      <c r="GU10" s="73">
        <v>661</v>
      </c>
      <c r="GV10" s="228"/>
      <c r="GW10" s="72">
        <v>426</v>
      </c>
      <c r="GX10" s="72">
        <v>462</v>
      </c>
      <c r="GY10" s="72">
        <v>316</v>
      </c>
      <c r="GZ10" s="72">
        <v>240</v>
      </c>
      <c r="HA10" s="72">
        <v>147</v>
      </c>
      <c r="HB10" s="74">
        <v>1591</v>
      </c>
      <c r="HC10" s="75">
        <v>2252</v>
      </c>
      <c r="HD10" s="60">
        <v>4</v>
      </c>
      <c r="HE10" s="61">
        <v>6</v>
      </c>
      <c r="HF10" s="62">
        <v>10</v>
      </c>
      <c r="HG10" s="231"/>
      <c r="HH10" s="61">
        <v>5</v>
      </c>
      <c r="HI10" s="61">
        <v>5</v>
      </c>
      <c r="HJ10" s="61">
        <v>5</v>
      </c>
      <c r="HK10" s="61">
        <v>5</v>
      </c>
      <c r="HL10" s="61">
        <v>6</v>
      </c>
      <c r="HM10" s="62">
        <v>26</v>
      </c>
      <c r="HN10" s="63">
        <v>36</v>
      </c>
      <c r="HO10" s="60">
        <v>16</v>
      </c>
      <c r="HP10" s="61">
        <v>14</v>
      </c>
      <c r="HQ10" s="62">
        <v>30</v>
      </c>
      <c r="HR10" s="231"/>
      <c r="HS10" s="61">
        <v>15</v>
      </c>
      <c r="HT10" s="61">
        <v>22</v>
      </c>
      <c r="HU10" s="61">
        <v>14</v>
      </c>
      <c r="HV10" s="61">
        <v>11</v>
      </c>
      <c r="HW10" s="61">
        <v>10</v>
      </c>
      <c r="HX10" s="62">
        <v>72</v>
      </c>
      <c r="HY10" s="63">
        <v>102</v>
      </c>
      <c r="HZ10" s="60">
        <v>29</v>
      </c>
      <c r="IA10" s="61">
        <v>43</v>
      </c>
      <c r="IB10" s="62">
        <v>72</v>
      </c>
      <c r="IC10" s="231"/>
      <c r="ID10" s="61">
        <v>37</v>
      </c>
      <c r="IE10" s="61">
        <v>47</v>
      </c>
      <c r="IF10" s="61">
        <v>25</v>
      </c>
      <c r="IG10" s="61">
        <v>25</v>
      </c>
      <c r="IH10" s="61">
        <v>12</v>
      </c>
      <c r="II10" s="62">
        <v>146</v>
      </c>
      <c r="IJ10" s="63">
        <v>218</v>
      </c>
      <c r="IK10" s="60">
        <v>76</v>
      </c>
      <c r="IL10" s="61">
        <v>94</v>
      </c>
      <c r="IM10" s="62">
        <v>170</v>
      </c>
      <c r="IN10" s="231"/>
      <c r="IO10" s="61">
        <v>88</v>
      </c>
      <c r="IP10" s="61">
        <v>95</v>
      </c>
      <c r="IQ10" s="61">
        <v>66</v>
      </c>
      <c r="IR10" s="61">
        <v>48</v>
      </c>
      <c r="IS10" s="61">
        <v>21</v>
      </c>
      <c r="IT10" s="62">
        <v>318</v>
      </c>
      <c r="IU10" s="63">
        <v>488</v>
      </c>
      <c r="IV10" s="60">
        <v>103</v>
      </c>
      <c r="IW10" s="61">
        <v>105</v>
      </c>
      <c r="IX10" s="62">
        <v>208</v>
      </c>
      <c r="IY10" s="231"/>
      <c r="IZ10" s="61">
        <v>137</v>
      </c>
      <c r="JA10" s="61">
        <v>142</v>
      </c>
      <c r="JB10" s="61">
        <v>84</v>
      </c>
      <c r="JC10" s="61">
        <v>68</v>
      </c>
      <c r="JD10" s="61">
        <v>41</v>
      </c>
      <c r="JE10" s="62">
        <v>472</v>
      </c>
      <c r="JF10" s="63">
        <v>680</v>
      </c>
      <c r="JG10" s="60">
        <v>71</v>
      </c>
      <c r="JH10" s="61">
        <v>100</v>
      </c>
      <c r="JI10" s="62">
        <v>171</v>
      </c>
      <c r="JJ10" s="231"/>
      <c r="JK10" s="61">
        <v>144</v>
      </c>
      <c r="JL10" s="61">
        <v>151</v>
      </c>
      <c r="JM10" s="61">
        <v>122</v>
      </c>
      <c r="JN10" s="61">
        <v>83</v>
      </c>
      <c r="JO10" s="61">
        <v>57</v>
      </c>
      <c r="JP10" s="62">
        <v>557</v>
      </c>
      <c r="JQ10" s="63">
        <v>728</v>
      </c>
      <c r="JR10" s="60">
        <v>0</v>
      </c>
      <c r="JS10" s="61">
        <v>0</v>
      </c>
      <c r="JT10" s="62">
        <v>0</v>
      </c>
      <c r="JU10" s="231"/>
      <c r="JV10" s="61">
        <v>0</v>
      </c>
      <c r="JW10" s="61">
        <v>0</v>
      </c>
      <c r="JX10" s="61">
        <v>0</v>
      </c>
      <c r="JY10" s="61">
        <v>0</v>
      </c>
      <c r="JZ10" s="61">
        <v>0</v>
      </c>
      <c r="KA10" s="62">
        <v>0</v>
      </c>
      <c r="KB10" s="63">
        <v>0</v>
      </c>
      <c r="KC10" s="60">
        <v>299</v>
      </c>
      <c r="KD10" s="61">
        <v>362</v>
      </c>
      <c r="KE10" s="62">
        <v>661</v>
      </c>
      <c r="KF10" s="231"/>
      <c r="KG10" s="61">
        <v>426</v>
      </c>
      <c r="KH10" s="61">
        <v>462</v>
      </c>
      <c r="KI10" s="61">
        <v>316</v>
      </c>
      <c r="KJ10" s="61">
        <v>240</v>
      </c>
      <c r="KK10" s="61">
        <v>147</v>
      </c>
      <c r="KL10" s="62">
        <v>1591</v>
      </c>
      <c r="KM10" s="63">
        <v>2252</v>
      </c>
    </row>
    <row r="11" spans="2:299" ht="21" customHeight="1" x14ac:dyDescent="0.2">
      <c r="B11" s="472" t="s">
        <v>7</v>
      </c>
      <c r="C11" s="293">
        <v>227</v>
      </c>
      <c r="D11" s="72">
        <v>173</v>
      </c>
      <c r="E11" s="73">
        <v>400</v>
      </c>
      <c r="F11" s="228"/>
      <c r="G11" s="72">
        <v>502</v>
      </c>
      <c r="H11" s="72">
        <v>344</v>
      </c>
      <c r="I11" s="72">
        <v>199</v>
      </c>
      <c r="J11" s="72">
        <v>157</v>
      </c>
      <c r="K11" s="72">
        <v>89</v>
      </c>
      <c r="L11" s="74">
        <v>1291</v>
      </c>
      <c r="M11" s="75">
        <v>1691</v>
      </c>
      <c r="N11" s="60">
        <v>1</v>
      </c>
      <c r="O11" s="61">
        <v>1</v>
      </c>
      <c r="P11" s="62">
        <v>2</v>
      </c>
      <c r="Q11" s="231"/>
      <c r="R11" s="61">
        <v>5</v>
      </c>
      <c r="S11" s="61">
        <v>3</v>
      </c>
      <c r="T11" s="61">
        <v>3</v>
      </c>
      <c r="U11" s="61">
        <v>0</v>
      </c>
      <c r="V11" s="61">
        <v>1</v>
      </c>
      <c r="W11" s="62">
        <v>12</v>
      </c>
      <c r="X11" s="63">
        <v>14</v>
      </c>
      <c r="Y11" s="60">
        <v>6</v>
      </c>
      <c r="Z11" s="61">
        <v>6</v>
      </c>
      <c r="AA11" s="62">
        <v>12</v>
      </c>
      <c r="AB11" s="231"/>
      <c r="AC11" s="61">
        <v>20</v>
      </c>
      <c r="AD11" s="61">
        <v>15</v>
      </c>
      <c r="AE11" s="61">
        <v>12</v>
      </c>
      <c r="AF11" s="61">
        <v>2</v>
      </c>
      <c r="AG11" s="61">
        <v>5</v>
      </c>
      <c r="AH11" s="62">
        <v>54</v>
      </c>
      <c r="AI11" s="63">
        <v>66</v>
      </c>
      <c r="AJ11" s="60">
        <v>14</v>
      </c>
      <c r="AK11" s="61">
        <v>16</v>
      </c>
      <c r="AL11" s="62">
        <v>30</v>
      </c>
      <c r="AM11" s="231"/>
      <c r="AN11" s="61">
        <v>39</v>
      </c>
      <c r="AO11" s="61">
        <v>34</v>
      </c>
      <c r="AP11" s="61">
        <v>13</v>
      </c>
      <c r="AQ11" s="61">
        <v>12</v>
      </c>
      <c r="AR11" s="61">
        <v>8</v>
      </c>
      <c r="AS11" s="62">
        <v>106</v>
      </c>
      <c r="AT11" s="63">
        <v>136</v>
      </c>
      <c r="AU11" s="60">
        <v>34</v>
      </c>
      <c r="AV11" s="61">
        <v>30</v>
      </c>
      <c r="AW11" s="62">
        <v>64</v>
      </c>
      <c r="AX11" s="231"/>
      <c r="AY11" s="61">
        <v>103</v>
      </c>
      <c r="AZ11" s="61">
        <v>70</v>
      </c>
      <c r="BA11" s="61">
        <v>37</v>
      </c>
      <c r="BB11" s="61">
        <v>30</v>
      </c>
      <c r="BC11" s="61">
        <v>27</v>
      </c>
      <c r="BD11" s="62">
        <v>267</v>
      </c>
      <c r="BE11" s="63">
        <v>331</v>
      </c>
      <c r="BF11" s="60">
        <v>96</v>
      </c>
      <c r="BG11" s="61">
        <v>67</v>
      </c>
      <c r="BH11" s="62">
        <v>163</v>
      </c>
      <c r="BI11" s="231"/>
      <c r="BJ11" s="61">
        <v>162</v>
      </c>
      <c r="BK11" s="61">
        <v>106</v>
      </c>
      <c r="BL11" s="61">
        <v>61</v>
      </c>
      <c r="BM11" s="61">
        <v>46</v>
      </c>
      <c r="BN11" s="61">
        <v>27</v>
      </c>
      <c r="BO11" s="62">
        <v>402</v>
      </c>
      <c r="BP11" s="63">
        <v>565</v>
      </c>
      <c r="BQ11" s="60">
        <v>76</v>
      </c>
      <c r="BR11" s="61">
        <v>53</v>
      </c>
      <c r="BS11" s="62">
        <v>129</v>
      </c>
      <c r="BT11" s="231"/>
      <c r="BU11" s="61">
        <v>173</v>
      </c>
      <c r="BV11" s="61">
        <v>116</v>
      </c>
      <c r="BW11" s="61">
        <v>73</v>
      </c>
      <c r="BX11" s="61">
        <v>67</v>
      </c>
      <c r="BY11" s="61">
        <v>21</v>
      </c>
      <c r="BZ11" s="62">
        <v>450</v>
      </c>
      <c r="CA11" s="63">
        <v>579</v>
      </c>
      <c r="CB11" s="60">
        <v>0</v>
      </c>
      <c r="CC11" s="61">
        <v>0</v>
      </c>
      <c r="CD11" s="62">
        <v>0</v>
      </c>
      <c r="CE11" s="231"/>
      <c r="CF11" s="61">
        <v>0</v>
      </c>
      <c r="CG11" s="61">
        <v>0</v>
      </c>
      <c r="CH11" s="61">
        <v>0</v>
      </c>
      <c r="CI11" s="61">
        <v>0</v>
      </c>
      <c r="CJ11" s="61">
        <v>0</v>
      </c>
      <c r="CK11" s="62">
        <v>0</v>
      </c>
      <c r="CL11" s="63">
        <v>0</v>
      </c>
      <c r="CM11" s="60">
        <v>227</v>
      </c>
      <c r="CN11" s="61">
        <v>173</v>
      </c>
      <c r="CO11" s="62">
        <v>400</v>
      </c>
      <c r="CP11" s="231"/>
      <c r="CQ11" s="61">
        <v>502</v>
      </c>
      <c r="CR11" s="61">
        <v>344</v>
      </c>
      <c r="CS11" s="61">
        <v>199</v>
      </c>
      <c r="CT11" s="61">
        <v>157</v>
      </c>
      <c r="CU11" s="61">
        <v>89</v>
      </c>
      <c r="CV11" s="62">
        <v>1291</v>
      </c>
      <c r="CW11" s="63">
        <v>1691</v>
      </c>
      <c r="CX11" s="113">
        <v>27</v>
      </c>
      <c r="CY11" s="72">
        <v>33</v>
      </c>
      <c r="CZ11" s="73">
        <v>60</v>
      </c>
      <c r="DA11" s="228"/>
      <c r="DB11" s="72">
        <v>68</v>
      </c>
      <c r="DC11" s="72">
        <v>36</v>
      </c>
      <c r="DD11" s="72">
        <v>34</v>
      </c>
      <c r="DE11" s="72">
        <v>21</v>
      </c>
      <c r="DF11" s="72">
        <v>21</v>
      </c>
      <c r="DG11" s="74">
        <v>180</v>
      </c>
      <c r="DH11" s="75">
        <v>240</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1</v>
      </c>
      <c r="DZ11" s="61">
        <v>1</v>
      </c>
      <c r="EA11" s="61">
        <v>1</v>
      </c>
      <c r="EB11" s="61">
        <v>0</v>
      </c>
      <c r="EC11" s="62">
        <v>4</v>
      </c>
      <c r="ED11" s="63">
        <v>10</v>
      </c>
      <c r="EE11" s="60">
        <v>3</v>
      </c>
      <c r="EF11" s="61">
        <v>6</v>
      </c>
      <c r="EG11" s="62">
        <v>9</v>
      </c>
      <c r="EH11" s="231"/>
      <c r="EI11" s="61">
        <v>2</v>
      </c>
      <c r="EJ11" s="61">
        <v>5</v>
      </c>
      <c r="EK11" s="61">
        <v>2</v>
      </c>
      <c r="EL11" s="61">
        <v>3</v>
      </c>
      <c r="EM11" s="61">
        <v>3</v>
      </c>
      <c r="EN11" s="62">
        <v>15</v>
      </c>
      <c r="EO11" s="63">
        <v>24</v>
      </c>
      <c r="EP11" s="60">
        <v>5</v>
      </c>
      <c r="EQ11" s="61">
        <v>4</v>
      </c>
      <c r="ER11" s="62">
        <v>9</v>
      </c>
      <c r="ES11" s="231"/>
      <c r="ET11" s="61">
        <v>12</v>
      </c>
      <c r="EU11" s="61">
        <v>5</v>
      </c>
      <c r="EV11" s="61">
        <v>4</v>
      </c>
      <c r="EW11" s="61">
        <v>0</v>
      </c>
      <c r="EX11" s="61">
        <v>2</v>
      </c>
      <c r="EY11" s="62">
        <v>23</v>
      </c>
      <c r="EZ11" s="63">
        <v>32</v>
      </c>
      <c r="FA11" s="60">
        <v>5</v>
      </c>
      <c r="FB11" s="61">
        <v>15</v>
      </c>
      <c r="FC11" s="62">
        <v>20</v>
      </c>
      <c r="FD11" s="231"/>
      <c r="FE11" s="61">
        <v>20</v>
      </c>
      <c r="FF11" s="61">
        <v>9</v>
      </c>
      <c r="FG11" s="61">
        <v>10</v>
      </c>
      <c r="FH11" s="61">
        <v>6</v>
      </c>
      <c r="FI11" s="61">
        <v>7</v>
      </c>
      <c r="FJ11" s="62">
        <v>52</v>
      </c>
      <c r="FK11" s="63">
        <v>72</v>
      </c>
      <c r="FL11" s="60">
        <v>9</v>
      </c>
      <c r="FM11" s="61">
        <v>6</v>
      </c>
      <c r="FN11" s="62">
        <v>15</v>
      </c>
      <c r="FO11" s="231"/>
      <c r="FP11" s="61">
        <v>32</v>
      </c>
      <c r="FQ11" s="61">
        <v>16</v>
      </c>
      <c r="FR11" s="61">
        <v>17</v>
      </c>
      <c r="FS11" s="61">
        <v>11</v>
      </c>
      <c r="FT11" s="61">
        <v>9</v>
      </c>
      <c r="FU11" s="62">
        <v>85</v>
      </c>
      <c r="FV11" s="63">
        <v>100</v>
      </c>
      <c r="FW11" s="60">
        <v>0</v>
      </c>
      <c r="FX11" s="61">
        <v>0</v>
      </c>
      <c r="FY11" s="62">
        <v>0</v>
      </c>
      <c r="FZ11" s="231"/>
      <c r="GA11" s="61">
        <v>0</v>
      </c>
      <c r="GB11" s="61">
        <v>0</v>
      </c>
      <c r="GC11" s="61">
        <v>0</v>
      </c>
      <c r="GD11" s="61">
        <v>0</v>
      </c>
      <c r="GE11" s="61">
        <v>0</v>
      </c>
      <c r="GF11" s="62">
        <v>0</v>
      </c>
      <c r="GG11" s="63">
        <v>0</v>
      </c>
      <c r="GH11" s="60">
        <v>27</v>
      </c>
      <c r="GI11" s="61">
        <v>33</v>
      </c>
      <c r="GJ11" s="62">
        <v>60</v>
      </c>
      <c r="GK11" s="231"/>
      <c r="GL11" s="61">
        <v>68</v>
      </c>
      <c r="GM11" s="61">
        <v>36</v>
      </c>
      <c r="GN11" s="61">
        <v>34</v>
      </c>
      <c r="GO11" s="61">
        <v>21</v>
      </c>
      <c r="GP11" s="61">
        <v>21</v>
      </c>
      <c r="GQ11" s="62">
        <v>180</v>
      </c>
      <c r="GR11" s="63">
        <v>240</v>
      </c>
      <c r="GS11" s="113">
        <v>254</v>
      </c>
      <c r="GT11" s="72">
        <v>206</v>
      </c>
      <c r="GU11" s="73">
        <v>460</v>
      </c>
      <c r="GV11" s="228"/>
      <c r="GW11" s="72">
        <v>570</v>
      </c>
      <c r="GX11" s="72">
        <v>380</v>
      </c>
      <c r="GY11" s="72">
        <v>233</v>
      </c>
      <c r="GZ11" s="72">
        <v>178</v>
      </c>
      <c r="HA11" s="72">
        <v>110</v>
      </c>
      <c r="HB11" s="74">
        <v>1471</v>
      </c>
      <c r="HC11" s="75">
        <v>1931</v>
      </c>
      <c r="HD11" s="60">
        <v>2</v>
      </c>
      <c r="HE11" s="61">
        <v>1</v>
      </c>
      <c r="HF11" s="62">
        <v>3</v>
      </c>
      <c r="HG11" s="231"/>
      <c r="HH11" s="61">
        <v>6</v>
      </c>
      <c r="HI11" s="61">
        <v>3</v>
      </c>
      <c r="HJ11" s="61">
        <v>3</v>
      </c>
      <c r="HK11" s="61">
        <v>0</v>
      </c>
      <c r="HL11" s="61">
        <v>1</v>
      </c>
      <c r="HM11" s="62">
        <v>13</v>
      </c>
      <c r="HN11" s="63">
        <v>16</v>
      </c>
      <c r="HO11" s="60">
        <v>10</v>
      </c>
      <c r="HP11" s="61">
        <v>8</v>
      </c>
      <c r="HQ11" s="62">
        <v>18</v>
      </c>
      <c r="HR11" s="231"/>
      <c r="HS11" s="61">
        <v>21</v>
      </c>
      <c r="HT11" s="61">
        <v>16</v>
      </c>
      <c r="HU11" s="61">
        <v>13</v>
      </c>
      <c r="HV11" s="61">
        <v>3</v>
      </c>
      <c r="HW11" s="61">
        <v>5</v>
      </c>
      <c r="HX11" s="62">
        <v>58</v>
      </c>
      <c r="HY11" s="63">
        <v>76</v>
      </c>
      <c r="HZ11" s="60">
        <v>17</v>
      </c>
      <c r="IA11" s="61">
        <v>22</v>
      </c>
      <c r="IB11" s="62">
        <v>39</v>
      </c>
      <c r="IC11" s="231"/>
      <c r="ID11" s="61">
        <v>41</v>
      </c>
      <c r="IE11" s="61">
        <v>39</v>
      </c>
      <c r="IF11" s="61">
        <v>15</v>
      </c>
      <c r="IG11" s="61">
        <v>15</v>
      </c>
      <c r="IH11" s="61">
        <v>11</v>
      </c>
      <c r="II11" s="62">
        <v>121</v>
      </c>
      <c r="IJ11" s="63">
        <v>160</v>
      </c>
      <c r="IK11" s="60">
        <v>39</v>
      </c>
      <c r="IL11" s="61">
        <v>34</v>
      </c>
      <c r="IM11" s="62">
        <v>73</v>
      </c>
      <c r="IN11" s="231"/>
      <c r="IO11" s="61">
        <v>115</v>
      </c>
      <c r="IP11" s="61">
        <v>75</v>
      </c>
      <c r="IQ11" s="61">
        <v>41</v>
      </c>
      <c r="IR11" s="61">
        <v>30</v>
      </c>
      <c r="IS11" s="61">
        <v>29</v>
      </c>
      <c r="IT11" s="62">
        <v>290</v>
      </c>
      <c r="IU11" s="63">
        <v>363</v>
      </c>
      <c r="IV11" s="60">
        <v>101</v>
      </c>
      <c r="IW11" s="61">
        <v>82</v>
      </c>
      <c r="IX11" s="62">
        <v>183</v>
      </c>
      <c r="IY11" s="231"/>
      <c r="IZ11" s="61">
        <v>182</v>
      </c>
      <c r="JA11" s="61">
        <v>115</v>
      </c>
      <c r="JB11" s="61">
        <v>71</v>
      </c>
      <c r="JC11" s="61">
        <v>52</v>
      </c>
      <c r="JD11" s="61">
        <v>34</v>
      </c>
      <c r="JE11" s="62">
        <v>454</v>
      </c>
      <c r="JF11" s="63">
        <v>637</v>
      </c>
      <c r="JG11" s="60">
        <v>85</v>
      </c>
      <c r="JH11" s="61">
        <v>59</v>
      </c>
      <c r="JI11" s="62">
        <v>144</v>
      </c>
      <c r="JJ11" s="231"/>
      <c r="JK11" s="61">
        <v>205</v>
      </c>
      <c r="JL11" s="61">
        <v>132</v>
      </c>
      <c r="JM11" s="61">
        <v>90</v>
      </c>
      <c r="JN11" s="61">
        <v>78</v>
      </c>
      <c r="JO11" s="61">
        <v>30</v>
      </c>
      <c r="JP11" s="62">
        <v>535</v>
      </c>
      <c r="JQ11" s="63">
        <v>679</v>
      </c>
      <c r="JR11" s="60">
        <v>0</v>
      </c>
      <c r="JS11" s="61">
        <v>0</v>
      </c>
      <c r="JT11" s="62">
        <v>0</v>
      </c>
      <c r="JU11" s="231"/>
      <c r="JV11" s="61">
        <v>0</v>
      </c>
      <c r="JW11" s="61">
        <v>0</v>
      </c>
      <c r="JX11" s="61">
        <v>0</v>
      </c>
      <c r="JY11" s="61">
        <v>0</v>
      </c>
      <c r="JZ11" s="61">
        <v>0</v>
      </c>
      <c r="KA11" s="62">
        <v>0</v>
      </c>
      <c r="KB11" s="63">
        <v>0</v>
      </c>
      <c r="KC11" s="60">
        <v>254</v>
      </c>
      <c r="KD11" s="61">
        <v>206</v>
      </c>
      <c r="KE11" s="62">
        <v>460</v>
      </c>
      <c r="KF11" s="231"/>
      <c r="KG11" s="61">
        <v>570</v>
      </c>
      <c r="KH11" s="61">
        <v>380</v>
      </c>
      <c r="KI11" s="61">
        <v>233</v>
      </c>
      <c r="KJ11" s="61">
        <v>178</v>
      </c>
      <c r="KK11" s="61">
        <v>110</v>
      </c>
      <c r="KL11" s="62">
        <v>1471</v>
      </c>
      <c r="KM11" s="63">
        <v>1931</v>
      </c>
    </row>
    <row r="12" spans="2:299" ht="21" customHeight="1" x14ac:dyDescent="0.2">
      <c r="B12" s="472" t="s">
        <v>8</v>
      </c>
      <c r="C12" s="293">
        <v>96</v>
      </c>
      <c r="D12" s="72">
        <v>71</v>
      </c>
      <c r="E12" s="73">
        <v>167</v>
      </c>
      <c r="F12" s="228"/>
      <c r="G12" s="72">
        <v>143</v>
      </c>
      <c r="H12" s="72">
        <v>104</v>
      </c>
      <c r="I12" s="72">
        <v>96</v>
      </c>
      <c r="J12" s="72">
        <v>59</v>
      </c>
      <c r="K12" s="72">
        <v>52</v>
      </c>
      <c r="L12" s="74">
        <v>454</v>
      </c>
      <c r="M12" s="75">
        <v>621</v>
      </c>
      <c r="N12" s="60">
        <v>2</v>
      </c>
      <c r="O12" s="61">
        <v>2</v>
      </c>
      <c r="P12" s="62">
        <v>4</v>
      </c>
      <c r="Q12" s="231"/>
      <c r="R12" s="61">
        <v>2</v>
      </c>
      <c r="S12" s="61">
        <v>2</v>
      </c>
      <c r="T12" s="61">
        <v>4</v>
      </c>
      <c r="U12" s="61">
        <v>2</v>
      </c>
      <c r="V12" s="61">
        <v>0</v>
      </c>
      <c r="W12" s="62">
        <v>10</v>
      </c>
      <c r="X12" s="63">
        <v>14</v>
      </c>
      <c r="Y12" s="60">
        <v>1</v>
      </c>
      <c r="Z12" s="61">
        <v>5</v>
      </c>
      <c r="AA12" s="62">
        <v>6</v>
      </c>
      <c r="AB12" s="231"/>
      <c r="AC12" s="61">
        <v>6</v>
      </c>
      <c r="AD12" s="61">
        <v>7</v>
      </c>
      <c r="AE12" s="61">
        <v>1</v>
      </c>
      <c r="AF12" s="61">
        <v>7</v>
      </c>
      <c r="AG12" s="61">
        <v>2</v>
      </c>
      <c r="AH12" s="62">
        <v>23</v>
      </c>
      <c r="AI12" s="63">
        <v>29</v>
      </c>
      <c r="AJ12" s="60">
        <v>5</v>
      </c>
      <c r="AK12" s="61">
        <v>6</v>
      </c>
      <c r="AL12" s="62">
        <v>11</v>
      </c>
      <c r="AM12" s="231"/>
      <c r="AN12" s="61">
        <v>11</v>
      </c>
      <c r="AO12" s="61">
        <v>10</v>
      </c>
      <c r="AP12" s="61">
        <v>3</v>
      </c>
      <c r="AQ12" s="61">
        <v>6</v>
      </c>
      <c r="AR12" s="61">
        <v>7</v>
      </c>
      <c r="AS12" s="62">
        <v>37</v>
      </c>
      <c r="AT12" s="63">
        <v>48</v>
      </c>
      <c r="AU12" s="60">
        <v>21</v>
      </c>
      <c r="AV12" s="61">
        <v>7</v>
      </c>
      <c r="AW12" s="62">
        <v>28</v>
      </c>
      <c r="AX12" s="231"/>
      <c r="AY12" s="61">
        <v>25</v>
      </c>
      <c r="AZ12" s="61">
        <v>25</v>
      </c>
      <c r="BA12" s="61">
        <v>12</v>
      </c>
      <c r="BB12" s="61">
        <v>8</v>
      </c>
      <c r="BC12" s="61">
        <v>10</v>
      </c>
      <c r="BD12" s="62">
        <v>80</v>
      </c>
      <c r="BE12" s="63">
        <v>108</v>
      </c>
      <c r="BF12" s="60">
        <v>29</v>
      </c>
      <c r="BG12" s="61">
        <v>27</v>
      </c>
      <c r="BH12" s="62">
        <v>56</v>
      </c>
      <c r="BI12" s="231"/>
      <c r="BJ12" s="61">
        <v>42</v>
      </c>
      <c r="BK12" s="61">
        <v>20</v>
      </c>
      <c r="BL12" s="61">
        <v>26</v>
      </c>
      <c r="BM12" s="61">
        <v>11</v>
      </c>
      <c r="BN12" s="61">
        <v>15</v>
      </c>
      <c r="BO12" s="62">
        <v>114</v>
      </c>
      <c r="BP12" s="63">
        <v>170</v>
      </c>
      <c r="BQ12" s="60">
        <v>38</v>
      </c>
      <c r="BR12" s="61">
        <v>24</v>
      </c>
      <c r="BS12" s="62">
        <v>62</v>
      </c>
      <c r="BT12" s="231"/>
      <c r="BU12" s="61">
        <v>57</v>
      </c>
      <c r="BV12" s="61">
        <v>40</v>
      </c>
      <c r="BW12" s="61">
        <v>50</v>
      </c>
      <c r="BX12" s="61">
        <v>25</v>
      </c>
      <c r="BY12" s="61">
        <v>18</v>
      </c>
      <c r="BZ12" s="62">
        <v>190</v>
      </c>
      <c r="CA12" s="63">
        <v>252</v>
      </c>
      <c r="CB12" s="60">
        <v>0</v>
      </c>
      <c r="CC12" s="61">
        <v>0</v>
      </c>
      <c r="CD12" s="62">
        <v>0</v>
      </c>
      <c r="CE12" s="231"/>
      <c r="CF12" s="61">
        <v>0</v>
      </c>
      <c r="CG12" s="61">
        <v>0</v>
      </c>
      <c r="CH12" s="61">
        <v>0</v>
      </c>
      <c r="CI12" s="61">
        <v>0</v>
      </c>
      <c r="CJ12" s="61">
        <v>0</v>
      </c>
      <c r="CK12" s="62">
        <v>0</v>
      </c>
      <c r="CL12" s="63">
        <v>0</v>
      </c>
      <c r="CM12" s="60">
        <v>96</v>
      </c>
      <c r="CN12" s="61">
        <v>71</v>
      </c>
      <c r="CO12" s="62">
        <v>167</v>
      </c>
      <c r="CP12" s="231"/>
      <c r="CQ12" s="61">
        <v>143</v>
      </c>
      <c r="CR12" s="61">
        <v>104</v>
      </c>
      <c r="CS12" s="61">
        <v>96</v>
      </c>
      <c r="CT12" s="61">
        <v>59</v>
      </c>
      <c r="CU12" s="61">
        <v>52</v>
      </c>
      <c r="CV12" s="62">
        <v>454</v>
      </c>
      <c r="CW12" s="63">
        <v>621</v>
      </c>
      <c r="CX12" s="113">
        <v>11</v>
      </c>
      <c r="CY12" s="72">
        <v>6</v>
      </c>
      <c r="CZ12" s="73">
        <v>17</v>
      </c>
      <c r="DA12" s="228"/>
      <c r="DB12" s="72">
        <v>21</v>
      </c>
      <c r="DC12" s="72">
        <v>26</v>
      </c>
      <c r="DD12" s="72">
        <v>21</v>
      </c>
      <c r="DE12" s="72">
        <v>11</v>
      </c>
      <c r="DF12" s="72">
        <v>2</v>
      </c>
      <c r="DG12" s="74">
        <v>81</v>
      </c>
      <c r="DH12" s="75">
        <v>98</v>
      </c>
      <c r="DI12" s="60">
        <v>1</v>
      </c>
      <c r="DJ12" s="61">
        <v>0</v>
      </c>
      <c r="DK12" s="62">
        <v>1</v>
      </c>
      <c r="DL12" s="231"/>
      <c r="DM12" s="61">
        <v>0</v>
      </c>
      <c r="DN12" s="61">
        <v>1</v>
      </c>
      <c r="DO12" s="61">
        <v>0</v>
      </c>
      <c r="DP12" s="61">
        <v>0</v>
      </c>
      <c r="DQ12" s="61">
        <v>0</v>
      </c>
      <c r="DR12" s="62">
        <v>1</v>
      </c>
      <c r="DS12" s="63">
        <v>2</v>
      </c>
      <c r="DT12" s="60">
        <v>1</v>
      </c>
      <c r="DU12" s="61">
        <v>1</v>
      </c>
      <c r="DV12" s="62">
        <v>2</v>
      </c>
      <c r="DW12" s="231"/>
      <c r="DX12" s="61">
        <v>1</v>
      </c>
      <c r="DY12" s="61">
        <v>1</v>
      </c>
      <c r="DZ12" s="61">
        <v>1</v>
      </c>
      <c r="EA12" s="61">
        <v>1</v>
      </c>
      <c r="EB12" s="61">
        <v>1</v>
      </c>
      <c r="EC12" s="62">
        <v>5</v>
      </c>
      <c r="ED12" s="63">
        <v>7</v>
      </c>
      <c r="EE12" s="60">
        <v>0</v>
      </c>
      <c r="EF12" s="61">
        <v>1</v>
      </c>
      <c r="EG12" s="62">
        <v>1</v>
      </c>
      <c r="EH12" s="231"/>
      <c r="EI12" s="61">
        <v>3</v>
      </c>
      <c r="EJ12" s="61">
        <v>2</v>
      </c>
      <c r="EK12" s="61">
        <v>1</v>
      </c>
      <c r="EL12" s="61">
        <v>1</v>
      </c>
      <c r="EM12" s="61">
        <v>0</v>
      </c>
      <c r="EN12" s="62">
        <v>7</v>
      </c>
      <c r="EO12" s="63">
        <v>8</v>
      </c>
      <c r="EP12" s="60">
        <v>3</v>
      </c>
      <c r="EQ12" s="61">
        <v>1</v>
      </c>
      <c r="ER12" s="62">
        <v>4</v>
      </c>
      <c r="ES12" s="231"/>
      <c r="ET12" s="61">
        <v>2</v>
      </c>
      <c r="EU12" s="61">
        <v>2</v>
      </c>
      <c r="EV12" s="61">
        <v>5</v>
      </c>
      <c r="EW12" s="61">
        <v>0</v>
      </c>
      <c r="EX12" s="61">
        <v>0</v>
      </c>
      <c r="EY12" s="62">
        <v>9</v>
      </c>
      <c r="EZ12" s="63">
        <v>13</v>
      </c>
      <c r="FA12" s="60">
        <v>3</v>
      </c>
      <c r="FB12" s="61">
        <v>2</v>
      </c>
      <c r="FC12" s="62">
        <v>5</v>
      </c>
      <c r="FD12" s="231"/>
      <c r="FE12" s="61">
        <v>7</v>
      </c>
      <c r="FF12" s="61">
        <v>7</v>
      </c>
      <c r="FG12" s="61">
        <v>4</v>
      </c>
      <c r="FH12" s="61">
        <v>1</v>
      </c>
      <c r="FI12" s="61">
        <v>0</v>
      </c>
      <c r="FJ12" s="62">
        <v>19</v>
      </c>
      <c r="FK12" s="63">
        <v>24</v>
      </c>
      <c r="FL12" s="60">
        <v>3</v>
      </c>
      <c r="FM12" s="61">
        <v>1</v>
      </c>
      <c r="FN12" s="62">
        <v>4</v>
      </c>
      <c r="FO12" s="231"/>
      <c r="FP12" s="61">
        <v>8</v>
      </c>
      <c r="FQ12" s="61">
        <v>13</v>
      </c>
      <c r="FR12" s="61">
        <v>10</v>
      </c>
      <c r="FS12" s="61">
        <v>8</v>
      </c>
      <c r="FT12" s="61">
        <v>1</v>
      </c>
      <c r="FU12" s="62">
        <v>40</v>
      </c>
      <c r="FV12" s="63">
        <v>44</v>
      </c>
      <c r="FW12" s="60">
        <v>0</v>
      </c>
      <c r="FX12" s="61">
        <v>0</v>
      </c>
      <c r="FY12" s="62">
        <v>0</v>
      </c>
      <c r="FZ12" s="231"/>
      <c r="GA12" s="61">
        <v>0</v>
      </c>
      <c r="GB12" s="61">
        <v>0</v>
      </c>
      <c r="GC12" s="61">
        <v>0</v>
      </c>
      <c r="GD12" s="61">
        <v>0</v>
      </c>
      <c r="GE12" s="61">
        <v>0</v>
      </c>
      <c r="GF12" s="62">
        <v>0</v>
      </c>
      <c r="GG12" s="63">
        <v>0</v>
      </c>
      <c r="GH12" s="60">
        <v>11</v>
      </c>
      <c r="GI12" s="61">
        <v>6</v>
      </c>
      <c r="GJ12" s="62">
        <v>17</v>
      </c>
      <c r="GK12" s="231"/>
      <c r="GL12" s="61">
        <v>21</v>
      </c>
      <c r="GM12" s="61">
        <v>26</v>
      </c>
      <c r="GN12" s="61">
        <v>21</v>
      </c>
      <c r="GO12" s="61">
        <v>11</v>
      </c>
      <c r="GP12" s="61">
        <v>2</v>
      </c>
      <c r="GQ12" s="62">
        <v>81</v>
      </c>
      <c r="GR12" s="63">
        <v>98</v>
      </c>
      <c r="GS12" s="113">
        <v>107</v>
      </c>
      <c r="GT12" s="72">
        <v>77</v>
      </c>
      <c r="GU12" s="73">
        <v>184</v>
      </c>
      <c r="GV12" s="228"/>
      <c r="GW12" s="72">
        <v>164</v>
      </c>
      <c r="GX12" s="72">
        <v>130</v>
      </c>
      <c r="GY12" s="72">
        <v>117</v>
      </c>
      <c r="GZ12" s="72">
        <v>70</v>
      </c>
      <c r="HA12" s="72">
        <v>54</v>
      </c>
      <c r="HB12" s="74">
        <v>535</v>
      </c>
      <c r="HC12" s="75">
        <v>719</v>
      </c>
      <c r="HD12" s="60">
        <v>3</v>
      </c>
      <c r="HE12" s="61">
        <v>2</v>
      </c>
      <c r="HF12" s="62">
        <v>5</v>
      </c>
      <c r="HG12" s="231"/>
      <c r="HH12" s="61">
        <v>2</v>
      </c>
      <c r="HI12" s="61">
        <v>3</v>
      </c>
      <c r="HJ12" s="61">
        <v>4</v>
      </c>
      <c r="HK12" s="61">
        <v>2</v>
      </c>
      <c r="HL12" s="61">
        <v>0</v>
      </c>
      <c r="HM12" s="62">
        <v>11</v>
      </c>
      <c r="HN12" s="63">
        <v>16</v>
      </c>
      <c r="HO12" s="60">
        <v>2</v>
      </c>
      <c r="HP12" s="61">
        <v>6</v>
      </c>
      <c r="HQ12" s="62">
        <v>8</v>
      </c>
      <c r="HR12" s="231"/>
      <c r="HS12" s="61">
        <v>7</v>
      </c>
      <c r="HT12" s="61">
        <v>8</v>
      </c>
      <c r="HU12" s="61">
        <v>2</v>
      </c>
      <c r="HV12" s="61">
        <v>8</v>
      </c>
      <c r="HW12" s="61">
        <v>3</v>
      </c>
      <c r="HX12" s="62">
        <v>28</v>
      </c>
      <c r="HY12" s="63">
        <v>36</v>
      </c>
      <c r="HZ12" s="60">
        <v>5</v>
      </c>
      <c r="IA12" s="61">
        <v>7</v>
      </c>
      <c r="IB12" s="62">
        <v>12</v>
      </c>
      <c r="IC12" s="231"/>
      <c r="ID12" s="61">
        <v>14</v>
      </c>
      <c r="IE12" s="61">
        <v>12</v>
      </c>
      <c r="IF12" s="61">
        <v>4</v>
      </c>
      <c r="IG12" s="61">
        <v>7</v>
      </c>
      <c r="IH12" s="61">
        <v>7</v>
      </c>
      <c r="II12" s="62">
        <v>44</v>
      </c>
      <c r="IJ12" s="63">
        <v>56</v>
      </c>
      <c r="IK12" s="60">
        <v>24</v>
      </c>
      <c r="IL12" s="61">
        <v>8</v>
      </c>
      <c r="IM12" s="62">
        <v>32</v>
      </c>
      <c r="IN12" s="231"/>
      <c r="IO12" s="61">
        <v>27</v>
      </c>
      <c r="IP12" s="61">
        <v>27</v>
      </c>
      <c r="IQ12" s="61">
        <v>17</v>
      </c>
      <c r="IR12" s="61">
        <v>8</v>
      </c>
      <c r="IS12" s="61">
        <v>10</v>
      </c>
      <c r="IT12" s="62">
        <v>89</v>
      </c>
      <c r="IU12" s="63">
        <v>121</v>
      </c>
      <c r="IV12" s="60">
        <v>32</v>
      </c>
      <c r="IW12" s="61">
        <v>29</v>
      </c>
      <c r="IX12" s="62">
        <v>61</v>
      </c>
      <c r="IY12" s="231"/>
      <c r="IZ12" s="61">
        <v>49</v>
      </c>
      <c r="JA12" s="61">
        <v>27</v>
      </c>
      <c r="JB12" s="61">
        <v>30</v>
      </c>
      <c r="JC12" s="61">
        <v>12</v>
      </c>
      <c r="JD12" s="61">
        <v>15</v>
      </c>
      <c r="JE12" s="62">
        <v>133</v>
      </c>
      <c r="JF12" s="63">
        <v>194</v>
      </c>
      <c r="JG12" s="60">
        <v>41</v>
      </c>
      <c r="JH12" s="61">
        <v>25</v>
      </c>
      <c r="JI12" s="62">
        <v>66</v>
      </c>
      <c r="JJ12" s="231"/>
      <c r="JK12" s="61">
        <v>65</v>
      </c>
      <c r="JL12" s="61">
        <v>53</v>
      </c>
      <c r="JM12" s="61">
        <v>60</v>
      </c>
      <c r="JN12" s="61">
        <v>33</v>
      </c>
      <c r="JO12" s="61">
        <v>19</v>
      </c>
      <c r="JP12" s="62">
        <v>230</v>
      </c>
      <c r="JQ12" s="63">
        <v>296</v>
      </c>
      <c r="JR12" s="60">
        <v>0</v>
      </c>
      <c r="JS12" s="61">
        <v>0</v>
      </c>
      <c r="JT12" s="62">
        <v>0</v>
      </c>
      <c r="JU12" s="231"/>
      <c r="JV12" s="61">
        <v>0</v>
      </c>
      <c r="JW12" s="61">
        <v>0</v>
      </c>
      <c r="JX12" s="61">
        <v>0</v>
      </c>
      <c r="JY12" s="61">
        <v>0</v>
      </c>
      <c r="JZ12" s="61">
        <v>0</v>
      </c>
      <c r="KA12" s="62">
        <v>0</v>
      </c>
      <c r="KB12" s="63">
        <v>0</v>
      </c>
      <c r="KC12" s="60">
        <v>107</v>
      </c>
      <c r="KD12" s="61">
        <v>77</v>
      </c>
      <c r="KE12" s="62">
        <v>184</v>
      </c>
      <c r="KF12" s="231"/>
      <c r="KG12" s="61">
        <v>164</v>
      </c>
      <c r="KH12" s="61">
        <v>130</v>
      </c>
      <c r="KI12" s="61">
        <v>117</v>
      </c>
      <c r="KJ12" s="61">
        <v>70</v>
      </c>
      <c r="KK12" s="61">
        <v>54</v>
      </c>
      <c r="KL12" s="62">
        <v>535</v>
      </c>
      <c r="KM12" s="63">
        <v>719</v>
      </c>
    </row>
    <row r="13" spans="2:299" ht="21" customHeight="1" x14ac:dyDescent="0.2">
      <c r="B13" s="472" t="s">
        <v>9</v>
      </c>
      <c r="C13" s="293">
        <v>184</v>
      </c>
      <c r="D13" s="72">
        <v>101</v>
      </c>
      <c r="E13" s="73">
        <v>285</v>
      </c>
      <c r="F13" s="228"/>
      <c r="G13" s="72">
        <v>212</v>
      </c>
      <c r="H13" s="72">
        <v>140</v>
      </c>
      <c r="I13" s="72">
        <v>112</v>
      </c>
      <c r="J13" s="72">
        <v>93</v>
      </c>
      <c r="K13" s="72">
        <v>48</v>
      </c>
      <c r="L13" s="74">
        <v>605</v>
      </c>
      <c r="M13" s="75">
        <v>890</v>
      </c>
      <c r="N13" s="60">
        <v>0</v>
      </c>
      <c r="O13" s="61">
        <v>0</v>
      </c>
      <c r="P13" s="62">
        <v>0</v>
      </c>
      <c r="Q13" s="231"/>
      <c r="R13" s="61">
        <v>0</v>
      </c>
      <c r="S13" s="61">
        <v>1</v>
      </c>
      <c r="T13" s="61">
        <v>1</v>
      </c>
      <c r="U13" s="61">
        <v>0</v>
      </c>
      <c r="V13" s="61">
        <v>0</v>
      </c>
      <c r="W13" s="62">
        <v>2</v>
      </c>
      <c r="X13" s="63">
        <v>2</v>
      </c>
      <c r="Y13" s="60">
        <v>5</v>
      </c>
      <c r="Z13" s="61">
        <v>0</v>
      </c>
      <c r="AA13" s="62">
        <v>5</v>
      </c>
      <c r="AB13" s="231"/>
      <c r="AC13" s="61">
        <v>2</v>
      </c>
      <c r="AD13" s="61">
        <v>5</v>
      </c>
      <c r="AE13" s="61">
        <v>1</v>
      </c>
      <c r="AF13" s="61">
        <v>0</v>
      </c>
      <c r="AG13" s="61">
        <v>2</v>
      </c>
      <c r="AH13" s="62">
        <v>10</v>
      </c>
      <c r="AI13" s="63">
        <v>15</v>
      </c>
      <c r="AJ13" s="60">
        <v>12</v>
      </c>
      <c r="AK13" s="61">
        <v>4</v>
      </c>
      <c r="AL13" s="62">
        <v>16</v>
      </c>
      <c r="AM13" s="231"/>
      <c r="AN13" s="61">
        <v>10</v>
      </c>
      <c r="AO13" s="61">
        <v>9</v>
      </c>
      <c r="AP13" s="61">
        <v>7</v>
      </c>
      <c r="AQ13" s="61">
        <v>9</v>
      </c>
      <c r="AR13" s="61">
        <v>5</v>
      </c>
      <c r="AS13" s="62">
        <v>40</v>
      </c>
      <c r="AT13" s="63">
        <v>56</v>
      </c>
      <c r="AU13" s="60">
        <v>32</v>
      </c>
      <c r="AV13" s="61">
        <v>21</v>
      </c>
      <c r="AW13" s="62">
        <v>53</v>
      </c>
      <c r="AX13" s="231"/>
      <c r="AY13" s="61">
        <v>31</v>
      </c>
      <c r="AZ13" s="61">
        <v>18</v>
      </c>
      <c r="BA13" s="61">
        <v>14</v>
      </c>
      <c r="BB13" s="61">
        <v>10</v>
      </c>
      <c r="BC13" s="61">
        <v>7</v>
      </c>
      <c r="BD13" s="62">
        <v>80</v>
      </c>
      <c r="BE13" s="63">
        <v>133</v>
      </c>
      <c r="BF13" s="60">
        <v>64</v>
      </c>
      <c r="BG13" s="61">
        <v>39</v>
      </c>
      <c r="BH13" s="62">
        <v>103</v>
      </c>
      <c r="BI13" s="231"/>
      <c r="BJ13" s="61">
        <v>77</v>
      </c>
      <c r="BK13" s="61">
        <v>42</v>
      </c>
      <c r="BL13" s="61">
        <v>35</v>
      </c>
      <c r="BM13" s="61">
        <v>29</v>
      </c>
      <c r="BN13" s="61">
        <v>9</v>
      </c>
      <c r="BO13" s="62">
        <v>192</v>
      </c>
      <c r="BP13" s="63">
        <v>295</v>
      </c>
      <c r="BQ13" s="60">
        <v>71</v>
      </c>
      <c r="BR13" s="61">
        <v>37</v>
      </c>
      <c r="BS13" s="62">
        <v>108</v>
      </c>
      <c r="BT13" s="231"/>
      <c r="BU13" s="61">
        <v>92</v>
      </c>
      <c r="BV13" s="61">
        <v>65</v>
      </c>
      <c r="BW13" s="61">
        <v>54</v>
      </c>
      <c r="BX13" s="61">
        <v>45</v>
      </c>
      <c r="BY13" s="61">
        <v>25</v>
      </c>
      <c r="BZ13" s="62">
        <v>281</v>
      </c>
      <c r="CA13" s="63">
        <v>389</v>
      </c>
      <c r="CB13" s="60">
        <v>0</v>
      </c>
      <c r="CC13" s="61">
        <v>0</v>
      </c>
      <c r="CD13" s="62">
        <v>0</v>
      </c>
      <c r="CE13" s="231"/>
      <c r="CF13" s="61">
        <v>0</v>
      </c>
      <c r="CG13" s="61">
        <v>0</v>
      </c>
      <c r="CH13" s="61">
        <v>0</v>
      </c>
      <c r="CI13" s="61">
        <v>0</v>
      </c>
      <c r="CJ13" s="61">
        <v>0</v>
      </c>
      <c r="CK13" s="62">
        <v>0</v>
      </c>
      <c r="CL13" s="63">
        <v>0</v>
      </c>
      <c r="CM13" s="60">
        <v>184</v>
      </c>
      <c r="CN13" s="61">
        <v>101</v>
      </c>
      <c r="CO13" s="62">
        <v>285</v>
      </c>
      <c r="CP13" s="231"/>
      <c r="CQ13" s="61">
        <v>212</v>
      </c>
      <c r="CR13" s="61">
        <v>140</v>
      </c>
      <c r="CS13" s="61">
        <v>112</v>
      </c>
      <c r="CT13" s="61">
        <v>93</v>
      </c>
      <c r="CU13" s="61">
        <v>48</v>
      </c>
      <c r="CV13" s="62">
        <v>605</v>
      </c>
      <c r="CW13" s="63">
        <v>890</v>
      </c>
      <c r="CX13" s="113">
        <v>29</v>
      </c>
      <c r="CY13" s="72">
        <v>18</v>
      </c>
      <c r="CZ13" s="73">
        <v>47</v>
      </c>
      <c r="DA13" s="228"/>
      <c r="DB13" s="72">
        <v>26</v>
      </c>
      <c r="DC13" s="72">
        <v>23</v>
      </c>
      <c r="DD13" s="72">
        <v>25</v>
      </c>
      <c r="DE13" s="72">
        <v>12</v>
      </c>
      <c r="DF13" s="72">
        <v>9</v>
      </c>
      <c r="DG13" s="74">
        <v>95</v>
      </c>
      <c r="DH13" s="75">
        <v>142</v>
      </c>
      <c r="DI13" s="60">
        <v>1</v>
      </c>
      <c r="DJ13" s="61">
        <v>0</v>
      </c>
      <c r="DK13" s="62">
        <v>1</v>
      </c>
      <c r="DL13" s="231"/>
      <c r="DM13" s="61">
        <v>0</v>
      </c>
      <c r="DN13" s="61">
        <v>0</v>
      </c>
      <c r="DO13" s="61">
        <v>1</v>
      </c>
      <c r="DP13" s="61">
        <v>0</v>
      </c>
      <c r="DQ13" s="61">
        <v>0</v>
      </c>
      <c r="DR13" s="62">
        <v>1</v>
      </c>
      <c r="DS13" s="63">
        <v>2</v>
      </c>
      <c r="DT13" s="60">
        <v>3</v>
      </c>
      <c r="DU13" s="61">
        <v>4</v>
      </c>
      <c r="DV13" s="62">
        <v>7</v>
      </c>
      <c r="DW13" s="231"/>
      <c r="DX13" s="61">
        <v>0</v>
      </c>
      <c r="DY13" s="61">
        <v>2</v>
      </c>
      <c r="DZ13" s="61">
        <v>1</v>
      </c>
      <c r="EA13" s="61">
        <v>0</v>
      </c>
      <c r="EB13" s="61">
        <v>0</v>
      </c>
      <c r="EC13" s="62">
        <v>3</v>
      </c>
      <c r="ED13" s="63">
        <v>10</v>
      </c>
      <c r="EE13" s="60">
        <v>4</v>
      </c>
      <c r="EF13" s="61">
        <v>3</v>
      </c>
      <c r="EG13" s="62">
        <v>7</v>
      </c>
      <c r="EH13" s="231"/>
      <c r="EI13" s="61">
        <v>1</v>
      </c>
      <c r="EJ13" s="61">
        <v>1</v>
      </c>
      <c r="EK13" s="61">
        <v>1</v>
      </c>
      <c r="EL13" s="61">
        <v>0</v>
      </c>
      <c r="EM13" s="61">
        <v>1</v>
      </c>
      <c r="EN13" s="62">
        <v>4</v>
      </c>
      <c r="EO13" s="63">
        <v>11</v>
      </c>
      <c r="EP13" s="60">
        <v>9</v>
      </c>
      <c r="EQ13" s="61">
        <v>2</v>
      </c>
      <c r="ER13" s="62">
        <v>11</v>
      </c>
      <c r="ES13" s="231"/>
      <c r="ET13" s="61">
        <v>6</v>
      </c>
      <c r="EU13" s="61">
        <v>3</v>
      </c>
      <c r="EV13" s="61">
        <v>2</v>
      </c>
      <c r="EW13" s="61">
        <v>1</v>
      </c>
      <c r="EX13" s="61">
        <v>1</v>
      </c>
      <c r="EY13" s="62">
        <v>13</v>
      </c>
      <c r="EZ13" s="63">
        <v>24</v>
      </c>
      <c r="FA13" s="60">
        <v>6</v>
      </c>
      <c r="FB13" s="61">
        <v>6</v>
      </c>
      <c r="FC13" s="62">
        <v>12</v>
      </c>
      <c r="FD13" s="231"/>
      <c r="FE13" s="61">
        <v>8</v>
      </c>
      <c r="FF13" s="61">
        <v>10</v>
      </c>
      <c r="FG13" s="61">
        <v>4</v>
      </c>
      <c r="FH13" s="61">
        <v>3</v>
      </c>
      <c r="FI13" s="61">
        <v>3</v>
      </c>
      <c r="FJ13" s="62">
        <v>28</v>
      </c>
      <c r="FK13" s="63">
        <v>40</v>
      </c>
      <c r="FL13" s="60">
        <v>6</v>
      </c>
      <c r="FM13" s="61">
        <v>3</v>
      </c>
      <c r="FN13" s="62">
        <v>9</v>
      </c>
      <c r="FO13" s="231"/>
      <c r="FP13" s="61">
        <v>11</v>
      </c>
      <c r="FQ13" s="61">
        <v>7</v>
      </c>
      <c r="FR13" s="61">
        <v>16</v>
      </c>
      <c r="FS13" s="61">
        <v>8</v>
      </c>
      <c r="FT13" s="61">
        <v>4</v>
      </c>
      <c r="FU13" s="62">
        <v>46</v>
      </c>
      <c r="FV13" s="63">
        <v>55</v>
      </c>
      <c r="FW13" s="60">
        <v>0</v>
      </c>
      <c r="FX13" s="61">
        <v>0</v>
      </c>
      <c r="FY13" s="62">
        <v>0</v>
      </c>
      <c r="FZ13" s="231"/>
      <c r="GA13" s="61">
        <v>0</v>
      </c>
      <c r="GB13" s="61">
        <v>0</v>
      </c>
      <c r="GC13" s="61">
        <v>0</v>
      </c>
      <c r="GD13" s="61">
        <v>0</v>
      </c>
      <c r="GE13" s="61">
        <v>0</v>
      </c>
      <c r="GF13" s="62">
        <v>0</v>
      </c>
      <c r="GG13" s="63">
        <v>0</v>
      </c>
      <c r="GH13" s="60">
        <v>29</v>
      </c>
      <c r="GI13" s="61">
        <v>18</v>
      </c>
      <c r="GJ13" s="62">
        <v>47</v>
      </c>
      <c r="GK13" s="231"/>
      <c r="GL13" s="61">
        <v>26</v>
      </c>
      <c r="GM13" s="61">
        <v>23</v>
      </c>
      <c r="GN13" s="61">
        <v>25</v>
      </c>
      <c r="GO13" s="61">
        <v>12</v>
      </c>
      <c r="GP13" s="61">
        <v>9</v>
      </c>
      <c r="GQ13" s="62">
        <v>95</v>
      </c>
      <c r="GR13" s="63">
        <v>142</v>
      </c>
      <c r="GS13" s="113">
        <v>213</v>
      </c>
      <c r="GT13" s="72">
        <v>119</v>
      </c>
      <c r="GU13" s="73">
        <v>332</v>
      </c>
      <c r="GV13" s="228"/>
      <c r="GW13" s="72">
        <v>238</v>
      </c>
      <c r="GX13" s="72">
        <v>163</v>
      </c>
      <c r="GY13" s="72">
        <v>137</v>
      </c>
      <c r="GZ13" s="72">
        <v>105</v>
      </c>
      <c r="HA13" s="72">
        <v>57</v>
      </c>
      <c r="HB13" s="74">
        <v>700</v>
      </c>
      <c r="HC13" s="75">
        <v>1032</v>
      </c>
      <c r="HD13" s="60">
        <v>1</v>
      </c>
      <c r="HE13" s="61">
        <v>0</v>
      </c>
      <c r="HF13" s="62">
        <v>1</v>
      </c>
      <c r="HG13" s="231"/>
      <c r="HH13" s="61">
        <v>0</v>
      </c>
      <c r="HI13" s="61">
        <v>1</v>
      </c>
      <c r="HJ13" s="61">
        <v>2</v>
      </c>
      <c r="HK13" s="61">
        <v>0</v>
      </c>
      <c r="HL13" s="61">
        <v>0</v>
      </c>
      <c r="HM13" s="62">
        <v>3</v>
      </c>
      <c r="HN13" s="63">
        <v>4</v>
      </c>
      <c r="HO13" s="60">
        <v>8</v>
      </c>
      <c r="HP13" s="61">
        <v>4</v>
      </c>
      <c r="HQ13" s="62">
        <v>12</v>
      </c>
      <c r="HR13" s="231"/>
      <c r="HS13" s="61">
        <v>2</v>
      </c>
      <c r="HT13" s="61">
        <v>7</v>
      </c>
      <c r="HU13" s="61">
        <v>2</v>
      </c>
      <c r="HV13" s="61">
        <v>0</v>
      </c>
      <c r="HW13" s="61">
        <v>2</v>
      </c>
      <c r="HX13" s="62">
        <v>13</v>
      </c>
      <c r="HY13" s="63">
        <v>25</v>
      </c>
      <c r="HZ13" s="60">
        <v>16</v>
      </c>
      <c r="IA13" s="61">
        <v>7</v>
      </c>
      <c r="IB13" s="62">
        <v>23</v>
      </c>
      <c r="IC13" s="231"/>
      <c r="ID13" s="61">
        <v>11</v>
      </c>
      <c r="IE13" s="61">
        <v>10</v>
      </c>
      <c r="IF13" s="61">
        <v>8</v>
      </c>
      <c r="IG13" s="61">
        <v>9</v>
      </c>
      <c r="IH13" s="61">
        <v>6</v>
      </c>
      <c r="II13" s="62">
        <v>44</v>
      </c>
      <c r="IJ13" s="63">
        <v>67</v>
      </c>
      <c r="IK13" s="60">
        <v>41</v>
      </c>
      <c r="IL13" s="61">
        <v>23</v>
      </c>
      <c r="IM13" s="62">
        <v>64</v>
      </c>
      <c r="IN13" s="231"/>
      <c r="IO13" s="61">
        <v>37</v>
      </c>
      <c r="IP13" s="61">
        <v>21</v>
      </c>
      <c r="IQ13" s="61">
        <v>16</v>
      </c>
      <c r="IR13" s="61">
        <v>11</v>
      </c>
      <c r="IS13" s="61">
        <v>8</v>
      </c>
      <c r="IT13" s="62">
        <v>93</v>
      </c>
      <c r="IU13" s="63">
        <v>157</v>
      </c>
      <c r="IV13" s="60">
        <v>70</v>
      </c>
      <c r="IW13" s="61">
        <v>45</v>
      </c>
      <c r="IX13" s="62">
        <v>115</v>
      </c>
      <c r="IY13" s="231"/>
      <c r="IZ13" s="61">
        <v>85</v>
      </c>
      <c r="JA13" s="61">
        <v>52</v>
      </c>
      <c r="JB13" s="61">
        <v>39</v>
      </c>
      <c r="JC13" s="61">
        <v>32</v>
      </c>
      <c r="JD13" s="61">
        <v>12</v>
      </c>
      <c r="JE13" s="62">
        <v>220</v>
      </c>
      <c r="JF13" s="63">
        <v>335</v>
      </c>
      <c r="JG13" s="60">
        <v>77</v>
      </c>
      <c r="JH13" s="61">
        <v>40</v>
      </c>
      <c r="JI13" s="62">
        <v>117</v>
      </c>
      <c r="JJ13" s="231"/>
      <c r="JK13" s="61">
        <v>103</v>
      </c>
      <c r="JL13" s="61">
        <v>72</v>
      </c>
      <c r="JM13" s="61">
        <v>70</v>
      </c>
      <c r="JN13" s="61">
        <v>53</v>
      </c>
      <c r="JO13" s="61">
        <v>29</v>
      </c>
      <c r="JP13" s="62">
        <v>327</v>
      </c>
      <c r="JQ13" s="63">
        <v>444</v>
      </c>
      <c r="JR13" s="60">
        <v>0</v>
      </c>
      <c r="JS13" s="61">
        <v>0</v>
      </c>
      <c r="JT13" s="62">
        <v>0</v>
      </c>
      <c r="JU13" s="231"/>
      <c r="JV13" s="61">
        <v>0</v>
      </c>
      <c r="JW13" s="61">
        <v>0</v>
      </c>
      <c r="JX13" s="61">
        <v>0</v>
      </c>
      <c r="JY13" s="61">
        <v>0</v>
      </c>
      <c r="JZ13" s="61">
        <v>0</v>
      </c>
      <c r="KA13" s="62">
        <v>0</v>
      </c>
      <c r="KB13" s="63">
        <v>0</v>
      </c>
      <c r="KC13" s="60">
        <v>213</v>
      </c>
      <c r="KD13" s="61">
        <v>119</v>
      </c>
      <c r="KE13" s="62">
        <v>332</v>
      </c>
      <c r="KF13" s="231"/>
      <c r="KG13" s="61">
        <v>238</v>
      </c>
      <c r="KH13" s="61">
        <v>163</v>
      </c>
      <c r="KI13" s="61">
        <v>137</v>
      </c>
      <c r="KJ13" s="61">
        <v>105</v>
      </c>
      <c r="KK13" s="61">
        <v>57</v>
      </c>
      <c r="KL13" s="62">
        <v>700</v>
      </c>
      <c r="KM13" s="63">
        <v>1032</v>
      </c>
    </row>
    <row r="14" spans="2:299" ht="21" customHeight="1" x14ac:dyDescent="0.2">
      <c r="B14" s="472" t="s">
        <v>10</v>
      </c>
      <c r="C14" s="293">
        <v>350</v>
      </c>
      <c r="D14" s="72">
        <v>196</v>
      </c>
      <c r="E14" s="73">
        <v>546</v>
      </c>
      <c r="F14" s="228"/>
      <c r="G14" s="72">
        <v>326</v>
      </c>
      <c r="H14" s="72">
        <v>180</v>
      </c>
      <c r="I14" s="72">
        <v>130</v>
      </c>
      <c r="J14" s="72">
        <v>150</v>
      </c>
      <c r="K14" s="72">
        <v>82</v>
      </c>
      <c r="L14" s="74">
        <v>868</v>
      </c>
      <c r="M14" s="75">
        <v>1414</v>
      </c>
      <c r="N14" s="60">
        <v>3</v>
      </c>
      <c r="O14" s="61">
        <v>2</v>
      </c>
      <c r="P14" s="62">
        <v>5</v>
      </c>
      <c r="Q14" s="231"/>
      <c r="R14" s="61">
        <v>6</v>
      </c>
      <c r="S14" s="61">
        <v>3</v>
      </c>
      <c r="T14" s="61">
        <v>1</v>
      </c>
      <c r="U14" s="61">
        <v>3</v>
      </c>
      <c r="V14" s="61">
        <v>1</v>
      </c>
      <c r="W14" s="62">
        <v>14</v>
      </c>
      <c r="X14" s="63">
        <v>19</v>
      </c>
      <c r="Y14" s="60">
        <v>12</v>
      </c>
      <c r="Z14" s="61">
        <v>9</v>
      </c>
      <c r="AA14" s="62">
        <v>21</v>
      </c>
      <c r="AB14" s="231"/>
      <c r="AC14" s="61">
        <v>9</v>
      </c>
      <c r="AD14" s="61">
        <v>13</v>
      </c>
      <c r="AE14" s="61">
        <v>3</v>
      </c>
      <c r="AF14" s="61">
        <v>6</v>
      </c>
      <c r="AG14" s="61">
        <v>5</v>
      </c>
      <c r="AH14" s="62">
        <v>36</v>
      </c>
      <c r="AI14" s="63">
        <v>57</v>
      </c>
      <c r="AJ14" s="60">
        <v>28</v>
      </c>
      <c r="AK14" s="61">
        <v>14</v>
      </c>
      <c r="AL14" s="62">
        <v>42</v>
      </c>
      <c r="AM14" s="231"/>
      <c r="AN14" s="61">
        <v>20</v>
      </c>
      <c r="AO14" s="61">
        <v>13</v>
      </c>
      <c r="AP14" s="61">
        <v>13</v>
      </c>
      <c r="AQ14" s="61">
        <v>13</v>
      </c>
      <c r="AR14" s="61">
        <v>8</v>
      </c>
      <c r="AS14" s="62">
        <v>67</v>
      </c>
      <c r="AT14" s="63">
        <v>109</v>
      </c>
      <c r="AU14" s="60">
        <v>70</v>
      </c>
      <c r="AV14" s="61">
        <v>39</v>
      </c>
      <c r="AW14" s="62">
        <v>109</v>
      </c>
      <c r="AX14" s="231"/>
      <c r="AY14" s="61">
        <v>74</v>
      </c>
      <c r="AZ14" s="61">
        <v>30</v>
      </c>
      <c r="BA14" s="61">
        <v>17</v>
      </c>
      <c r="BB14" s="61">
        <v>21</v>
      </c>
      <c r="BC14" s="61">
        <v>16</v>
      </c>
      <c r="BD14" s="62">
        <v>158</v>
      </c>
      <c r="BE14" s="63">
        <v>267</v>
      </c>
      <c r="BF14" s="60">
        <v>142</v>
      </c>
      <c r="BG14" s="61">
        <v>78</v>
      </c>
      <c r="BH14" s="62">
        <v>220</v>
      </c>
      <c r="BI14" s="231"/>
      <c r="BJ14" s="61">
        <v>104</v>
      </c>
      <c r="BK14" s="61">
        <v>38</v>
      </c>
      <c r="BL14" s="61">
        <v>37</v>
      </c>
      <c r="BM14" s="61">
        <v>43</v>
      </c>
      <c r="BN14" s="61">
        <v>21</v>
      </c>
      <c r="BO14" s="62">
        <v>243</v>
      </c>
      <c r="BP14" s="63">
        <v>463</v>
      </c>
      <c r="BQ14" s="60">
        <v>95</v>
      </c>
      <c r="BR14" s="61">
        <v>54</v>
      </c>
      <c r="BS14" s="62">
        <v>149</v>
      </c>
      <c r="BT14" s="231"/>
      <c r="BU14" s="61">
        <v>113</v>
      </c>
      <c r="BV14" s="61">
        <v>83</v>
      </c>
      <c r="BW14" s="61">
        <v>59</v>
      </c>
      <c r="BX14" s="61">
        <v>64</v>
      </c>
      <c r="BY14" s="61">
        <v>31</v>
      </c>
      <c r="BZ14" s="62">
        <v>350</v>
      </c>
      <c r="CA14" s="63">
        <v>499</v>
      </c>
      <c r="CB14" s="60">
        <v>0</v>
      </c>
      <c r="CC14" s="61">
        <v>0</v>
      </c>
      <c r="CD14" s="62">
        <v>0</v>
      </c>
      <c r="CE14" s="231"/>
      <c r="CF14" s="61">
        <v>0</v>
      </c>
      <c r="CG14" s="61">
        <v>0</v>
      </c>
      <c r="CH14" s="61">
        <v>0</v>
      </c>
      <c r="CI14" s="61">
        <v>0</v>
      </c>
      <c r="CJ14" s="61">
        <v>0</v>
      </c>
      <c r="CK14" s="62">
        <v>0</v>
      </c>
      <c r="CL14" s="63">
        <v>0</v>
      </c>
      <c r="CM14" s="60">
        <v>350</v>
      </c>
      <c r="CN14" s="61">
        <v>196</v>
      </c>
      <c r="CO14" s="62">
        <v>546</v>
      </c>
      <c r="CP14" s="231"/>
      <c r="CQ14" s="61">
        <v>326</v>
      </c>
      <c r="CR14" s="61">
        <v>180</v>
      </c>
      <c r="CS14" s="61">
        <v>130</v>
      </c>
      <c r="CT14" s="61">
        <v>150</v>
      </c>
      <c r="CU14" s="61">
        <v>82</v>
      </c>
      <c r="CV14" s="62">
        <v>868</v>
      </c>
      <c r="CW14" s="63">
        <v>1414</v>
      </c>
      <c r="CX14" s="113">
        <v>49</v>
      </c>
      <c r="CY14" s="72">
        <v>29</v>
      </c>
      <c r="CZ14" s="73">
        <v>78</v>
      </c>
      <c r="DA14" s="228"/>
      <c r="DB14" s="72">
        <v>49</v>
      </c>
      <c r="DC14" s="72">
        <v>22</v>
      </c>
      <c r="DD14" s="72">
        <v>17</v>
      </c>
      <c r="DE14" s="72">
        <v>22</v>
      </c>
      <c r="DF14" s="72">
        <v>20</v>
      </c>
      <c r="DG14" s="74">
        <v>130</v>
      </c>
      <c r="DH14" s="75">
        <v>208</v>
      </c>
      <c r="DI14" s="60">
        <v>1</v>
      </c>
      <c r="DJ14" s="61">
        <v>2</v>
      </c>
      <c r="DK14" s="62">
        <v>3</v>
      </c>
      <c r="DL14" s="231"/>
      <c r="DM14" s="61">
        <v>0</v>
      </c>
      <c r="DN14" s="61">
        <v>0</v>
      </c>
      <c r="DO14" s="61">
        <v>1</v>
      </c>
      <c r="DP14" s="61">
        <v>0</v>
      </c>
      <c r="DQ14" s="61">
        <v>1</v>
      </c>
      <c r="DR14" s="62">
        <v>2</v>
      </c>
      <c r="DS14" s="63">
        <v>5</v>
      </c>
      <c r="DT14" s="60">
        <v>4</v>
      </c>
      <c r="DU14" s="61">
        <v>1</v>
      </c>
      <c r="DV14" s="62">
        <v>5</v>
      </c>
      <c r="DW14" s="231"/>
      <c r="DX14" s="61">
        <v>0</v>
      </c>
      <c r="DY14" s="61">
        <v>0</v>
      </c>
      <c r="DZ14" s="61">
        <v>1</v>
      </c>
      <c r="EA14" s="61">
        <v>1</v>
      </c>
      <c r="EB14" s="61">
        <v>1</v>
      </c>
      <c r="EC14" s="62">
        <v>3</v>
      </c>
      <c r="ED14" s="63">
        <v>8</v>
      </c>
      <c r="EE14" s="60">
        <v>3</v>
      </c>
      <c r="EF14" s="61">
        <v>3</v>
      </c>
      <c r="EG14" s="62">
        <v>6</v>
      </c>
      <c r="EH14" s="231"/>
      <c r="EI14" s="61">
        <v>2</v>
      </c>
      <c r="EJ14" s="61">
        <v>1</v>
      </c>
      <c r="EK14" s="61">
        <v>1</v>
      </c>
      <c r="EL14" s="61">
        <v>0</v>
      </c>
      <c r="EM14" s="61">
        <v>0</v>
      </c>
      <c r="EN14" s="62">
        <v>4</v>
      </c>
      <c r="EO14" s="63">
        <v>10</v>
      </c>
      <c r="EP14" s="60">
        <v>8</v>
      </c>
      <c r="EQ14" s="61">
        <v>3</v>
      </c>
      <c r="ER14" s="62">
        <v>11</v>
      </c>
      <c r="ES14" s="231"/>
      <c r="ET14" s="61">
        <v>6</v>
      </c>
      <c r="EU14" s="61">
        <v>1</v>
      </c>
      <c r="EV14" s="61">
        <v>2</v>
      </c>
      <c r="EW14" s="61">
        <v>4</v>
      </c>
      <c r="EX14" s="61">
        <v>2</v>
      </c>
      <c r="EY14" s="62">
        <v>15</v>
      </c>
      <c r="EZ14" s="63">
        <v>26</v>
      </c>
      <c r="FA14" s="60">
        <v>22</v>
      </c>
      <c r="FB14" s="61">
        <v>10</v>
      </c>
      <c r="FC14" s="62">
        <v>32</v>
      </c>
      <c r="FD14" s="231"/>
      <c r="FE14" s="61">
        <v>16</v>
      </c>
      <c r="FF14" s="61">
        <v>5</v>
      </c>
      <c r="FG14" s="61">
        <v>4</v>
      </c>
      <c r="FH14" s="61">
        <v>3</v>
      </c>
      <c r="FI14" s="61">
        <v>8</v>
      </c>
      <c r="FJ14" s="62">
        <v>36</v>
      </c>
      <c r="FK14" s="63">
        <v>68</v>
      </c>
      <c r="FL14" s="60">
        <v>11</v>
      </c>
      <c r="FM14" s="61">
        <v>10</v>
      </c>
      <c r="FN14" s="62">
        <v>21</v>
      </c>
      <c r="FO14" s="231"/>
      <c r="FP14" s="61">
        <v>25</v>
      </c>
      <c r="FQ14" s="61">
        <v>15</v>
      </c>
      <c r="FR14" s="61">
        <v>8</v>
      </c>
      <c r="FS14" s="61">
        <v>14</v>
      </c>
      <c r="FT14" s="61">
        <v>8</v>
      </c>
      <c r="FU14" s="62">
        <v>70</v>
      </c>
      <c r="FV14" s="63">
        <v>91</v>
      </c>
      <c r="FW14" s="60">
        <v>0</v>
      </c>
      <c r="FX14" s="61">
        <v>0</v>
      </c>
      <c r="FY14" s="62">
        <v>0</v>
      </c>
      <c r="FZ14" s="231"/>
      <c r="GA14" s="61">
        <v>0</v>
      </c>
      <c r="GB14" s="61">
        <v>0</v>
      </c>
      <c r="GC14" s="61">
        <v>0</v>
      </c>
      <c r="GD14" s="61">
        <v>0</v>
      </c>
      <c r="GE14" s="61">
        <v>0</v>
      </c>
      <c r="GF14" s="62">
        <v>0</v>
      </c>
      <c r="GG14" s="63">
        <v>0</v>
      </c>
      <c r="GH14" s="60">
        <v>49</v>
      </c>
      <c r="GI14" s="61">
        <v>29</v>
      </c>
      <c r="GJ14" s="62">
        <v>78</v>
      </c>
      <c r="GK14" s="231"/>
      <c r="GL14" s="61">
        <v>49</v>
      </c>
      <c r="GM14" s="61">
        <v>22</v>
      </c>
      <c r="GN14" s="61">
        <v>17</v>
      </c>
      <c r="GO14" s="61">
        <v>22</v>
      </c>
      <c r="GP14" s="61">
        <v>20</v>
      </c>
      <c r="GQ14" s="62">
        <v>130</v>
      </c>
      <c r="GR14" s="63">
        <v>208</v>
      </c>
      <c r="GS14" s="113">
        <v>399</v>
      </c>
      <c r="GT14" s="72">
        <v>225</v>
      </c>
      <c r="GU14" s="73">
        <v>624</v>
      </c>
      <c r="GV14" s="228"/>
      <c r="GW14" s="72">
        <v>375</v>
      </c>
      <c r="GX14" s="72">
        <v>202</v>
      </c>
      <c r="GY14" s="72">
        <v>147</v>
      </c>
      <c r="GZ14" s="72">
        <v>172</v>
      </c>
      <c r="HA14" s="72">
        <v>102</v>
      </c>
      <c r="HB14" s="74">
        <v>998</v>
      </c>
      <c r="HC14" s="75">
        <v>1622</v>
      </c>
      <c r="HD14" s="60">
        <v>4</v>
      </c>
      <c r="HE14" s="61">
        <v>4</v>
      </c>
      <c r="HF14" s="62">
        <v>8</v>
      </c>
      <c r="HG14" s="231"/>
      <c r="HH14" s="61">
        <v>6</v>
      </c>
      <c r="HI14" s="61">
        <v>3</v>
      </c>
      <c r="HJ14" s="61">
        <v>2</v>
      </c>
      <c r="HK14" s="61">
        <v>3</v>
      </c>
      <c r="HL14" s="61">
        <v>2</v>
      </c>
      <c r="HM14" s="62">
        <v>16</v>
      </c>
      <c r="HN14" s="63">
        <v>24</v>
      </c>
      <c r="HO14" s="60">
        <v>16</v>
      </c>
      <c r="HP14" s="61">
        <v>10</v>
      </c>
      <c r="HQ14" s="62">
        <v>26</v>
      </c>
      <c r="HR14" s="231"/>
      <c r="HS14" s="61">
        <v>9</v>
      </c>
      <c r="HT14" s="61">
        <v>13</v>
      </c>
      <c r="HU14" s="61">
        <v>4</v>
      </c>
      <c r="HV14" s="61">
        <v>7</v>
      </c>
      <c r="HW14" s="61">
        <v>6</v>
      </c>
      <c r="HX14" s="62">
        <v>39</v>
      </c>
      <c r="HY14" s="63">
        <v>65</v>
      </c>
      <c r="HZ14" s="60">
        <v>31</v>
      </c>
      <c r="IA14" s="61">
        <v>17</v>
      </c>
      <c r="IB14" s="62">
        <v>48</v>
      </c>
      <c r="IC14" s="231"/>
      <c r="ID14" s="61">
        <v>22</v>
      </c>
      <c r="IE14" s="61">
        <v>14</v>
      </c>
      <c r="IF14" s="61">
        <v>14</v>
      </c>
      <c r="IG14" s="61">
        <v>13</v>
      </c>
      <c r="IH14" s="61">
        <v>8</v>
      </c>
      <c r="II14" s="62">
        <v>71</v>
      </c>
      <c r="IJ14" s="63">
        <v>119</v>
      </c>
      <c r="IK14" s="60">
        <v>78</v>
      </c>
      <c r="IL14" s="61">
        <v>42</v>
      </c>
      <c r="IM14" s="62">
        <v>120</v>
      </c>
      <c r="IN14" s="231"/>
      <c r="IO14" s="61">
        <v>80</v>
      </c>
      <c r="IP14" s="61">
        <v>31</v>
      </c>
      <c r="IQ14" s="61">
        <v>19</v>
      </c>
      <c r="IR14" s="61">
        <v>25</v>
      </c>
      <c r="IS14" s="61">
        <v>18</v>
      </c>
      <c r="IT14" s="62">
        <v>173</v>
      </c>
      <c r="IU14" s="63">
        <v>293</v>
      </c>
      <c r="IV14" s="60">
        <v>164</v>
      </c>
      <c r="IW14" s="61">
        <v>88</v>
      </c>
      <c r="IX14" s="62">
        <v>252</v>
      </c>
      <c r="IY14" s="231"/>
      <c r="IZ14" s="61">
        <v>120</v>
      </c>
      <c r="JA14" s="61">
        <v>43</v>
      </c>
      <c r="JB14" s="61">
        <v>41</v>
      </c>
      <c r="JC14" s="61">
        <v>46</v>
      </c>
      <c r="JD14" s="61">
        <v>29</v>
      </c>
      <c r="JE14" s="62">
        <v>279</v>
      </c>
      <c r="JF14" s="63">
        <v>531</v>
      </c>
      <c r="JG14" s="60">
        <v>106</v>
      </c>
      <c r="JH14" s="61">
        <v>64</v>
      </c>
      <c r="JI14" s="62">
        <v>170</v>
      </c>
      <c r="JJ14" s="231"/>
      <c r="JK14" s="61">
        <v>138</v>
      </c>
      <c r="JL14" s="61">
        <v>98</v>
      </c>
      <c r="JM14" s="61">
        <v>67</v>
      </c>
      <c r="JN14" s="61">
        <v>78</v>
      </c>
      <c r="JO14" s="61">
        <v>39</v>
      </c>
      <c r="JP14" s="62">
        <v>420</v>
      </c>
      <c r="JQ14" s="63">
        <v>590</v>
      </c>
      <c r="JR14" s="60">
        <v>0</v>
      </c>
      <c r="JS14" s="61">
        <v>0</v>
      </c>
      <c r="JT14" s="62">
        <v>0</v>
      </c>
      <c r="JU14" s="231"/>
      <c r="JV14" s="61">
        <v>0</v>
      </c>
      <c r="JW14" s="61">
        <v>0</v>
      </c>
      <c r="JX14" s="61">
        <v>0</v>
      </c>
      <c r="JY14" s="61">
        <v>0</v>
      </c>
      <c r="JZ14" s="61">
        <v>0</v>
      </c>
      <c r="KA14" s="62">
        <v>0</v>
      </c>
      <c r="KB14" s="63">
        <v>0</v>
      </c>
      <c r="KC14" s="60">
        <v>399</v>
      </c>
      <c r="KD14" s="61">
        <v>225</v>
      </c>
      <c r="KE14" s="62">
        <v>624</v>
      </c>
      <c r="KF14" s="231"/>
      <c r="KG14" s="61">
        <v>375</v>
      </c>
      <c r="KH14" s="61">
        <v>202</v>
      </c>
      <c r="KI14" s="61">
        <v>147</v>
      </c>
      <c r="KJ14" s="61">
        <v>172</v>
      </c>
      <c r="KK14" s="61">
        <v>102</v>
      </c>
      <c r="KL14" s="62">
        <v>998</v>
      </c>
      <c r="KM14" s="63">
        <v>1622</v>
      </c>
    </row>
    <row r="15" spans="2:299" ht="21" customHeight="1" x14ac:dyDescent="0.2">
      <c r="B15" s="472" t="s">
        <v>11</v>
      </c>
      <c r="C15" s="293">
        <v>82</v>
      </c>
      <c r="D15" s="72">
        <v>62</v>
      </c>
      <c r="E15" s="73">
        <v>144</v>
      </c>
      <c r="F15" s="228"/>
      <c r="G15" s="72">
        <v>131</v>
      </c>
      <c r="H15" s="72">
        <v>82</v>
      </c>
      <c r="I15" s="72">
        <v>60</v>
      </c>
      <c r="J15" s="72">
        <v>63</v>
      </c>
      <c r="K15" s="72">
        <v>23</v>
      </c>
      <c r="L15" s="74">
        <v>359</v>
      </c>
      <c r="M15" s="75">
        <v>503</v>
      </c>
      <c r="N15" s="60">
        <v>1</v>
      </c>
      <c r="O15" s="61">
        <v>0</v>
      </c>
      <c r="P15" s="62">
        <v>1</v>
      </c>
      <c r="Q15" s="231"/>
      <c r="R15" s="61">
        <v>2</v>
      </c>
      <c r="S15" s="61">
        <v>2</v>
      </c>
      <c r="T15" s="61">
        <v>0</v>
      </c>
      <c r="U15" s="61">
        <v>1</v>
      </c>
      <c r="V15" s="61">
        <v>0</v>
      </c>
      <c r="W15" s="62">
        <v>5</v>
      </c>
      <c r="X15" s="63">
        <v>6</v>
      </c>
      <c r="Y15" s="60">
        <v>4</v>
      </c>
      <c r="Z15" s="61">
        <v>5</v>
      </c>
      <c r="AA15" s="62">
        <v>9</v>
      </c>
      <c r="AB15" s="231"/>
      <c r="AC15" s="61">
        <v>9</v>
      </c>
      <c r="AD15" s="61">
        <v>2</v>
      </c>
      <c r="AE15" s="61">
        <v>9</v>
      </c>
      <c r="AF15" s="61">
        <v>7</v>
      </c>
      <c r="AG15" s="61">
        <v>2</v>
      </c>
      <c r="AH15" s="62">
        <v>29</v>
      </c>
      <c r="AI15" s="63">
        <v>38</v>
      </c>
      <c r="AJ15" s="60">
        <v>4</v>
      </c>
      <c r="AK15" s="61">
        <v>3</v>
      </c>
      <c r="AL15" s="62">
        <v>7</v>
      </c>
      <c r="AM15" s="231"/>
      <c r="AN15" s="61">
        <v>8</v>
      </c>
      <c r="AO15" s="61">
        <v>9</v>
      </c>
      <c r="AP15" s="61">
        <v>5</v>
      </c>
      <c r="AQ15" s="61">
        <v>5</v>
      </c>
      <c r="AR15" s="61">
        <v>1</v>
      </c>
      <c r="AS15" s="62">
        <v>28</v>
      </c>
      <c r="AT15" s="63">
        <v>35</v>
      </c>
      <c r="AU15" s="60">
        <v>9</v>
      </c>
      <c r="AV15" s="61">
        <v>11</v>
      </c>
      <c r="AW15" s="62">
        <v>20</v>
      </c>
      <c r="AX15" s="231"/>
      <c r="AY15" s="61">
        <v>22</v>
      </c>
      <c r="AZ15" s="61">
        <v>13</v>
      </c>
      <c r="BA15" s="61">
        <v>6</v>
      </c>
      <c r="BB15" s="61">
        <v>6</v>
      </c>
      <c r="BC15" s="61">
        <v>5</v>
      </c>
      <c r="BD15" s="62">
        <v>52</v>
      </c>
      <c r="BE15" s="63">
        <v>72</v>
      </c>
      <c r="BF15" s="60">
        <v>30</v>
      </c>
      <c r="BG15" s="61">
        <v>23</v>
      </c>
      <c r="BH15" s="62">
        <v>53</v>
      </c>
      <c r="BI15" s="231"/>
      <c r="BJ15" s="61">
        <v>45</v>
      </c>
      <c r="BK15" s="61">
        <v>27</v>
      </c>
      <c r="BL15" s="61">
        <v>14</v>
      </c>
      <c r="BM15" s="61">
        <v>23</v>
      </c>
      <c r="BN15" s="61">
        <v>8</v>
      </c>
      <c r="BO15" s="62">
        <v>117</v>
      </c>
      <c r="BP15" s="63">
        <v>170</v>
      </c>
      <c r="BQ15" s="60">
        <v>34</v>
      </c>
      <c r="BR15" s="61">
        <v>20</v>
      </c>
      <c r="BS15" s="62">
        <v>54</v>
      </c>
      <c r="BT15" s="231"/>
      <c r="BU15" s="61">
        <v>45</v>
      </c>
      <c r="BV15" s="61">
        <v>29</v>
      </c>
      <c r="BW15" s="61">
        <v>26</v>
      </c>
      <c r="BX15" s="61">
        <v>21</v>
      </c>
      <c r="BY15" s="61">
        <v>7</v>
      </c>
      <c r="BZ15" s="62">
        <v>128</v>
      </c>
      <c r="CA15" s="63">
        <v>182</v>
      </c>
      <c r="CB15" s="60">
        <v>0</v>
      </c>
      <c r="CC15" s="61">
        <v>0</v>
      </c>
      <c r="CD15" s="62">
        <v>0</v>
      </c>
      <c r="CE15" s="231"/>
      <c r="CF15" s="61">
        <v>0</v>
      </c>
      <c r="CG15" s="61">
        <v>0</v>
      </c>
      <c r="CH15" s="61">
        <v>0</v>
      </c>
      <c r="CI15" s="61">
        <v>0</v>
      </c>
      <c r="CJ15" s="61">
        <v>0</v>
      </c>
      <c r="CK15" s="62">
        <v>0</v>
      </c>
      <c r="CL15" s="63">
        <v>0</v>
      </c>
      <c r="CM15" s="60">
        <v>82</v>
      </c>
      <c r="CN15" s="61">
        <v>62</v>
      </c>
      <c r="CO15" s="62">
        <v>144</v>
      </c>
      <c r="CP15" s="231"/>
      <c r="CQ15" s="61">
        <v>131</v>
      </c>
      <c r="CR15" s="61">
        <v>82</v>
      </c>
      <c r="CS15" s="61">
        <v>60</v>
      </c>
      <c r="CT15" s="61">
        <v>63</v>
      </c>
      <c r="CU15" s="61">
        <v>23</v>
      </c>
      <c r="CV15" s="62">
        <v>359</v>
      </c>
      <c r="CW15" s="63">
        <v>503</v>
      </c>
      <c r="CX15" s="113">
        <v>9</v>
      </c>
      <c r="CY15" s="72">
        <v>11</v>
      </c>
      <c r="CZ15" s="73">
        <v>20</v>
      </c>
      <c r="DA15" s="228"/>
      <c r="DB15" s="72">
        <v>15</v>
      </c>
      <c r="DC15" s="72">
        <v>14</v>
      </c>
      <c r="DD15" s="72">
        <v>6</v>
      </c>
      <c r="DE15" s="72">
        <v>21</v>
      </c>
      <c r="DF15" s="72">
        <v>8</v>
      </c>
      <c r="DG15" s="74">
        <v>64</v>
      </c>
      <c r="DH15" s="75">
        <v>84</v>
      </c>
      <c r="DI15" s="60">
        <v>0</v>
      </c>
      <c r="DJ15" s="61">
        <v>0</v>
      </c>
      <c r="DK15" s="62">
        <v>0</v>
      </c>
      <c r="DL15" s="231"/>
      <c r="DM15" s="61">
        <v>0</v>
      </c>
      <c r="DN15" s="61">
        <v>0</v>
      </c>
      <c r="DO15" s="61">
        <v>0</v>
      </c>
      <c r="DP15" s="61">
        <v>0</v>
      </c>
      <c r="DQ15" s="61">
        <v>0</v>
      </c>
      <c r="DR15" s="62">
        <v>0</v>
      </c>
      <c r="DS15" s="63">
        <v>0</v>
      </c>
      <c r="DT15" s="60">
        <v>0</v>
      </c>
      <c r="DU15" s="61">
        <v>0</v>
      </c>
      <c r="DV15" s="62">
        <v>0</v>
      </c>
      <c r="DW15" s="231"/>
      <c r="DX15" s="61">
        <v>2</v>
      </c>
      <c r="DY15" s="61">
        <v>0</v>
      </c>
      <c r="DZ15" s="61">
        <v>1</v>
      </c>
      <c r="EA15" s="61">
        <v>1</v>
      </c>
      <c r="EB15" s="61">
        <v>0</v>
      </c>
      <c r="EC15" s="62">
        <v>4</v>
      </c>
      <c r="ED15" s="63">
        <v>4</v>
      </c>
      <c r="EE15" s="60">
        <v>1</v>
      </c>
      <c r="EF15" s="61">
        <v>0</v>
      </c>
      <c r="EG15" s="62">
        <v>1</v>
      </c>
      <c r="EH15" s="231"/>
      <c r="EI15" s="61">
        <v>2</v>
      </c>
      <c r="EJ15" s="61">
        <v>1</v>
      </c>
      <c r="EK15" s="61">
        <v>0</v>
      </c>
      <c r="EL15" s="61">
        <v>0</v>
      </c>
      <c r="EM15" s="61">
        <v>2</v>
      </c>
      <c r="EN15" s="62">
        <v>5</v>
      </c>
      <c r="EO15" s="63">
        <v>6</v>
      </c>
      <c r="EP15" s="60">
        <v>1</v>
      </c>
      <c r="EQ15" s="61">
        <v>2</v>
      </c>
      <c r="ER15" s="62">
        <v>3</v>
      </c>
      <c r="ES15" s="231"/>
      <c r="ET15" s="61">
        <v>2</v>
      </c>
      <c r="EU15" s="61">
        <v>1</v>
      </c>
      <c r="EV15" s="61">
        <v>0</v>
      </c>
      <c r="EW15" s="61">
        <v>0</v>
      </c>
      <c r="EX15" s="61">
        <v>1</v>
      </c>
      <c r="EY15" s="62">
        <v>4</v>
      </c>
      <c r="EZ15" s="63">
        <v>7</v>
      </c>
      <c r="FA15" s="60">
        <v>2</v>
      </c>
      <c r="FB15" s="61">
        <v>7</v>
      </c>
      <c r="FC15" s="62">
        <v>9</v>
      </c>
      <c r="FD15" s="231"/>
      <c r="FE15" s="61">
        <v>5</v>
      </c>
      <c r="FF15" s="61">
        <v>7</v>
      </c>
      <c r="FG15" s="61">
        <v>0</v>
      </c>
      <c r="FH15" s="61">
        <v>6</v>
      </c>
      <c r="FI15" s="61">
        <v>0</v>
      </c>
      <c r="FJ15" s="62">
        <v>18</v>
      </c>
      <c r="FK15" s="63">
        <v>27</v>
      </c>
      <c r="FL15" s="60">
        <v>5</v>
      </c>
      <c r="FM15" s="61">
        <v>2</v>
      </c>
      <c r="FN15" s="62">
        <v>7</v>
      </c>
      <c r="FO15" s="231"/>
      <c r="FP15" s="61">
        <v>4</v>
      </c>
      <c r="FQ15" s="61">
        <v>5</v>
      </c>
      <c r="FR15" s="61">
        <v>5</v>
      </c>
      <c r="FS15" s="61">
        <v>14</v>
      </c>
      <c r="FT15" s="61">
        <v>5</v>
      </c>
      <c r="FU15" s="62">
        <v>33</v>
      </c>
      <c r="FV15" s="63">
        <v>40</v>
      </c>
      <c r="FW15" s="60">
        <v>0</v>
      </c>
      <c r="FX15" s="61">
        <v>0</v>
      </c>
      <c r="FY15" s="62">
        <v>0</v>
      </c>
      <c r="FZ15" s="231"/>
      <c r="GA15" s="61">
        <v>0</v>
      </c>
      <c r="GB15" s="61">
        <v>0</v>
      </c>
      <c r="GC15" s="61">
        <v>0</v>
      </c>
      <c r="GD15" s="61">
        <v>0</v>
      </c>
      <c r="GE15" s="61">
        <v>0</v>
      </c>
      <c r="GF15" s="62">
        <v>0</v>
      </c>
      <c r="GG15" s="63">
        <v>0</v>
      </c>
      <c r="GH15" s="60">
        <v>9</v>
      </c>
      <c r="GI15" s="61">
        <v>11</v>
      </c>
      <c r="GJ15" s="62">
        <v>20</v>
      </c>
      <c r="GK15" s="231"/>
      <c r="GL15" s="61">
        <v>15</v>
      </c>
      <c r="GM15" s="61">
        <v>14</v>
      </c>
      <c r="GN15" s="61">
        <v>6</v>
      </c>
      <c r="GO15" s="61">
        <v>21</v>
      </c>
      <c r="GP15" s="61">
        <v>8</v>
      </c>
      <c r="GQ15" s="62">
        <v>64</v>
      </c>
      <c r="GR15" s="63">
        <v>84</v>
      </c>
      <c r="GS15" s="113">
        <v>91</v>
      </c>
      <c r="GT15" s="72">
        <v>73</v>
      </c>
      <c r="GU15" s="73">
        <v>164</v>
      </c>
      <c r="GV15" s="228"/>
      <c r="GW15" s="72">
        <v>146</v>
      </c>
      <c r="GX15" s="72">
        <v>96</v>
      </c>
      <c r="GY15" s="72">
        <v>66</v>
      </c>
      <c r="GZ15" s="72">
        <v>84</v>
      </c>
      <c r="HA15" s="72">
        <v>31</v>
      </c>
      <c r="HB15" s="74">
        <v>423</v>
      </c>
      <c r="HC15" s="75">
        <v>587</v>
      </c>
      <c r="HD15" s="60">
        <v>1</v>
      </c>
      <c r="HE15" s="61">
        <v>0</v>
      </c>
      <c r="HF15" s="62">
        <v>1</v>
      </c>
      <c r="HG15" s="231"/>
      <c r="HH15" s="61">
        <v>2</v>
      </c>
      <c r="HI15" s="61">
        <v>2</v>
      </c>
      <c r="HJ15" s="61">
        <v>0</v>
      </c>
      <c r="HK15" s="61">
        <v>1</v>
      </c>
      <c r="HL15" s="61">
        <v>0</v>
      </c>
      <c r="HM15" s="62">
        <v>5</v>
      </c>
      <c r="HN15" s="63">
        <v>6</v>
      </c>
      <c r="HO15" s="60">
        <v>4</v>
      </c>
      <c r="HP15" s="61">
        <v>5</v>
      </c>
      <c r="HQ15" s="62">
        <v>9</v>
      </c>
      <c r="HR15" s="231"/>
      <c r="HS15" s="61">
        <v>11</v>
      </c>
      <c r="HT15" s="61">
        <v>2</v>
      </c>
      <c r="HU15" s="61">
        <v>10</v>
      </c>
      <c r="HV15" s="61">
        <v>8</v>
      </c>
      <c r="HW15" s="61">
        <v>2</v>
      </c>
      <c r="HX15" s="62">
        <v>33</v>
      </c>
      <c r="HY15" s="63">
        <v>42</v>
      </c>
      <c r="HZ15" s="60">
        <v>5</v>
      </c>
      <c r="IA15" s="61">
        <v>3</v>
      </c>
      <c r="IB15" s="62">
        <v>8</v>
      </c>
      <c r="IC15" s="231"/>
      <c r="ID15" s="61">
        <v>10</v>
      </c>
      <c r="IE15" s="61">
        <v>10</v>
      </c>
      <c r="IF15" s="61">
        <v>5</v>
      </c>
      <c r="IG15" s="61">
        <v>5</v>
      </c>
      <c r="IH15" s="61">
        <v>3</v>
      </c>
      <c r="II15" s="62">
        <v>33</v>
      </c>
      <c r="IJ15" s="63">
        <v>41</v>
      </c>
      <c r="IK15" s="60">
        <v>10</v>
      </c>
      <c r="IL15" s="61">
        <v>13</v>
      </c>
      <c r="IM15" s="62">
        <v>23</v>
      </c>
      <c r="IN15" s="231"/>
      <c r="IO15" s="61">
        <v>24</v>
      </c>
      <c r="IP15" s="61">
        <v>14</v>
      </c>
      <c r="IQ15" s="61">
        <v>6</v>
      </c>
      <c r="IR15" s="61">
        <v>6</v>
      </c>
      <c r="IS15" s="61">
        <v>6</v>
      </c>
      <c r="IT15" s="62">
        <v>56</v>
      </c>
      <c r="IU15" s="63">
        <v>79</v>
      </c>
      <c r="IV15" s="60">
        <v>32</v>
      </c>
      <c r="IW15" s="61">
        <v>30</v>
      </c>
      <c r="IX15" s="62">
        <v>62</v>
      </c>
      <c r="IY15" s="231"/>
      <c r="IZ15" s="61">
        <v>50</v>
      </c>
      <c r="JA15" s="61">
        <v>34</v>
      </c>
      <c r="JB15" s="61">
        <v>14</v>
      </c>
      <c r="JC15" s="61">
        <v>29</v>
      </c>
      <c r="JD15" s="61">
        <v>8</v>
      </c>
      <c r="JE15" s="62">
        <v>135</v>
      </c>
      <c r="JF15" s="63">
        <v>197</v>
      </c>
      <c r="JG15" s="60">
        <v>39</v>
      </c>
      <c r="JH15" s="61">
        <v>22</v>
      </c>
      <c r="JI15" s="62">
        <v>61</v>
      </c>
      <c r="JJ15" s="231"/>
      <c r="JK15" s="61">
        <v>49</v>
      </c>
      <c r="JL15" s="61">
        <v>34</v>
      </c>
      <c r="JM15" s="61">
        <v>31</v>
      </c>
      <c r="JN15" s="61">
        <v>35</v>
      </c>
      <c r="JO15" s="61">
        <v>12</v>
      </c>
      <c r="JP15" s="62">
        <v>161</v>
      </c>
      <c r="JQ15" s="63">
        <v>222</v>
      </c>
      <c r="JR15" s="60">
        <v>0</v>
      </c>
      <c r="JS15" s="61">
        <v>0</v>
      </c>
      <c r="JT15" s="62">
        <v>0</v>
      </c>
      <c r="JU15" s="231"/>
      <c r="JV15" s="61">
        <v>0</v>
      </c>
      <c r="JW15" s="61">
        <v>0</v>
      </c>
      <c r="JX15" s="61">
        <v>0</v>
      </c>
      <c r="JY15" s="61">
        <v>0</v>
      </c>
      <c r="JZ15" s="61">
        <v>0</v>
      </c>
      <c r="KA15" s="62">
        <v>0</v>
      </c>
      <c r="KB15" s="63">
        <v>0</v>
      </c>
      <c r="KC15" s="60">
        <v>91</v>
      </c>
      <c r="KD15" s="61">
        <v>73</v>
      </c>
      <c r="KE15" s="62">
        <v>164</v>
      </c>
      <c r="KF15" s="231"/>
      <c r="KG15" s="61">
        <v>146</v>
      </c>
      <c r="KH15" s="61">
        <v>96</v>
      </c>
      <c r="KI15" s="61">
        <v>66</v>
      </c>
      <c r="KJ15" s="61">
        <v>84</v>
      </c>
      <c r="KK15" s="61">
        <v>31</v>
      </c>
      <c r="KL15" s="62">
        <v>423</v>
      </c>
      <c r="KM15" s="63">
        <v>587</v>
      </c>
    </row>
    <row r="16" spans="2:299" ht="21" customHeight="1" x14ac:dyDescent="0.2">
      <c r="B16" s="472" t="s">
        <v>12</v>
      </c>
      <c r="C16" s="293">
        <v>148</v>
      </c>
      <c r="D16" s="72">
        <v>147</v>
      </c>
      <c r="E16" s="73">
        <v>295</v>
      </c>
      <c r="F16" s="228"/>
      <c r="G16" s="72">
        <v>147</v>
      </c>
      <c r="H16" s="72">
        <v>133</v>
      </c>
      <c r="I16" s="72">
        <v>82</v>
      </c>
      <c r="J16" s="72">
        <v>100</v>
      </c>
      <c r="K16" s="72">
        <v>32</v>
      </c>
      <c r="L16" s="74">
        <v>494</v>
      </c>
      <c r="M16" s="75">
        <v>789</v>
      </c>
      <c r="N16" s="76">
        <v>5</v>
      </c>
      <c r="O16" s="61">
        <v>0</v>
      </c>
      <c r="P16" s="62">
        <v>5</v>
      </c>
      <c r="Q16" s="231"/>
      <c r="R16" s="61">
        <v>2</v>
      </c>
      <c r="S16" s="61">
        <v>2</v>
      </c>
      <c r="T16" s="61">
        <v>0</v>
      </c>
      <c r="U16" s="61">
        <v>3</v>
      </c>
      <c r="V16" s="61">
        <v>0</v>
      </c>
      <c r="W16" s="62">
        <v>7</v>
      </c>
      <c r="X16" s="63">
        <v>12</v>
      </c>
      <c r="Y16" s="60">
        <v>3</v>
      </c>
      <c r="Z16" s="61">
        <v>10</v>
      </c>
      <c r="AA16" s="62">
        <v>13</v>
      </c>
      <c r="AB16" s="231"/>
      <c r="AC16" s="61">
        <v>5</v>
      </c>
      <c r="AD16" s="61">
        <v>4</v>
      </c>
      <c r="AE16" s="61">
        <v>3</v>
      </c>
      <c r="AF16" s="61">
        <v>2</v>
      </c>
      <c r="AG16" s="61">
        <v>3</v>
      </c>
      <c r="AH16" s="62">
        <v>17</v>
      </c>
      <c r="AI16" s="63">
        <v>30</v>
      </c>
      <c r="AJ16" s="76">
        <v>10</v>
      </c>
      <c r="AK16" s="61">
        <v>17</v>
      </c>
      <c r="AL16" s="62">
        <v>27</v>
      </c>
      <c r="AM16" s="231"/>
      <c r="AN16" s="61">
        <v>8</v>
      </c>
      <c r="AO16" s="61">
        <v>7</v>
      </c>
      <c r="AP16" s="61">
        <v>8</v>
      </c>
      <c r="AQ16" s="61">
        <v>12</v>
      </c>
      <c r="AR16" s="61">
        <v>2</v>
      </c>
      <c r="AS16" s="62">
        <v>37</v>
      </c>
      <c r="AT16" s="63">
        <v>64</v>
      </c>
      <c r="AU16" s="60">
        <v>39</v>
      </c>
      <c r="AV16" s="61">
        <v>21</v>
      </c>
      <c r="AW16" s="62">
        <v>60</v>
      </c>
      <c r="AX16" s="231"/>
      <c r="AY16" s="61">
        <v>30</v>
      </c>
      <c r="AZ16" s="61">
        <v>22</v>
      </c>
      <c r="BA16" s="61">
        <v>13</v>
      </c>
      <c r="BB16" s="61">
        <v>17</v>
      </c>
      <c r="BC16" s="61">
        <v>6</v>
      </c>
      <c r="BD16" s="62">
        <v>88</v>
      </c>
      <c r="BE16" s="63">
        <v>148</v>
      </c>
      <c r="BF16" s="76">
        <v>47</v>
      </c>
      <c r="BG16" s="61">
        <v>39</v>
      </c>
      <c r="BH16" s="62">
        <v>86</v>
      </c>
      <c r="BI16" s="231"/>
      <c r="BJ16" s="61">
        <v>52</v>
      </c>
      <c r="BK16" s="61">
        <v>38</v>
      </c>
      <c r="BL16" s="61">
        <v>32</v>
      </c>
      <c r="BM16" s="61">
        <v>24</v>
      </c>
      <c r="BN16" s="61">
        <v>14</v>
      </c>
      <c r="BO16" s="62">
        <v>160</v>
      </c>
      <c r="BP16" s="63">
        <v>246</v>
      </c>
      <c r="BQ16" s="60">
        <v>44</v>
      </c>
      <c r="BR16" s="61">
        <v>60</v>
      </c>
      <c r="BS16" s="62">
        <v>104</v>
      </c>
      <c r="BT16" s="231"/>
      <c r="BU16" s="61">
        <v>50</v>
      </c>
      <c r="BV16" s="61">
        <v>60</v>
      </c>
      <c r="BW16" s="61">
        <v>26</v>
      </c>
      <c r="BX16" s="61">
        <v>42</v>
      </c>
      <c r="BY16" s="61">
        <v>7</v>
      </c>
      <c r="BZ16" s="62">
        <v>185</v>
      </c>
      <c r="CA16" s="63">
        <v>289</v>
      </c>
      <c r="CB16" s="60">
        <v>0</v>
      </c>
      <c r="CC16" s="61">
        <v>0</v>
      </c>
      <c r="CD16" s="62">
        <v>0</v>
      </c>
      <c r="CE16" s="231"/>
      <c r="CF16" s="61">
        <v>0</v>
      </c>
      <c r="CG16" s="61">
        <v>0</v>
      </c>
      <c r="CH16" s="61">
        <v>0</v>
      </c>
      <c r="CI16" s="61">
        <v>0</v>
      </c>
      <c r="CJ16" s="61">
        <v>0</v>
      </c>
      <c r="CK16" s="62">
        <v>0</v>
      </c>
      <c r="CL16" s="63">
        <v>0</v>
      </c>
      <c r="CM16" s="60">
        <v>148</v>
      </c>
      <c r="CN16" s="61">
        <v>147</v>
      </c>
      <c r="CO16" s="62">
        <v>295</v>
      </c>
      <c r="CP16" s="231"/>
      <c r="CQ16" s="61">
        <v>147</v>
      </c>
      <c r="CR16" s="61">
        <v>133</v>
      </c>
      <c r="CS16" s="61">
        <v>82</v>
      </c>
      <c r="CT16" s="61">
        <v>100</v>
      </c>
      <c r="CU16" s="61">
        <v>32</v>
      </c>
      <c r="CV16" s="62">
        <v>494</v>
      </c>
      <c r="CW16" s="63">
        <v>789</v>
      </c>
      <c r="CX16" s="113">
        <v>11</v>
      </c>
      <c r="CY16" s="72">
        <v>22</v>
      </c>
      <c r="CZ16" s="73">
        <v>33</v>
      </c>
      <c r="DA16" s="228"/>
      <c r="DB16" s="72">
        <v>18</v>
      </c>
      <c r="DC16" s="72">
        <v>15</v>
      </c>
      <c r="DD16" s="72">
        <v>10</v>
      </c>
      <c r="DE16" s="72">
        <v>13</v>
      </c>
      <c r="DF16" s="72">
        <v>7</v>
      </c>
      <c r="DG16" s="74">
        <v>63</v>
      </c>
      <c r="DH16" s="75">
        <v>96</v>
      </c>
      <c r="DI16" s="76">
        <v>2</v>
      </c>
      <c r="DJ16" s="61">
        <v>1</v>
      </c>
      <c r="DK16" s="62">
        <v>3</v>
      </c>
      <c r="DL16" s="231"/>
      <c r="DM16" s="61">
        <v>0</v>
      </c>
      <c r="DN16" s="61">
        <v>0</v>
      </c>
      <c r="DO16" s="61">
        <v>0</v>
      </c>
      <c r="DP16" s="61">
        <v>0</v>
      </c>
      <c r="DQ16" s="61">
        <v>0</v>
      </c>
      <c r="DR16" s="62">
        <v>0</v>
      </c>
      <c r="DS16" s="63">
        <v>3</v>
      </c>
      <c r="DT16" s="60">
        <v>0</v>
      </c>
      <c r="DU16" s="61">
        <v>0</v>
      </c>
      <c r="DV16" s="62">
        <v>0</v>
      </c>
      <c r="DW16" s="231"/>
      <c r="DX16" s="61">
        <v>0</v>
      </c>
      <c r="DY16" s="61">
        <v>0</v>
      </c>
      <c r="DZ16" s="61">
        <v>0</v>
      </c>
      <c r="EA16" s="61">
        <v>0</v>
      </c>
      <c r="EB16" s="61">
        <v>0</v>
      </c>
      <c r="EC16" s="62">
        <v>0</v>
      </c>
      <c r="ED16" s="63">
        <v>0</v>
      </c>
      <c r="EE16" s="76">
        <v>1</v>
      </c>
      <c r="EF16" s="61">
        <v>2</v>
      </c>
      <c r="EG16" s="62">
        <v>3</v>
      </c>
      <c r="EH16" s="231"/>
      <c r="EI16" s="61">
        <v>2</v>
      </c>
      <c r="EJ16" s="61">
        <v>0</v>
      </c>
      <c r="EK16" s="61">
        <v>2</v>
      </c>
      <c r="EL16" s="61">
        <v>0</v>
      </c>
      <c r="EM16" s="61">
        <v>0</v>
      </c>
      <c r="EN16" s="62">
        <v>4</v>
      </c>
      <c r="EO16" s="63">
        <v>7</v>
      </c>
      <c r="EP16" s="60">
        <v>5</v>
      </c>
      <c r="EQ16" s="61">
        <v>5</v>
      </c>
      <c r="ER16" s="62">
        <v>10</v>
      </c>
      <c r="ES16" s="231"/>
      <c r="ET16" s="61">
        <v>3</v>
      </c>
      <c r="EU16" s="61">
        <v>2</v>
      </c>
      <c r="EV16" s="61">
        <v>1</v>
      </c>
      <c r="EW16" s="61">
        <v>1</v>
      </c>
      <c r="EX16" s="61">
        <v>0</v>
      </c>
      <c r="EY16" s="62">
        <v>7</v>
      </c>
      <c r="EZ16" s="63">
        <v>17</v>
      </c>
      <c r="FA16" s="76">
        <v>0</v>
      </c>
      <c r="FB16" s="61">
        <v>10</v>
      </c>
      <c r="FC16" s="62">
        <v>10</v>
      </c>
      <c r="FD16" s="231"/>
      <c r="FE16" s="61">
        <v>3</v>
      </c>
      <c r="FF16" s="61">
        <v>6</v>
      </c>
      <c r="FG16" s="61">
        <v>3</v>
      </c>
      <c r="FH16" s="61">
        <v>1</v>
      </c>
      <c r="FI16" s="61">
        <v>2</v>
      </c>
      <c r="FJ16" s="62">
        <v>15</v>
      </c>
      <c r="FK16" s="63">
        <v>25</v>
      </c>
      <c r="FL16" s="60">
        <v>3</v>
      </c>
      <c r="FM16" s="61">
        <v>4</v>
      </c>
      <c r="FN16" s="62">
        <v>7</v>
      </c>
      <c r="FO16" s="231"/>
      <c r="FP16" s="61">
        <v>10</v>
      </c>
      <c r="FQ16" s="61">
        <v>7</v>
      </c>
      <c r="FR16" s="61">
        <v>4</v>
      </c>
      <c r="FS16" s="61">
        <v>11</v>
      </c>
      <c r="FT16" s="61">
        <v>5</v>
      </c>
      <c r="FU16" s="62">
        <v>37</v>
      </c>
      <c r="FV16" s="63">
        <v>44</v>
      </c>
      <c r="FW16" s="60">
        <v>0</v>
      </c>
      <c r="FX16" s="61">
        <v>0</v>
      </c>
      <c r="FY16" s="62">
        <v>0</v>
      </c>
      <c r="FZ16" s="231"/>
      <c r="GA16" s="61">
        <v>0</v>
      </c>
      <c r="GB16" s="61">
        <v>0</v>
      </c>
      <c r="GC16" s="61">
        <v>0</v>
      </c>
      <c r="GD16" s="61">
        <v>0</v>
      </c>
      <c r="GE16" s="61">
        <v>0</v>
      </c>
      <c r="GF16" s="62">
        <v>0</v>
      </c>
      <c r="GG16" s="63">
        <v>0</v>
      </c>
      <c r="GH16" s="60">
        <v>11</v>
      </c>
      <c r="GI16" s="61">
        <v>22</v>
      </c>
      <c r="GJ16" s="62">
        <v>33</v>
      </c>
      <c r="GK16" s="231"/>
      <c r="GL16" s="61">
        <v>18</v>
      </c>
      <c r="GM16" s="61">
        <v>15</v>
      </c>
      <c r="GN16" s="61">
        <v>10</v>
      </c>
      <c r="GO16" s="61">
        <v>13</v>
      </c>
      <c r="GP16" s="61">
        <v>7</v>
      </c>
      <c r="GQ16" s="62">
        <v>63</v>
      </c>
      <c r="GR16" s="63">
        <v>96</v>
      </c>
      <c r="GS16" s="113">
        <v>159</v>
      </c>
      <c r="GT16" s="72">
        <v>169</v>
      </c>
      <c r="GU16" s="73">
        <v>328</v>
      </c>
      <c r="GV16" s="228"/>
      <c r="GW16" s="72">
        <v>165</v>
      </c>
      <c r="GX16" s="72">
        <v>148</v>
      </c>
      <c r="GY16" s="72">
        <v>92</v>
      </c>
      <c r="GZ16" s="72">
        <v>113</v>
      </c>
      <c r="HA16" s="72">
        <v>39</v>
      </c>
      <c r="HB16" s="74">
        <v>557</v>
      </c>
      <c r="HC16" s="75">
        <v>885</v>
      </c>
      <c r="HD16" s="76">
        <v>7</v>
      </c>
      <c r="HE16" s="61">
        <v>1</v>
      </c>
      <c r="HF16" s="62">
        <v>8</v>
      </c>
      <c r="HG16" s="231"/>
      <c r="HH16" s="61">
        <v>2</v>
      </c>
      <c r="HI16" s="61">
        <v>2</v>
      </c>
      <c r="HJ16" s="61">
        <v>0</v>
      </c>
      <c r="HK16" s="61">
        <v>3</v>
      </c>
      <c r="HL16" s="61">
        <v>0</v>
      </c>
      <c r="HM16" s="62">
        <v>7</v>
      </c>
      <c r="HN16" s="63">
        <v>15</v>
      </c>
      <c r="HO16" s="60">
        <v>3</v>
      </c>
      <c r="HP16" s="61">
        <v>10</v>
      </c>
      <c r="HQ16" s="62">
        <v>13</v>
      </c>
      <c r="HR16" s="231"/>
      <c r="HS16" s="61">
        <v>5</v>
      </c>
      <c r="HT16" s="61">
        <v>4</v>
      </c>
      <c r="HU16" s="61">
        <v>3</v>
      </c>
      <c r="HV16" s="61">
        <v>2</v>
      </c>
      <c r="HW16" s="61">
        <v>3</v>
      </c>
      <c r="HX16" s="62">
        <v>17</v>
      </c>
      <c r="HY16" s="63">
        <v>30</v>
      </c>
      <c r="HZ16" s="76">
        <v>11</v>
      </c>
      <c r="IA16" s="61">
        <v>19</v>
      </c>
      <c r="IB16" s="62">
        <v>30</v>
      </c>
      <c r="IC16" s="231"/>
      <c r="ID16" s="61">
        <v>10</v>
      </c>
      <c r="IE16" s="61">
        <v>7</v>
      </c>
      <c r="IF16" s="61">
        <v>10</v>
      </c>
      <c r="IG16" s="61">
        <v>12</v>
      </c>
      <c r="IH16" s="61">
        <v>2</v>
      </c>
      <c r="II16" s="62">
        <v>41</v>
      </c>
      <c r="IJ16" s="63">
        <v>71</v>
      </c>
      <c r="IK16" s="60">
        <v>44</v>
      </c>
      <c r="IL16" s="61">
        <v>26</v>
      </c>
      <c r="IM16" s="62">
        <v>70</v>
      </c>
      <c r="IN16" s="231"/>
      <c r="IO16" s="61">
        <v>33</v>
      </c>
      <c r="IP16" s="61">
        <v>24</v>
      </c>
      <c r="IQ16" s="61">
        <v>14</v>
      </c>
      <c r="IR16" s="61">
        <v>18</v>
      </c>
      <c r="IS16" s="61">
        <v>6</v>
      </c>
      <c r="IT16" s="62">
        <v>95</v>
      </c>
      <c r="IU16" s="63">
        <v>165</v>
      </c>
      <c r="IV16" s="76">
        <v>47</v>
      </c>
      <c r="IW16" s="61">
        <v>49</v>
      </c>
      <c r="IX16" s="62">
        <v>96</v>
      </c>
      <c r="IY16" s="231"/>
      <c r="IZ16" s="61">
        <v>55</v>
      </c>
      <c r="JA16" s="61">
        <v>44</v>
      </c>
      <c r="JB16" s="61">
        <v>35</v>
      </c>
      <c r="JC16" s="61">
        <v>25</v>
      </c>
      <c r="JD16" s="61">
        <v>16</v>
      </c>
      <c r="JE16" s="62">
        <v>175</v>
      </c>
      <c r="JF16" s="63">
        <v>271</v>
      </c>
      <c r="JG16" s="60">
        <v>47</v>
      </c>
      <c r="JH16" s="61">
        <v>64</v>
      </c>
      <c r="JI16" s="62">
        <v>111</v>
      </c>
      <c r="JJ16" s="231"/>
      <c r="JK16" s="61">
        <v>60</v>
      </c>
      <c r="JL16" s="61">
        <v>67</v>
      </c>
      <c r="JM16" s="61">
        <v>30</v>
      </c>
      <c r="JN16" s="61">
        <v>53</v>
      </c>
      <c r="JO16" s="61">
        <v>12</v>
      </c>
      <c r="JP16" s="62">
        <v>222</v>
      </c>
      <c r="JQ16" s="63">
        <v>333</v>
      </c>
      <c r="JR16" s="60">
        <v>0</v>
      </c>
      <c r="JS16" s="61">
        <v>0</v>
      </c>
      <c r="JT16" s="62">
        <v>0</v>
      </c>
      <c r="JU16" s="231"/>
      <c r="JV16" s="61">
        <v>0</v>
      </c>
      <c r="JW16" s="61">
        <v>0</v>
      </c>
      <c r="JX16" s="61">
        <v>0</v>
      </c>
      <c r="JY16" s="61">
        <v>0</v>
      </c>
      <c r="JZ16" s="61">
        <v>0</v>
      </c>
      <c r="KA16" s="62">
        <v>0</v>
      </c>
      <c r="KB16" s="63">
        <v>0</v>
      </c>
      <c r="KC16" s="60">
        <v>159</v>
      </c>
      <c r="KD16" s="61">
        <v>169</v>
      </c>
      <c r="KE16" s="62">
        <v>328</v>
      </c>
      <c r="KF16" s="231"/>
      <c r="KG16" s="61">
        <v>165</v>
      </c>
      <c r="KH16" s="61">
        <v>148</v>
      </c>
      <c r="KI16" s="61">
        <v>92</v>
      </c>
      <c r="KJ16" s="61">
        <v>113</v>
      </c>
      <c r="KK16" s="61">
        <v>39</v>
      </c>
      <c r="KL16" s="62">
        <v>557</v>
      </c>
      <c r="KM16" s="63">
        <v>885</v>
      </c>
    </row>
    <row r="17" spans="2:299" ht="21" customHeight="1" x14ac:dyDescent="0.2">
      <c r="B17" s="472" t="s">
        <v>13</v>
      </c>
      <c r="C17" s="293">
        <v>42</v>
      </c>
      <c r="D17" s="72">
        <v>44</v>
      </c>
      <c r="E17" s="73">
        <v>86</v>
      </c>
      <c r="F17" s="228"/>
      <c r="G17" s="72">
        <v>79</v>
      </c>
      <c r="H17" s="72">
        <v>68</v>
      </c>
      <c r="I17" s="72">
        <v>46</v>
      </c>
      <c r="J17" s="72">
        <v>42</v>
      </c>
      <c r="K17" s="72">
        <v>21</v>
      </c>
      <c r="L17" s="74">
        <v>256</v>
      </c>
      <c r="M17" s="75">
        <v>342</v>
      </c>
      <c r="N17" s="60">
        <v>0</v>
      </c>
      <c r="O17" s="61">
        <v>0</v>
      </c>
      <c r="P17" s="62">
        <v>0</v>
      </c>
      <c r="Q17" s="231"/>
      <c r="R17" s="61">
        <v>1</v>
      </c>
      <c r="S17" s="61">
        <v>1</v>
      </c>
      <c r="T17" s="61">
        <v>0</v>
      </c>
      <c r="U17" s="61">
        <v>0</v>
      </c>
      <c r="V17" s="61">
        <v>0</v>
      </c>
      <c r="W17" s="62">
        <v>2</v>
      </c>
      <c r="X17" s="63">
        <v>2</v>
      </c>
      <c r="Y17" s="60">
        <v>0</v>
      </c>
      <c r="Z17" s="61">
        <v>0</v>
      </c>
      <c r="AA17" s="62">
        <v>0</v>
      </c>
      <c r="AB17" s="231"/>
      <c r="AC17" s="61">
        <v>4</v>
      </c>
      <c r="AD17" s="61">
        <v>1</v>
      </c>
      <c r="AE17" s="61">
        <v>1</v>
      </c>
      <c r="AF17" s="61">
        <v>0</v>
      </c>
      <c r="AG17" s="61">
        <v>5</v>
      </c>
      <c r="AH17" s="62">
        <v>11</v>
      </c>
      <c r="AI17" s="63">
        <v>11</v>
      </c>
      <c r="AJ17" s="60">
        <v>4</v>
      </c>
      <c r="AK17" s="61">
        <v>1</v>
      </c>
      <c r="AL17" s="62">
        <v>5</v>
      </c>
      <c r="AM17" s="231"/>
      <c r="AN17" s="61">
        <v>4</v>
      </c>
      <c r="AO17" s="61">
        <v>4</v>
      </c>
      <c r="AP17" s="61">
        <v>4</v>
      </c>
      <c r="AQ17" s="61">
        <v>0</v>
      </c>
      <c r="AR17" s="61">
        <v>1</v>
      </c>
      <c r="AS17" s="62">
        <v>13</v>
      </c>
      <c r="AT17" s="63">
        <v>18</v>
      </c>
      <c r="AU17" s="60">
        <v>6</v>
      </c>
      <c r="AV17" s="61">
        <v>12</v>
      </c>
      <c r="AW17" s="62">
        <v>18</v>
      </c>
      <c r="AX17" s="231"/>
      <c r="AY17" s="61">
        <v>17</v>
      </c>
      <c r="AZ17" s="61">
        <v>12</v>
      </c>
      <c r="BA17" s="61">
        <v>6</v>
      </c>
      <c r="BB17" s="61">
        <v>9</v>
      </c>
      <c r="BC17" s="61">
        <v>4</v>
      </c>
      <c r="BD17" s="62">
        <v>48</v>
      </c>
      <c r="BE17" s="63">
        <v>66</v>
      </c>
      <c r="BF17" s="60">
        <v>17</v>
      </c>
      <c r="BG17" s="61">
        <v>22</v>
      </c>
      <c r="BH17" s="62">
        <v>39</v>
      </c>
      <c r="BI17" s="231"/>
      <c r="BJ17" s="61">
        <v>24</v>
      </c>
      <c r="BK17" s="61">
        <v>19</v>
      </c>
      <c r="BL17" s="61">
        <v>18</v>
      </c>
      <c r="BM17" s="61">
        <v>16</v>
      </c>
      <c r="BN17" s="61">
        <v>3</v>
      </c>
      <c r="BO17" s="62">
        <v>80</v>
      </c>
      <c r="BP17" s="63">
        <v>119</v>
      </c>
      <c r="BQ17" s="60">
        <v>15</v>
      </c>
      <c r="BR17" s="61">
        <v>9</v>
      </c>
      <c r="BS17" s="62">
        <v>24</v>
      </c>
      <c r="BT17" s="231"/>
      <c r="BU17" s="61">
        <v>29</v>
      </c>
      <c r="BV17" s="61">
        <v>31</v>
      </c>
      <c r="BW17" s="61">
        <v>17</v>
      </c>
      <c r="BX17" s="61">
        <v>17</v>
      </c>
      <c r="BY17" s="61">
        <v>8</v>
      </c>
      <c r="BZ17" s="62">
        <v>102</v>
      </c>
      <c r="CA17" s="63">
        <v>126</v>
      </c>
      <c r="CB17" s="60">
        <v>0</v>
      </c>
      <c r="CC17" s="61">
        <v>0</v>
      </c>
      <c r="CD17" s="62">
        <v>0</v>
      </c>
      <c r="CE17" s="231"/>
      <c r="CF17" s="61">
        <v>0</v>
      </c>
      <c r="CG17" s="61">
        <v>0</v>
      </c>
      <c r="CH17" s="61">
        <v>0</v>
      </c>
      <c r="CI17" s="61">
        <v>0</v>
      </c>
      <c r="CJ17" s="61">
        <v>0</v>
      </c>
      <c r="CK17" s="62">
        <v>0</v>
      </c>
      <c r="CL17" s="63">
        <v>0</v>
      </c>
      <c r="CM17" s="60">
        <v>42</v>
      </c>
      <c r="CN17" s="61">
        <v>44</v>
      </c>
      <c r="CO17" s="62">
        <v>86</v>
      </c>
      <c r="CP17" s="231"/>
      <c r="CQ17" s="61">
        <v>79</v>
      </c>
      <c r="CR17" s="61">
        <v>68</v>
      </c>
      <c r="CS17" s="61">
        <v>46</v>
      </c>
      <c r="CT17" s="61">
        <v>42</v>
      </c>
      <c r="CU17" s="61">
        <v>21</v>
      </c>
      <c r="CV17" s="62">
        <v>256</v>
      </c>
      <c r="CW17" s="63">
        <v>342</v>
      </c>
      <c r="CX17" s="113">
        <v>11</v>
      </c>
      <c r="CY17" s="72">
        <v>7</v>
      </c>
      <c r="CZ17" s="73">
        <v>18</v>
      </c>
      <c r="DA17" s="228"/>
      <c r="DB17" s="72">
        <v>10</v>
      </c>
      <c r="DC17" s="72">
        <v>5</v>
      </c>
      <c r="DD17" s="72">
        <v>5</v>
      </c>
      <c r="DE17" s="72">
        <v>5</v>
      </c>
      <c r="DF17" s="72">
        <v>1</v>
      </c>
      <c r="DG17" s="74">
        <v>26</v>
      </c>
      <c r="DH17" s="75">
        <v>44</v>
      </c>
      <c r="DI17" s="60">
        <v>0</v>
      </c>
      <c r="DJ17" s="61">
        <v>0</v>
      </c>
      <c r="DK17" s="62">
        <v>0</v>
      </c>
      <c r="DL17" s="231"/>
      <c r="DM17" s="61">
        <v>0</v>
      </c>
      <c r="DN17" s="61">
        <v>0</v>
      </c>
      <c r="DO17" s="61">
        <v>0</v>
      </c>
      <c r="DP17" s="61">
        <v>0</v>
      </c>
      <c r="DQ17" s="61">
        <v>0</v>
      </c>
      <c r="DR17" s="62">
        <v>0</v>
      </c>
      <c r="DS17" s="63">
        <v>0</v>
      </c>
      <c r="DT17" s="60">
        <v>1</v>
      </c>
      <c r="DU17" s="61">
        <v>0</v>
      </c>
      <c r="DV17" s="62">
        <v>1</v>
      </c>
      <c r="DW17" s="231"/>
      <c r="DX17" s="61">
        <v>0</v>
      </c>
      <c r="DY17" s="61">
        <v>0</v>
      </c>
      <c r="DZ17" s="61">
        <v>0</v>
      </c>
      <c r="EA17" s="61">
        <v>0</v>
      </c>
      <c r="EB17" s="61">
        <v>0</v>
      </c>
      <c r="EC17" s="62">
        <v>0</v>
      </c>
      <c r="ED17" s="63">
        <v>1</v>
      </c>
      <c r="EE17" s="60">
        <v>2</v>
      </c>
      <c r="EF17" s="61">
        <v>0</v>
      </c>
      <c r="EG17" s="62">
        <v>2</v>
      </c>
      <c r="EH17" s="231"/>
      <c r="EI17" s="61">
        <v>2</v>
      </c>
      <c r="EJ17" s="61">
        <v>0</v>
      </c>
      <c r="EK17" s="61">
        <v>1</v>
      </c>
      <c r="EL17" s="61">
        <v>0</v>
      </c>
      <c r="EM17" s="61">
        <v>0</v>
      </c>
      <c r="EN17" s="62">
        <v>3</v>
      </c>
      <c r="EO17" s="63">
        <v>5</v>
      </c>
      <c r="EP17" s="60">
        <v>5</v>
      </c>
      <c r="EQ17" s="61">
        <v>2</v>
      </c>
      <c r="ER17" s="62">
        <v>7</v>
      </c>
      <c r="ES17" s="231"/>
      <c r="ET17" s="61">
        <v>2</v>
      </c>
      <c r="EU17" s="61">
        <v>0</v>
      </c>
      <c r="EV17" s="61">
        <v>0</v>
      </c>
      <c r="EW17" s="61">
        <v>0</v>
      </c>
      <c r="EX17" s="61">
        <v>0</v>
      </c>
      <c r="EY17" s="62">
        <v>2</v>
      </c>
      <c r="EZ17" s="63">
        <v>9</v>
      </c>
      <c r="FA17" s="60">
        <v>1</v>
      </c>
      <c r="FB17" s="61">
        <v>2</v>
      </c>
      <c r="FC17" s="62">
        <v>3</v>
      </c>
      <c r="FD17" s="231"/>
      <c r="FE17" s="61">
        <v>4</v>
      </c>
      <c r="FF17" s="61">
        <v>1</v>
      </c>
      <c r="FG17" s="61">
        <v>3</v>
      </c>
      <c r="FH17" s="61">
        <v>1</v>
      </c>
      <c r="FI17" s="61">
        <v>0</v>
      </c>
      <c r="FJ17" s="62">
        <v>9</v>
      </c>
      <c r="FK17" s="63">
        <v>12</v>
      </c>
      <c r="FL17" s="60">
        <v>2</v>
      </c>
      <c r="FM17" s="61">
        <v>3</v>
      </c>
      <c r="FN17" s="62">
        <v>5</v>
      </c>
      <c r="FO17" s="231"/>
      <c r="FP17" s="61">
        <v>2</v>
      </c>
      <c r="FQ17" s="61">
        <v>4</v>
      </c>
      <c r="FR17" s="61">
        <v>1</v>
      </c>
      <c r="FS17" s="61">
        <v>4</v>
      </c>
      <c r="FT17" s="61">
        <v>1</v>
      </c>
      <c r="FU17" s="62">
        <v>12</v>
      </c>
      <c r="FV17" s="63">
        <v>17</v>
      </c>
      <c r="FW17" s="60">
        <v>0</v>
      </c>
      <c r="FX17" s="61">
        <v>0</v>
      </c>
      <c r="FY17" s="62">
        <v>0</v>
      </c>
      <c r="FZ17" s="231"/>
      <c r="GA17" s="61">
        <v>0</v>
      </c>
      <c r="GB17" s="61">
        <v>0</v>
      </c>
      <c r="GC17" s="61">
        <v>0</v>
      </c>
      <c r="GD17" s="61">
        <v>0</v>
      </c>
      <c r="GE17" s="61">
        <v>0</v>
      </c>
      <c r="GF17" s="62">
        <v>0</v>
      </c>
      <c r="GG17" s="63">
        <v>0</v>
      </c>
      <c r="GH17" s="60">
        <v>11</v>
      </c>
      <c r="GI17" s="61">
        <v>7</v>
      </c>
      <c r="GJ17" s="62">
        <v>18</v>
      </c>
      <c r="GK17" s="231"/>
      <c r="GL17" s="61">
        <v>10</v>
      </c>
      <c r="GM17" s="61">
        <v>5</v>
      </c>
      <c r="GN17" s="61">
        <v>5</v>
      </c>
      <c r="GO17" s="61">
        <v>5</v>
      </c>
      <c r="GP17" s="61">
        <v>1</v>
      </c>
      <c r="GQ17" s="62">
        <v>26</v>
      </c>
      <c r="GR17" s="63">
        <v>44</v>
      </c>
      <c r="GS17" s="113">
        <v>53</v>
      </c>
      <c r="GT17" s="72">
        <v>51</v>
      </c>
      <c r="GU17" s="73">
        <v>104</v>
      </c>
      <c r="GV17" s="228"/>
      <c r="GW17" s="72">
        <v>89</v>
      </c>
      <c r="GX17" s="72">
        <v>73</v>
      </c>
      <c r="GY17" s="72">
        <v>51</v>
      </c>
      <c r="GZ17" s="72">
        <v>47</v>
      </c>
      <c r="HA17" s="72">
        <v>22</v>
      </c>
      <c r="HB17" s="74">
        <v>282</v>
      </c>
      <c r="HC17" s="75">
        <v>386</v>
      </c>
      <c r="HD17" s="60">
        <v>0</v>
      </c>
      <c r="HE17" s="61">
        <v>0</v>
      </c>
      <c r="HF17" s="62">
        <v>0</v>
      </c>
      <c r="HG17" s="231"/>
      <c r="HH17" s="61">
        <v>1</v>
      </c>
      <c r="HI17" s="61">
        <v>1</v>
      </c>
      <c r="HJ17" s="61">
        <v>0</v>
      </c>
      <c r="HK17" s="61">
        <v>0</v>
      </c>
      <c r="HL17" s="61">
        <v>0</v>
      </c>
      <c r="HM17" s="62">
        <v>2</v>
      </c>
      <c r="HN17" s="63">
        <v>2</v>
      </c>
      <c r="HO17" s="60">
        <v>1</v>
      </c>
      <c r="HP17" s="61">
        <v>0</v>
      </c>
      <c r="HQ17" s="62">
        <v>1</v>
      </c>
      <c r="HR17" s="231"/>
      <c r="HS17" s="61">
        <v>4</v>
      </c>
      <c r="HT17" s="61">
        <v>1</v>
      </c>
      <c r="HU17" s="61">
        <v>1</v>
      </c>
      <c r="HV17" s="61">
        <v>0</v>
      </c>
      <c r="HW17" s="61">
        <v>5</v>
      </c>
      <c r="HX17" s="62">
        <v>11</v>
      </c>
      <c r="HY17" s="63">
        <v>12</v>
      </c>
      <c r="HZ17" s="60">
        <v>6</v>
      </c>
      <c r="IA17" s="61">
        <v>1</v>
      </c>
      <c r="IB17" s="62">
        <v>7</v>
      </c>
      <c r="IC17" s="231"/>
      <c r="ID17" s="61">
        <v>6</v>
      </c>
      <c r="IE17" s="61">
        <v>4</v>
      </c>
      <c r="IF17" s="61">
        <v>5</v>
      </c>
      <c r="IG17" s="61">
        <v>0</v>
      </c>
      <c r="IH17" s="61">
        <v>1</v>
      </c>
      <c r="II17" s="62">
        <v>16</v>
      </c>
      <c r="IJ17" s="63">
        <v>23</v>
      </c>
      <c r="IK17" s="60">
        <v>11</v>
      </c>
      <c r="IL17" s="61">
        <v>14</v>
      </c>
      <c r="IM17" s="62">
        <v>25</v>
      </c>
      <c r="IN17" s="231"/>
      <c r="IO17" s="61">
        <v>19</v>
      </c>
      <c r="IP17" s="61">
        <v>12</v>
      </c>
      <c r="IQ17" s="61">
        <v>6</v>
      </c>
      <c r="IR17" s="61">
        <v>9</v>
      </c>
      <c r="IS17" s="61">
        <v>4</v>
      </c>
      <c r="IT17" s="62">
        <v>50</v>
      </c>
      <c r="IU17" s="63">
        <v>75</v>
      </c>
      <c r="IV17" s="60">
        <v>18</v>
      </c>
      <c r="IW17" s="61">
        <v>24</v>
      </c>
      <c r="IX17" s="62">
        <v>42</v>
      </c>
      <c r="IY17" s="231"/>
      <c r="IZ17" s="61">
        <v>28</v>
      </c>
      <c r="JA17" s="61">
        <v>20</v>
      </c>
      <c r="JB17" s="61">
        <v>21</v>
      </c>
      <c r="JC17" s="61">
        <v>17</v>
      </c>
      <c r="JD17" s="61">
        <v>3</v>
      </c>
      <c r="JE17" s="62">
        <v>89</v>
      </c>
      <c r="JF17" s="63">
        <v>131</v>
      </c>
      <c r="JG17" s="60">
        <v>17</v>
      </c>
      <c r="JH17" s="61">
        <v>12</v>
      </c>
      <c r="JI17" s="62">
        <v>29</v>
      </c>
      <c r="JJ17" s="231"/>
      <c r="JK17" s="61">
        <v>31</v>
      </c>
      <c r="JL17" s="61">
        <v>35</v>
      </c>
      <c r="JM17" s="61">
        <v>18</v>
      </c>
      <c r="JN17" s="61">
        <v>21</v>
      </c>
      <c r="JO17" s="61">
        <v>9</v>
      </c>
      <c r="JP17" s="62">
        <v>114</v>
      </c>
      <c r="JQ17" s="63">
        <v>143</v>
      </c>
      <c r="JR17" s="60">
        <v>0</v>
      </c>
      <c r="JS17" s="61">
        <v>0</v>
      </c>
      <c r="JT17" s="62">
        <v>0</v>
      </c>
      <c r="JU17" s="231"/>
      <c r="JV17" s="61">
        <v>0</v>
      </c>
      <c r="JW17" s="61">
        <v>0</v>
      </c>
      <c r="JX17" s="61">
        <v>0</v>
      </c>
      <c r="JY17" s="61">
        <v>0</v>
      </c>
      <c r="JZ17" s="61">
        <v>0</v>
      </c>
      <c r="KA17" s="62">
        <v>0</v>
      </c>
      <c r="KB17" s="63">
        <v>0</v>
      </c>
      <c r="KC17" s="60">
        <v>53</v>
      </c>
      <c r="KD17" s="61">
        <v>51</v>
      </c>
      <c r="KE17" s="62">
        <v>104</v>
      </c>
      <c r="KF17" s="231"/>
      <c r="KG17" s="61">
        <v>89</v>
      </c>
      <c r="KH17" s="61">
        <v>73</v>
      </c>
      <c r="KI17" s="61">
        <v>51</v>
      </c>
      <c r="KJ17" s="61">
        <v>47</v>
      </c>
      <c r="KK17" s="61">
        <v>22</v>
      </c>
      <c r="KL17" s="62">
        <v>282</v>
      </c>
      <c r="KM17" s="63">
        <v>386</v>
      </c>
    </row>
    <row r="18" spans="2:299" ht="21" customHeight="1" x14ac:dyDescent="0.2">
      <c r="B18" s="472" t="s">
        <v>15</v>
      </c>
      <c r="C18" s="293">
        <v>22</v>
      </c>
      <c r="D18" s="72">
        <v>24</v>
      </c>
      <c r="E18" s="73">
        <v>46</v>
      </c>
      <c r="F18" s="228"/>
      <c r="G18" s="72">
        <v>39</v>
      </c>
      <c r="H18" s="72">
        <v>29</v>
      </c>
      <c r="I18" s="72">
        <v>24</v>
      </c>
      <c r="J18" s="72">
        <v>20</v>
      </c>
      <c r="K18" s="72">
        <v>7</v>
      </c>
      <c r="L18" s="74">
        <v>119</v>
      </c>
      <c r="M18" s="75">
        <v>165</v>
      </c>
      <c r="N18" s="60">
        <v>1</v>
      </c>
      <c r="O18" s="61">
        <v>0</v>
      </c>
      <c r="P18" s="62">
        <v>1</v>
      </c>
      <c r="Q18" s="231"/>
      <c r="R18" s="61">
        <v>1</v>
      </c>
      <c r="S18" s="61">
        <v>2</v>
      </c>
      <c r="T18" s="61">
        <v>0</v>
      </c>
      <c r="U18" s="61">
        <v>2</v>
      </c>
      <c r="V18" s="61">
        <v>0</v>
      </c>
      <c r="W18" s="62">
        <v>5</v>
      </c>
      <c r="X18" s="63">
        <v>6</v>
      </c>
      <c r="Y18" s="60">
        <v>1</v>
      </c>
      <c r="Z18" s="61">
        <v>2</v>
      </c>
      <c r="AA18" s="62">
        <v>3</v>
      </c>
      <c r="AB18" s="231"/>
      <c r="AC18" s="61">
        <v>4</v>
      </c>
      <c r="AD18" s="61">
        <v>0</v>
      </c>
      <c r="AE18" s="61">
        <v>2</v>
      </c>
      <c r="AF18" s="61">
        <v>2</v>
      </c>
      <c r="AG18" s="61">
        <v>1</v>
      </c>
      <c r="AH18" s="62">
        <v>9</v>
      </c>
      <c r="AI18" s="63">
        <v>12</v>
      </c>
      <c r="AJ18" s="60">
        <v>3</v>
      </c>
      <c r="AK18" s="61">
        <v>3</v>
      </c>
      <c r="AL18" s="62">
        <v>6</v>
      </c>
      <c r="AM18" s="231"/>
      <c r="AN18" s="61">
        <v>3</v>
      </c>
      <c r="AO18" s="61">
        <v>2</v>
      </c>
      <c r="AP18" s="61">
        <v>4</v>
      </c>
      <c r="AQ18" s="61">
        <v>1</v>
      </c>
      <c r="AR18" s="61">
        <v>1</v>
      </c>
      <c r="AS18" s="62">
        <v>11</v>
      </c>
      <c r="AT18" s="63">
        <v>17</v>
      </c>
      <c r="AU18" s="60">
        <v>7</v>
      </c>
      <c r="AV18" s="61">
        <v>4</v>
      </c>
      <c r="AW18" s="62">
        <v>11</v>
      </c>
      <c r="AX18" s="231"/>
      <c r="AY18" s="61">
        <v>10</v>
      </c>
      <c r="AZ18" s="61">
        <v>6</v>
      </c>
      <c r="BA18" s="61">
        <v>3</v>
      </c>
      <c r="BB18" s="61">
        <v>5</v>
      </c>
      <c r="BC18" s="61">
        <v>0</v>
      </c>
      <c r="BD18" s="62">
        <v>24</v>
      </c>
      <c r="BE18" s="63">
        <v>35</v>
      </c>
      <c r="BF18" s="60">
        <v>4</v>
      </c>
      <c r="BG18" s="61">
        <v>9</v>
      </c>
      <c r="BH18" s="62">
        <v>13</v>
      </c>
      <c r="BI18" s="231"/>
      <c r="BJ18" s="61">
        <v>9</v>
      </c>
      <c r="BK18" s="61">
        <v>5</v>
      </c>
      <c r="BL18" s="61">
        <v>6</v>
      </c>
      <c r="BM18" s="61">
        <v>3</v>
      </c>
      <c r="BN18" s="61">
        <v>2</v>
      </c>
      <c r="BO18" s="62">
        <v>25</v>
      </c>
      <c r="BP18" s="63">
        <v>38</v>
      </c>
      <c r="BQ18" s="60">
        <v>6</v>
      </c>
      <c r="BR18" s="61">
        <v>6</v>
      </c>
      <c r="BS18" s="62">
        <v>12</v>
      </c>
      <c r="BT18" s="231"/>
      <c r="BU18" s="61">
        <v>12</v>
      </c>
      <c r="BV18" s="61">
        <v>14</v>
      </c>
      <c r="BW18" s="61">
        <v>9</v>
      </c>
      <c r="BX18" s="61">
        <v>7</v>
      </c>
      <c r="BY18" s="61">
        <v>3</v>
      </c>
      <c r="BZ18" s="62">
        <v>45</v>
      </c>
      <c r="CA18" s="63">
        <v>57</v>
      </c>
      <c r="CB18" s="60">
        <v>0</v>
      </c>
      <c r="CC18" s="61">
        <v>0</v>
      </c>
      <c r="CD18" s="62">
        <v>0</v>
      </c>
      <c r="CE18" s="231"/>
      <c r="CF18" s="61">
        <v>0</v>
      </c>
      <c r="CG18" s="61">
        <v>0</v>
      </c>
      <c r="CH18" s="61">
        <v>0</v>
      </c>
      <c r="CI18" s="61">
        <v>0</v>
      </c>
      <c r="CJ18" s="61">
        <v>0</v>
      </c>
      <c r="CK18" s="62">
        <v>0</v>
      </c>
      <c r="CL18" s="63">
        <v>0</v>
      </c>
      <c r="CM18" s="60">
        <v>22</v>
      </c>
      <c r="CN18" s="61">
        <v>24</v>
      </c>
      <c r="CO18" s="62">
        <v>46</v>
      </c>
      <c r="CP18" s="231"/>
      <c r="CQ18" s="61">
        <v>39</v>
      </c>
      <c r="CR18" s="61">
        <v>29</v>
      </c>
      <c r="CS18" s="61">
        <v>24</v>
      </c>
      <c r="CT18" s="61">
        <v>20</v>
      </c>
      <c r="CU18" s="61">
        <v>7</v>
      </c>
      <c r="CV18" s="62">
        <v>119</v>
      </c>
      <c r="CW18" s="63">
        <v>165</v>
      </c>
      <c r="CX18" s="113">
        <v>4</v>
      </c>
      <c r="CY18" s="72">
        <v>4</v>
      </c>
      <c r="CZ18" s="73">
        <v>8</v>
      </c>
      <c r="DA18" s="228"/>
      <c r="DB18" s="72">
        <v>5</v>
      </c>
      <c r="DC18" s="72">
        <v>5</v>
      </c>
      <c r="DD18" s="72">
        <v>2</v>
      </c>
      <c r="DE18" s="72">
        <v>4</v>
      </c>
      <c r="DF18" s="72">
        <v>2</v>
      </c>
      <c r="DG18" s="74">
        <v>18</v>
      </c>
      <c r="DH18" s="75">
        <v>26</v>
      </c>
      <c r="DI18" s="60">
        <v>1</v>
      </c>
      <c r="DJ18" s="61">
        <v>0</v>
      </c>
      <c r="DK18" s="62">
        <v>1</v>
      </c>
      <c r="DL18" s="231"/>
      <c r="DM18" s="61">
        <v>1</v>
      </c>
      <c r="DN18" s="61">
        <v>0</v>
      </c>
      <c r="DO18" s="61">
        <v>0</v>
      </c>
      <c r="DP18" s="61">
        <v>0</v>
      </c>
      <c r="DQ18" s="61">
        <v>0</v>
      </c>
      <c r="DR18" s="62">
        <v>1</v>
      </c>
      <c r="DS18" s="63">
        <v>2</v>
      </c>
      <c r="DT18" s="60">
        <v>0</v>
      </c>
      <c r="DU18" s="61">
        <v>0</v>
      </c>
      <c r="DV18" s="62">
        <v>0</v>
      </c>
      <c r="DW18" s="231"/>
      <c r="DX18" s="61">
        <v>0</v>
      </c>
      <c r="DY18" s="61">
        <v>0</v>
      </c>
      <c r="DZ18" s="61">
        <v>0</v>
      </c>
      <c r="EA18" s="61">
        <v>0</v>
      </c>
      <c r="EB18" s="61">
        <v>0</v>
      </c>
      <c r="EC18" s="62">
        <v>0</v>
      </c>
      <c r="ED18" s="63">
        <v>0</v>
      </c>
      <c r="EE18" s="60">
        <v>1</v>
      </c>
      <c r="EF18" s="61">
        <v>1</v>
      </c>
      <c r="EG18" s="62">
        <v>2</v>
      </c>
      <c r="EH18" s="231"/>
      <c r="EI18" s="61">
        <v>1</v>
      </c>
      <c r="EJ18" s="61">
        <v>1</v>
      </c>
      <c r="EK18" s="61">
        <v>0</v>
      </c>
      <c r="EL18" s="61">
        <v>0</v>
      </c>
      <c r="EM18" s="61">
        <v>0</v>
      </c>
      <c r="EN18" s="62">
        <v>2</v>
      </c>
      <c r="EO18" s="63">
        <v>4</v>
      </c>
      <c r="EP18" s="60">
        <v>0</v>
      </c>
      <c r="EQ18" s="61">
        <v>1</v>
      </c>
      <c r="ER18" s="62">
        <v>1</v>
      </c>
      <c r="ES18" s="231"/>
      <c r="ET18" s="61">
        <v>0</v>
      </c>
      <c r="EU18" s="61">
        <v>1</v>
      </c>
      <c r="EV18" s="61">
        <v>1</v>
      </c>
      <c r="EW18" s="61">
        <v>0</v>
      </c>
      <c r="EX18" s="61">
        <v>0</v>
      </c>
      <c r="EY18" s="62">
        <v>2</v>
      </c>
      <c r="EZ18" s="63">
        <v>3</v>
      </c>
      <c r="FA18" s="60">
        <v>1</v>
      </c>
      <c r="FB18" s="61">
        <v>0</v>
      </c>
      <c r="FC18" s="62">
        <v>1</v>
      </c>
      <c r="FD18" s="231"/>
      <c r="FE18" s="61">
        <v>1</v>
      </c>
      <c r="FF18" s="61">
        <v>0</v>
      </c>
      <c r="FG18" s="61">
        <v>0</v>
      </c>
      <c r="FH18" s="61">
        <v>1</v>
      </c>
      <c r="FI18" s="61">
        <v>1</v>
      </c>
      <c r="FJ18" s="62">
        <v>3</v>
      </c>
      <c r="FK18" s="63">
        <v>4</v>
      </c>
      <c r="FL18" s="60">
        <v>1</v>
      </c>
      <c r="FM18" s="61">
        <v>2</v>
      </c>
      <c r="FN18" s="62">
        <v>3</v>
      </c>
      <c r="FO18" s="231"/>
      <c r="FP18" s="61">
        <v>2</v>
      </c>
      <c r="FQ18" s="61">
        <v>3</v>
      </c>
      <c r="FR18" s="61">
        <v>1</v>
      </c>
      <c r="FS18" s="61">
        <v>3</v>
      </c>
      <c r="FT18" s="61">
        <v>1</v>
      </c>
      <c r="FU18" s="62">
        <v>10</v>
      </c>
      <c r="FV18" s="63">
        <v>13</v>
      </c>
      <c r="FW18" s="60">
        <v>0</v>
      </c>
      <c r="FX18" s="61">
        <v>0</v>
      </c>
      <c r="FY18" s="62">
        <v>0</v>
      </c>
      <c r="FZ18" s="231"/>
      <c r="GA18" s="61">
        <v>0</v>
      </c>
      <c r="GB18" s="61">
        <v>0</v>
      </c>
      <c r="GC18" s="61">
        <v>0</v>
      </c>
      <c r="GD18" s="61">
        <v>0</v>
      </c>
      <c r="GE18" s="61">
        <v>0</v>
      </c>
      <c r="GF18" s="62">
        <v>0</v>
      </c>
      <c r="GG18" s="63">
        <v>0</v>
      </c>
      <c r="GH18" s="60">
        <v>4</v>
      </c>
      <c r="GI18" s="61">
        <v>4</v>
      </c>
      <c r="GJ18" s="62">
        <v>8</v>
      </c>
      <c r="GK18" s="231"/>
      <c r="GL18" s="61">
        <v>5</v>
      </c>
      <c r="GM18" s="61">
        <v>5</v>
      </c>
      <c r="GN18" s="61">
        <v>2</v>
      </c>
      <c r="GO18" s="61">
        <v>4</v>
      </c>
      <c r="GP18" s="61">
        <v>2</v>
      </c>
      <c r="GQ18" s="62">
        <v>18</v>
      </c>
      <c r="GR18" s="63">
        <v>26</v>
      </c>
      <c r="GS18" s="113">
        <v>26</v>
      </c>
      <c r="GT18" s="72">
        <v>28</v>
      </c>
      <c r="GU18" s="73">
        <v>54</v>
      </c>
      <c r="GV18" s="228"/>
      <c r="GW18" s="72">
        <v>44</v>
      </c>
      <c r="GX18" s="72">
        <v>34</v>
      </c>
      <c r="GY18" s="72">
        <v>26</v>
      </c>
      <c r="GZ18" s="72">
        <v>24</v>
      </c>
      <c r="HA18" s="72">
        <v>9</v>
      </c>
      <c r="HB18" s="74">
        <v>137</v>
      </c>
      <c r="HC18" s="75">
        <v>191</v>
      </c>
      <c r="HD18" s="60">
        <v>2</v>
      </c>
      <c r="HE18" s="61">
        <v>0</v>
      </c>
      <c r="HF18" s="62">
        <v>2</v>
      </c>
      <c r="HG18" s="231"/>
      <c r="HH18" s="61">
        <v>2</v>
      </c>
      <c r="HI18" s="61">
        <v>2</v>
      </c>
      <c r="HJ18" s="61">
        <v>0</v>
      </c>
      <c r="HK18" s="61">
        <v>2</v>
      </c>
      <c r="HL18" s="61">
        <v>0</v>
      </c>
      <c r="HM18" s="62">
        <v>6</v>
      </c>
      <c r="HN18" s="63">
        <v>8</v>
      </c>
      <c r="HO18" s="60">
        <v>1</v>
      </c>
      <c r="HP18" s="61">
        <v>2</v>
      </c>
      <c r="HQ18" s="62">
        <v>3</v>
      </c>
      <c r="HR18" s="231"/>
      <c r="HS18" s="61">
        <v>4</v>
      </c>
      <c r="HT18" s="61">
        <v>0</v>
      </c>
      <c r="HU18" s="61">
        <v>2</v>
      </c>
      <c r="HV18" s="61">
        <v>2</v>
      </c>
      <c r="HW18" s="61">
        <v>1</v>
      </c>
      <c r="HX18" s="62">
        <v>9</v>
      </c>
      <c r="HY18" s="63">
        <v>12</v>
      </c>
      <c r="HZ18" s="60">
        <v>4</v>
      </c>
      <c r="IA18" s="61">
        <v>4</v>
      </c>
      <c r="IB18" s="62">
        <v>8</v>
      </c>
      <c r="IC18" s="231"/>
      <c r="ID18" s="61">
        <v>4</v>
      </c>
      <c r="IE18" s="61">
        <v>3</v>
      </c>
      <c r="IF18" s="61">
        <v>4</v>
      </c>
      <c r="IG18" s="61">
        <v>1</v>
      </c>
      <c r="IH18" s="61">
        <v>1</v>
      </c>
      <c r="II18" s="62">
        <v>13</v>
      </c>
      <c r="IJ18" s="63">
        <v>21</v>
      </c>
      <c r="IK18" s="60">
        <v>7</v>
      </c>
      <c r="IL18" s="61">
        <v>5</v>
      </c>
      <c r="IM18" s="62">
        <v>12</v>
      </c>
      <c r="IN18" s="231"/>
      <c r="IO18" s="61">
        <v>10</v>
      </c>
      <c r="IP18" s="61">
        <v>7</v>
      </c>
      <c r="IQ18" s="61">
        <v>4</v>
      </c>
      <c r="IR18" s="61">
        <v>5</v>
      </c>
      <c r="IS18" s="61">
        <v>0</v>
      </c>
      <c r="IT18" s="62">
        <v>26</v>
      </c>
      <c r="IU18" s="63">
        <v>38</v>
      </c>
      <c r="IV18" s="60">
        <v>5</v>
      </c>
      <c r="IW18" s="61">
        <v>9</v>
      </c>
      <c r="IX18" s="62">
        <v>14</v>
      </c>
      <c r="IY18" s="231"/>
      <c r="IZ18" s="61">
        <v>10</v>
      </c>
      <c r="JA18" s="61">
        <v>5</v>
      </c>
      <c r="JB18" s="61">
        <v>6</v>
      </c>
      <c r="JC18" s="61">
        <v>4</v>
      </c>
      <c r="JD18" s="61">
        <v>3</v>
      </c>
      <c r="JE18" s="62">
        <v>28</v>
      </c>
      <c r="JF18" s="63">
        <v>42</v>
      </c>
      <c r="JG18" s="60">
        <v>7</v>
      </c>
      <c r="JH18" s="61">
        <v>8</v>
      </c>
      <c r="JI18" s="62">
        <v>15</v>
      </c>
      <c r="JJ18" s="231"/>
      <c r="JK18" s="61">
        <v>14</v>
      </c>
      <c r="JL18" s="61">
        <v>17</v>
      </c>
      <c r="JM18" s="61">
        <v>10</v>
      </c>
      <c r="JN18" s="61">
        <v>10</v>
      </c>
      <c r="JO18" s="61">
        <v>4</v>
      </c>
      <c r="JP18" s="62">
        <v>55</v>
      </c>
      <c r="JQ18" s="63">
        <v>70</v>
      </c>
      <c r="JR18" s="60">
        <v>0</v>
      </c>
      <c r="JS18" s="61">
        <v>0</v>
      </c>
      <c r="JT18" s="62">
        <v>0</v>
      </c>
      <c r="JU18" s="231"/>
      <c r="JV18" s="61">
        <v>0</v>
      </c>
      <c r="JW18" s="61">
        <v>0</v>
      </c>
      <c r="JX18" s="61">
        <v>0</v>
      </c>
      <c r="JY18" s="61">
        <v>0</v>
      </c>
      <c r="JZ18" s="61">
        <v>0</v>
      </c>
      <c r="KA18" s="62">
        <v>0</v>
      </c>
      <c r="KB18" s="63">
        <v>0</v>
      </c>
      <c r="KC18" s="60">
        <v>26</v>
      </c>
      <c r="KD18" s="61">
        <v>28</v>
      </c>
      <c r="KE18" s="62">
        <v>54</v>
      </c>
      <c r="KF18" s="231"/>
      <c r="KG18" s="61">
        <v>44</v>
      </c>
      <c r="KH18" s="61">
        <v>34</v>
      </c>
      <c r="KI18" s="61">
        <v>26</v>
      </c>
      <c r="KJ18" s="61">
        <v>24</v>
      </c>
      <c r="KK18" s="61">
        <v>9</v>
      </c>
      <c r="KL18" s="62">
        <v>137</v>
      </c>
      <c r="KM18" s="63">
        <v>191</v>
      </c>
    </row>
    <row r="19" spans="2:299" ht="21" customHeight="1" x14ac:dyDescent="0.2">
      <c r="B19" s="472" t="s">
        <v>16</v>
      </c>
      <c r="C19" s="293">
        <v>38</v>
      </c>
      <c r="D19" s="72">
        <v>43</v>
      </c>
      <c r="E19" s="73">
        <v>81</v>
      </c>
      <c r="F19" s="228"/>
      <c r="G19" s="72">
        <v>69</v>
      </c>
      <c r="H19" s="72">
        <v>90</v>
      </c>
      <c r="I19" s="72">
        <v>50</v>
      </c>
      <c r="J19" s="72">
        <v>46</v>
      </c>
      <c r="K19" s="72">
        <v>23</v>
      </c>
      <c r="L19" s="74">
        <v>278</v>
      </c>
      <c r="M19" s="75">
        <v>359</v>
      </c>
      <c r="N19" s="60">
        <v>1</v>
      </c>
      <c r="O19" s="61">
        <v>0</v>
      </c>
      <c r="P19" s="62">
        <v>1</v>
      </c>
      <c r="Q19" s="231"/>
      <c r="R19" s="61">
        <v>3</v>
      </c>
      <c r="S19" s="61">
        <v>1</v>
      </c>
      <c r="T19" s="61">
        <v>0</v>
      </c>
      <c r="U19" s="61">
        <v>1</v>
      </c>
      <c r="V19" s="61">
        <v>1</v>
      </c>
      <c r="W19" s="62">
        <v>6</v>
      </c>
      <c r="X19" s="63">
        <v>7</v>
      </c>
      <c r="Y19" s="60">
        <v>4</v>
      </c>
      <c r="Z19" s="61">
        <v>4</v>
      </c>
      <c r="AA19" s="62">
        <v>8</v>
      </c>
      <c r="AB19" s="231"/>
      <c r="AC19" s="61">
        <v>2</v>
      </c>
      <c r="AD19" s="61">
        <v>5</v>
      </c>
      <c r="AE19" s="61">
        <v>2</v>
      </c>
      <c r="AF19" s="61">
        <v>2</v>
      </c>
      <c r="AG19" s="61">
        <v>3</v>
      </c>
      <c r="AH19" s="62">
        <v>14</v>
      </c>
      <c r="AI19" s="63">
        <v>22</v>
      </c>
      <c r="AJ19" s="60">
        <v>4</v>
      </c>
      <c r="AK19" s="61">
        <v>3</v>
      </c>
      <c r="AL19" s="62">
        <v>7</v>
      </c>
      <c r="AM19" s="231"/>
      <c r="AN19" s="61">
        <v>6</v>
      </c>
      <c r="AO19" s="61">
        <v>6</v>
      </c>
      <c r="AP19" s="61">
        <v>10</v>
      </c>
      <c r="AQ19" s="61">
        <v>1</v>
      </c>
      <c r="AR19" s="61">
        <v>3</v>
      </c>
      <c r="AS19" s="62">
        <v>26</v>
      </c>
      <c r="AT19" s="63">
        <v>33</v>
      </c>
      <c r="AU19" s="60">
        <v>11</v>
      </c>
      <c r="AV19" s="61">
        <v>9</v>
      </c>
      <c r="AW19" s="62">
        <v>20</v>
      </c>
      <c r="AX19" s="231"/>
      <c r="AY19" s="61">
        <v>15</v>
      </c>
      <c r="AZ19" s="61">
        <v>23</v>
      </c>
      <c r="BA19" s="61">
        <v>11</v>
      </c>
      <c r="BB19" s="61">
        <v>10</v>
      </c>
      <c r="BC19" s="61">
        <v>7</v>
      </c>
      <c r="BD19" s="62">
        <v>66</v>
      </c>
      <c r="BE19" s="63">
        <v>86</v>
      </c>
      <c r="BF19" s="60">
        <v>8</v>
      </c>
      <c r="BG19" s="61">
        <v>13</v>
      </c>
      <c r="BH19" s="62">
        <v>21</v>
      </c>
      <c r="BI19" s="231"/>
      <c r="BJ19" s="61">
        <v>20</v>
      </c>
      <c r="BK19" s="61">
        <v>18</v>
      </c>
      <c r="BL19" s="61">
        <v>11</v>
      </c>
      <c r="BM19" s="61">
        <v>9</v>
      </c>
      <c r="BN19" s="61">
        <v>2</v>
      </c>
      <c r="BO19" s="62">
        <v>60</v>
      </c>
      <c r="BP19" s="63">
        <v>81</v>
      </c>
      <c r="BQ19" s="60">
        <v>10</v>
      </c>
      <c r="BR19" s="61">
        <v>14</v>
      </c>
      <c r="BS19" s="62">
        <v>24</v>
      </c>
      <c r="BT19" s="231"/>
      <c r="BU19" s="61">
        <v>23</v>
      </c>
      <c r="BV19" s="61">
        <v>37</v>
      </c>
      <c r="BW19" s="61">
        <v>16</v>
      </c>
      <c r="BX19" s="61">
        <v>23</v>
      </c>
      <c r="BY19" s="61">
        <v>7</v>
      </c>
      <c r="BZ19" s="62">
        <v>106</v>
      </c>
      <c r="CA19" s="63">
        <v>130</v>
      </c>
      <c r="CB19" s="60">
        <v>0</v>
      </c>
      <c r="CC19" s="61">
        <v>0</v>
      </c>
      <c r="CD19" s="62">
        <v>0</v>
      </c>
      <c r="CE19" s="231"/>
      <c r="CF19" s="61">
        <v>0</v>
      </c>
      <c r="CG19" s="61">
        <v>0</v>
      </c>
      <c r="CH19" s="61">
        <v>0</v>
      </c>
      <c r="CI19" s="61">
        <v>0</v>
      </c>
      <c r="CJ19" s="61">
        <v>0</v>
      </c>
      <c r="CK19" s="62">
        <v>0</v>
      </c>
      <c r="CL19" s="63">
        <v>0</v>
      </c>
      <c r="CM19" s="60">
        <v>38</v>
      </c>
      <c r="CN19" s="61">
        <v>43</v>
      </c>
      <c r="CO19" s="62">
        <v>81</v>
      </c>
      <c r="CP19" s="231"/>
      <c r="CQ19" s="61">
        <v>69</v>
      </c>
      <c r="CR19" s="61">
        <v>90</v>
      </c>
      <c r="CS19" s="61">
        <v>50</v>
      </c>
      <c r="CT19" s="61">
        <v>46</v>
      </c>
      <c r="CU19" s="61">
        <v>23</v>
      </c>
      <c r="CV19" s="62">
        <v>278</v>
      </c>
      <c r="CW19" s="63">
        <v>359</v>
      </c>
      <c r="CX19" s="113">
        <v>7</v>
      </c>
      <c r="CY19" s="72">
        <v>11</v>
      </c>
      <c r="CZ19" s="73">
        <v>18</v>
      </c>
      <c r="DA19" s="228"/>
      <c r="DB19" s="72">
        <v>5</v>
      </c>
      <c r="DC19" s="72">
        <v>8</v>
      </c>
      <c r="DD19" s="72">
        <v>10</v>
      </c>
      <c r="DE19" s="72">
        <v>11</v>
      </c>
      <c r="DF19" s="72">
        <v>8</v>
      </c>
      <c r="DG19" s="74">
        <v>42</v>
      </c>
      <c r="DH19" s="75">
        <v>60</v>
      </c>
      <c r="DI19" s="60">
        <v>0</v>
      </c>
      <c r="DJ19" s="61">
        <v>1</v>
      </c>
      <c r="DK19" s="62">
        <v>1</v>
      </c>
      <c r="DL19" s="231"/>
      <c r="DM19" s="61">
        <v>0</v>
      </c>
      <c r="DN19" s="61">
        <v>0</v>
      </c>
      <c r="DO19" s="61">
        <v>0</v>
      </c>
      <c r="DP19" s="61">
        <v>0</v>
      </c>
      <c r="DQ19" s="61">
        <v>0</v>
      </c>
      <c r="DR19" s="62">
        <v>0</v>
      </c>
      <c r="DS19" s="63">
        <v>1</v>
      </c>
      <c r="DT19" s="60">
        <v>0</v>
      </c>
      <c r="DU19" s="61">
        <v>1</v>
      </c>
      <c r="DV19" s="62">
        <v>1</v>
      </c>
      <c r="DW19" s="231"/>
      <c r="DX19" s="61">
        <v>1</v>
      </c>
      <c r="DY19" s="61">
        <v>1</v>
      </c>
      <c r="DZ19" s="61">
        <v>1</v>
      </c>
      <c r="EA19" s="61">
        <v>0</v>
      </c>
      <c r="EB19" s="61">
        <v>0</v>
      </c>
      <c r="EC19" s="62">
        <v>3</v>
      </c>
      <c r="ED19" s="63">
        <v>4</v>
      </c>
      <c r="EE19" s="60">
        <v>1</v>
      </c>
      <c r="EF19" s="61">
        <v>2</v>
      </c>
      <c r="EG19" s="62">
        <v>3</v>
      </c>
      <c r="EH19" s="231"/>
      <c r="EI19" s="61">
        <v>0</v>
      </c>
      <c r="EJ19" s="61">
        <v>1</v>
      </c>
      <c r="EK19" s="61">
        <v>2</v>
      </c>
      <c r="EL19" s="61">
        <v>0</v>
      </c>
      <c r="EM19" s="61">
        <v>1</v>
      </c>
      <c r="EN19" s="62">
        <v>4</v>
      </c>
      <c r="EO19" s="63">
        <v>7</v>
      </c>
      <c r="EP19" s="60">
        <v>2</v>
      </c>
      <c r="EQ19" s="61">
        <v>2</v>
      </c>
      <c r="ER19" s="62">
        <v>4</v>
      </c>
      <c r="ES19" s="231"/>
      <c r="ET19" s="61">
        <v>1</v>
      </c>
      <c r="EU19" s="61">
        <v>4</v>
      </c>
      <c r="EV19" s="61">
        <v>1</v>
      </c>
      <c r="EW19" s="61">
        <v>2</v>
      </c>
      <c r="EX19" s="61">
        <v>1</v>
      </c>
      <c r="EY19" s="62">
        <v>9</v>
      </c>
      <c r="EZ19" s="63">
        <v>13</v>
      </c>
      <c r="FA19" s="60">
        <v>3</v>
      </c>
      <c r="FB19" s="61">
        <v>3</v>
      </c>
      <c r="FC19" s="62">
        <v>6</v>
      </c>
      <c r="FD19" s="231"/>
      <c r="FE19" s="61">
        <v>0</v>
      </c>
      <c r="FF19" s="61">
        <v>1</v>
      </c>
      <c r="FG19" s="61">
        <v>2</v>
      </c>
      <c r="FH19" s="61">
        <v>3</v>
      </c>
      <c r="FI19" s="61">
        <v>2</v>
      </c>
      <c r="FJ19" s="62">
        <v>8</v>
      </c>
      <c r="FK19" s="63">
        <v>14</v>
      </c>
      <c r="FL19" s="60">
        <v>1</v>
      </c>
      <c r="FM19" s="61">
        <v>2</v>
      </c>
      <c r="FN19" s="62">
        <v>3</v>
      </c>
      <c r="FO19" s="231"/>
      <c r="FP19" s="61">
        <v>3</v>
      </c>
      <c r="FQ19" s="61">
        <v>1</v>
      </c>
      <c r="FR19" s="61">
        <v>4</v>
      </c>
      <c r="FS19" s="61">
        <v>6</v>
      </c>
      <c r="FT19" s="61">
        <v>4</v>
      </c>
      <c r="FU19" s="62">
        <v>18</v>
      </c>
      <c r="FV19" s="63">
        <v>21</v>
      </c>
      <c r="FW19" s="60">
        <v>0</v>
      </c>
      <c r="FX19" s="61">
        <v>0</v>
      </c>
      <c r="FY19" s="62">
        <v>0</v>
      </c>
      <c r="FZ19" s="231"/>
      <c r="GA19" s="61">
        <v>0</v>
      </c>
      <c r="GB19" s="61">
        <v>0</v>
      </c>
      <c r="GC19" s="61">
        <v>0</v>
      </c>
      <c r="GD19" s="61">
        <v>0</v>
      </c>
      <c r="GE19" s="61">
        <v>0</v>
      </c>
      <c r="GF19" s="62">
        <v>0</v>
      </c>
      <c r="GG19" s="63">
        <v>0</v>
      </c>
      <c r="GH19" s="60">
        <v>7</v>
      </c>
      <c r="GI19" s="61">
        <v>11</v>
      </c>
      <c r="GJ19" s="62">
        <v>18</v>
      </c>
      <c r="GK19" s="231"/>
      <c r="GL19" s="61">
        <v>5</v>
      </c>
      <c r="GM19" s="61">
        <v>8</v>
      </c>
      <c r="GN19" s="61">
        <v>10</v>
      </c>
      <c r="GO19" s="61">
        <v>11</v>
      </c>
      <c r="GP19" s="61">
        <v>8</v>
      </c>
      <c r="GQ19" s="62">
        <v>42</v>
      </c>
      <c r="GR19" s="63">
        <v>60</v>
      </c>
      <c r="GS19" s="113">
        <v>45</v>
      </c>
      <c r="GT19" s="72">
        <v>54</v>
      </c>
      <c r="GU19" s="73">
        <v>99</v>
      </c>
      <c r="GV19" s="228"/>
      <c r="GW19" s="72">
        <v>74</v>
      </c>
      <c r="GX19" s="72">
        <v>98</v>
      </c>
      <c r="GY19" s="72">
        <v>60</v>
      </c>
      <c r="GZ19" s="72">
        <v>57</v>
      </c>
      <c r="HA19" s="72">
        <v>31</v>
      </c>
      <c r="HB19" s="74">
        <v>320</v>
      </c>
      <c r="HC19" s="75">
        <v>419</v>
      </c>
      <c r="HD19" s="60">
        <v>1</v>
      </c>
      <c r="HE19" s="61">
        <v>1</v>
      </c>
      <c r="HF19" s="62">
        <v>2</v>
      </c>
      <c r="HG19" s="231"/>
      <c r="HH19" s="61">
        <v>3</v>
      </c>
      <c r="HI19" s="61">
        <v>1</v>
      </c>
      <c r="HJ19" s="61">
        <v>0</v>
      </c>
      <c r="HK19" s="61">
        <v>1</v>
      </c>
      <c r="HL19" s="61">
        <v>1</v>
      </c>
      <c r="HM19" s="62">
        <v>6</v>
      </c>
      <c r="HN19" s="63">
        <v>8</v>
      </c>
      <c r="HO19" s="60">
        <v>4</v>
      </c>
      <c r="HP19" s="61">
        <v>5</v>
      </c>
      <c r="HQ19" s="62">
        <v>9</v>
      </c>
      <c r="HR19" s="231"/>
      <c r="HS19" s="61">
        <v>3</v>
      </c>
      <c r="HT19" s="61">
        <v>6</v>
      </c>
      <c r="HU19" s="61">
        <v>3</v>
      </c>
      <c r="HV19" s="61">
        <v>2</v>
      </c>
      <c r="HW19" s="61">
        <v>3</v>
      </c>
      <c r="HX19" s="62">
        <v>17</v>
      </c>
      <c r="HY19" s="63">
        <v>26</v>
      </c>
      <c r="HZ19" s="60">
        <v>5</v>
      </c>
      <c r="IA19" s="61">
        <v>5</v>
      </c>
      <c r="IB19" s="62">
        <v>10</v>
      </c>
      <c r="IC19" s="231"/>
      <c r="ID19" s="61">
        <v>6</v>
      </c>
      <c r="IE19" s="61">
        <v>7</v>
      </c>
      <c r="IF19" s="61">
        <v>12</v>
      </c>
      <c r="IG19" s="61">
        <v>1</v>
      </c>
      <c r="IH19" s="61">
        <v>4</v>
      </c>
      <c r="II19" s="62">
        <v>30</v>
      </c>
      <c r="IJ19" s="63">
        <v>40</v>
      </c>
      <c r="IK19" s="60">
        <v>13</v>
      </c>
      <c r="IL19" s="61">
        <v>11</v>
      </c>
      <c r="IM19" s="62">
        <v>24</v>
      </c>
      <c r="IN19" s="231"/>
      <c r="IO19" s="61">
        <v>16</v>
      </c>
      <c r="IP19" s="61">
        <v>27</v>
      </c>
      <c r="IQ19" s="61">
        <v>12</v>
      </c>
      <c r="IR19" s="61">
        <v>12</v>
      </c>
      <c r="IS19" s="61">
        <v>8</v>
      </c>
      <c r="IT19" s="62">
        <v>75</v>
      </c>
      <c r="IU19" s="63">
        <v>99</v>
      </c>
      <c r="IV19" s="60">
        <v>11</v>
      </c>
      <c r="IW19" s="61">
        <v>16</v>
      </c>
      <c r="IX19" s="62">
        <v>27</v>
      </c>
      <c r="IY19" s="231"/>
      <c r="IZ19" s="61">
        <v>20</v>
      </c>
      <c r="JA19" s="61">
        <v>19</v>
      </c>
      <c r="JB19" s="61">
        <v>13</v>
      </c>
      <c r="JC19" s="61">
        <v>12</v>
      </c>
      <c r="JD19" s="61">
        <v>4</v>
      </c>
      <c r="JE19" s="62">
        <v>68</v>
      </c>
      <c r="JF19" s="63">
        <v>95</v>
      </c>
      <c r="JG19" s="60">
        <v>11</v>
      </c>
      <c r="JH19" s="61">
        <v>16</v>
      </c>
      <c r="JI19" s="62">
        <v>27</v>
      </c>
      <c r="JJ19" s="231"/>
      <c r="JK19" s="61">
        <v>26</v>
      </c>
      <c r="JL19" s="61">
        <v>38</v>
      </c>
      <c r="JM19" s="61">
        <v>20</v>
      </c>
      <c r="JN19" s="61">
        <v>29</v>
      </c>
      <c r="JO19" s="61">
        <v>11</v>
      </c>
      <c r="JP19" s="62">
        <v>124</v>
      </c>
      <c r="JQ19" s="63">
        <v>151</v>
      </c>
      <c r="JR19" s="60">
        <v>0</v>
      </c>
      <c r="JS19" s="61">
        <v>0</v>
      </c>
      <c r="JT19" s="62">
        <v>0</v>
      </c>
      <c r="JU19" s="231"/>
      <c r="JV19" s="61">
        <v>0</v>
      </c>
      <c r="JW19" s="61">
        <v>0</v>
      </c>
      <c r="JX19" s="61">
        <v>0</v>
      </c>
      <c r="JY19" s="61">
        <v>0</v>
      </c>
      <c r="JZ19" s="61">
        <v>0</v>
      </c>
      <c r="KA19" s="62">
        <v>0</v>
      </c>
      <c r="KB19" s="63">
        <v>0</v>
      </c>
      <c r="KC19" s="60">
        <v>45</v>
      </c>
      <c r="KD19" s="61">
        <v>54</v>
      </c>
      <c r="KE19" s="62">
        <v>99</v>
      </c>
      <c r="KF19" s="231"/>
      <c r="KG19" s="61">
        <v>74</v>
      </c>
      <c r="KH19" s="61">
        <v>98</v>
      </c>
      <c r="KI19" s="61">
        <v>60</v>
      </c>
      <c r="KJ19" s="61">
        <v>57</v>
      </c>
      <c r="KK19" s="61">
        <v>31</v>
      </c>
      <c r="KL19" s="62">
        <v>320</v>
      </c>
      <c r="KM19" s="63">
        <v>419</v>
      </c>
    </row>
    <row r="20" spans="2:299" ht="21" customHeight="1" x14ac:dyDescent="0.2">
      <c r="B20" s="472" t="s">
        <v>17</v>
      </c>
      <c r="C20" s="293">
        <v>55</v>
      </c>
      <c r="D20" s="72">
        <v>52</v>
      </c>
      <c r="E20" s="73">
        <v>107</v>
      </c>
      <c r="F20" s="228"/>
      <c r="G20" s="72">
        <v>114</v>
      </c>
      <c r="H20" s="72">
        <v>93</v>
      </c>
      <c r="I20" s="72">
        <v>61</v>
      </c>
      <c r="J20" s="72">
        <v>41</v>
      </c>
      <c r="K20" s="72">
        <v>29</v>
      </c>
      <c r="L20" s="74">
        <v>338</v>
      </c>
      <c r="M20" s="75">
        <v>445</v>
      </c>
      <c r="N20" s="60">
        <v>0</v>
      </c>
      <c r="O20" s="61">
        <v>2</v>
      </c>
      <c r="P20" s="62">
        <v>2</v>
      </c>
      <c r="Q20" s="231"/>
      <c r="R20" s="61">
        <v>3</v>
      </c>
      <c r="S20" s="61">
        <v>2</v>
      </c>
      <c r="T20" s="61">
        <v>2</v>
      </c>
      <c r="U20" s="61">
        <v>1</v>
      </c>
      <c r="V20" s="61">
        <v>1</v>
      </c>
      <c r="W20" s="62">
        <v>9</v>
      </c>
      <c r="X20" s="63">
        <v>11</v>
      </c>
      <c r="Y20" s="60">
        <v>2</v>
      </c>
      <c r="Z20" s="61">
        <v>2</v>
      </c>
      <c r="AA20" s="62">
        <v>4</v>
      </c>
      <c r="AB20" s="231"/>
      <c r="AC20" s="61">
        <v>3</v>
      </c>
      <c r="AD20" s="61">
        <v>3</v>
      </c>
      <c r="AE20" s="61">
        <v>3</v>
      </c>
      <c r="AF20" s="61">
        <v>3</v>
      </c>
      <c r="AG20" s="61">
        <v>1</v>
      </c>
      <c r="AH20" s="62">
        <v>13</v>
      </c>
      <c r="AI20" s="63">
        <v>17</v>
      </c>
      <c r="AJ20" s="60">
        <v>8</v>
      </c>
      <c r="AK20" s="61">
        <v>5</v>
      </c>
      <c r="AL20" s="62">
        <v>13</v>
      </c>
      <c r="AM20" s="231"/>
      <c r="AN20" s="61">
        <v>11</v>
      </c>
      <c r="AO20" s="61">
        <v>11</v>
      </c>
      <c r="AP20" s="61">
        <v>3</v>
      </c>
      <c r="AQ20" s="61">
        <v>3</v>
      </c>
      <c r="AR20" s="61">
        <v>2</v>
      </c>
      <c r="AS20" s="62">
        <v>30</v>
      </c>
      <c r="AT20" s="63">
        <v>43</v>
      </c>
      <c r="AU20" s="60">
        <v>13</v>
      </c>
      <c r="AV20" s="61">
        <v>15</v>
      </c>
      <c r="AW20" s="62">
        <v>28</v>
      </c>
      <c r="AX20" s="231"/>
      <c r="AY20" s="61">
        <v>28</v>
      </c>
      <c r="AZ20" s="61">
        <v>26</v>
      </c>
      <c r="BA20" s="61">
        <v>10</v>
      </c>
      <c r="BB20" s="61">
        <v>7</v>
      </c>
      <c r="BC20" s="61">
        <v>5</v>
      </c>
      <c r="BD20" s="62">
        <v>76</v>
      </c>
      <c r="BE20" s="63">
        <v>104</v>
      </c>
      <c r="BF20" s="60">
        <v>16</v>
      </c>
      <c r="BG20" s="61">
        <v>15</v>
      </c>
      <c r="BH20" s="62">
        <v>31</v>
      </c>
      <c r="BI20" s="231"/>
      <c r="BJ20" s="61">
        <v>38</v>
      </c>
      <c r="BK20" s="61">
        <v>31</v>
      </c>
      <c r="BL20" s="61">
        <v>23</v>
      </c>
      <c r="BM20" s="61">
        <v>15</v>
      </c>
      <c r="BN20" s="61">
        <v>9</v>
      </c>
      <c r="BO20" s="62">
        <v>116</v>
      </c>
      <c r="BP20" s="63">
        <v>147</v>
      </c>
      <c r="BQ20" s="60">
        <v>16</v>
      </c>
      <c r="BR20" s="61">
        <v>13</v>
      </c>
      <c r="BS20" s="62">
        <v>29</v>
      </c>
      <c r="BT20" s="231"/>
      <c r="BU20" s="61">
        <v>31</v>
      </c>
      <c r="BV20" s="61">
        <v>20</v>
      </c>
      <c r="BW20" s="61">
        <v>20</v>
      </c>
      <c r="BX20" s="61">
        <v>12</v>
      </c>
      <c r="BY20" s="61">
        <v>11</v>
      </c>
      <c r="BZ20" s="62">
        <v>94</v>
      </c>
      <c r="CA20" s="63">
        <v>123</v>
      </c>
      <c r="CB20" s="60">
        <v>0</v>
      </c>
      <c r="CC20" s="61">
        <v>0</v>
      </c>
      <c r="CD20" s="62">
        <v>0</v>
      </c>
      <c r="CE20" s="231"/>
      <c r="CF20" s="61">
        <v>0</v>
      </c>
      <c r="CG20" s="61">
        <v>0</v>
      </c>
      <c r="CH20" s="61">
        <v>0</v>
      </c>
      <c r="CI20" s="61">
        <v>0</v>
      </c>
      <c r="CJ20" s="61">
        <v>0</v>
      </c>
      <c r="CK20" s="62">
        <v>0</v>
      </c>
      <c r="CL20" s="63">
        <v>0</v>
      </c>
      <c r="CM20" s="60">
        <v>55</v>
      </c>
      <c r="CN20" s="61">
        <v>52</v>
      </c>
      <c r="CO20" s="62">
        <v>107</v>
      </c>
      <c r="CP20" s="231"/>
      <c r="CQ20" s="61">
        <v>114</v>
      </c>
      <c r="CR20" s="61">
        <v>93</v>
      </c>
      <c r="CS20" s="61">
        <v>61</v>
      </c>
      <c r="CT20" s="61">
        <v>41</v>
      </c>
      <c r="CU20" s="61">
        <v>29</v>
      </c>
      <c r="CV20" s="62">
        <v>338</v>
      </c>
      <c r="CW20" s="63">
        <v>445</v>
      </c>
      <c r="CX20" s="113">
        <v>10</v>
      </c>
      <c r="CY20" s="72">
        <v>9</v>
      </c>
      <c r="CZ20" s="73">
        <v>19</v>
      </c>
      <c r="DA20" s="228"/>
      <c r="DB20" s="72">
        <v>6</v>
      </c>
      <c r="DC20" s="72">
        <v>18</v>
      </c>
      <c r="DD20" s="72">
        <v>9</v>
      </c>
      <c r="DE20" s="72">
        <v>12</v>
      </c>
      <c r="DF20" s="72">
        <v>5</v>
      </c>
      <c r="DG20" s="74">
        <v>50</v>
      </c>
      <c r="DH20" s="75">
        <v>69</v>
      </c>
      <c r="DI20" s="60">
        <v>0</v>
      </c>
      <c r="DJ20" s="61">
        <v>0</v>
      </c>
      <c r="DK20" s="62">
        <v>0</v>
      </c>
      <c r="DL20" s="231"/>
      <c r="DM20" s="61">
        <v>0</v>
      </c>
      <c r="DN20" s="61">
        <v>1</v>
      </c>
      <c r="DO20" s="61">
        <v>0</v>
      </c>
      <c r="DP20" s="61">
        <v>0</v>
      </c>
      <c r="DQ20" s="61">
        <v>1</v>
      </c>
      <c r="DR20" s="62">
        <v>2</v>
      </c>
      <c r="DS20" s="63">
        <v>2</v>
      </c>
      <c r="DT20" s="60">
        <v>0</v>
      </c>
      <c r="DU20" s="61">
        <v>2</v>
      </c>
      <c r="DV20" s="62">
        <v>2</v>
      </c>
      <c r="DW20" s="231"/>
      <c r="DX20" s="61">
        <v>0</v>
      </c>
      <c r="DY20" s="61">
        <v>1</v>
      </c>
      <c r="DZ20" s="61">
        <v>1</v>
      </c>
      <c r="EA20" s="61">
        <v>0</v>
      </c>
      <c r="EB20" s="61">
        <v>0</v>
      </c>
      <c r="EC20" s="62">
        <v>2</v>
      </c>
      <c r="ED20" s="63">
        <v>4</v>
      </c>
      <c r="EE20" s="60">
        <v>3</v>
      </c>
      <c r="EF20" s="61">
        <v>3</v>
      </c>
      <c r="EG20" s="62">
        <v>6</v>
      </c>
      <c r="EH20" s="231"/>
      <c r="EI20" s="61">
        <v>1</v>
      </c>
      <c r="EJ20" s="61">
        <v>0</v>
      </c>
      <c r="EK20" s="61">
        <v>1</v>
      </c>
      <c r="EL20" s="61">
        <v>0</v>
      </c>
      <c r="EM20" s="61">
        <v>0</v>
      </c>
      <c r="EN20" s="62">
        <v>2</v>
      </c>
      <c r="EO20" s="63">
        <v>8</v>
      </c>
      <c r="EP20" s="60">
        <v>3</v>
      </c>
      <c r="EQ20" s="61">
        <v>0</v>
      </c>
      <c r="ER20" s="62">
        <v>3</v>
      </c>
      <c r="ES20" s="231"/>
      <c r="ET20" s="61">
        <v>2</v>
      </c>
      <c r="EU20" s="61">
        <v>2</v>
      </c>
      <c r="EV20" s="61">
        <v>3</v>
      </c>
      <c r="EW20" s="61">
        <v>1</v>
      </c>
      <c r="EX20" s="61">
        <v>1</v>
      </c>
      <c r="EY20" s="62">
        <v>9</v>
      </c>
      <c r="EZ20" s="63">
        <v>12</v>
      </c>
      <c r="FA20" s="60">
        <v>3</v>
      </c>
      <c r="FB20" s="61">
        <v>2</v>
      </c>
      <c r="FC20" s="62">
        <v>5</v>
      </c>
      <c r="FD20" s="231"/>
      <c r="FE20" s="61">
        <v>1</v>
      </c>
      <c r="FF20" s="61">
        <v>5</v>
      </c>
      <c r="FG20" s="61">
        <v>0</v>
      </c>
      <c r="FH20" s="61">
        <v>3</v>
      </c>
      <c r="FI20" s="61">
        <v>0</v>
      </c>
      <c r="FJ20" s="62">
        <v>9</v>
      </c>
      <c r="FK20" s="63">
        <v>14</v>
      </c>
      <c r="FL20" s="60">
        <v>1</v>
      </c>
      <c r="FM20" s="61">
        <v>2</v>
      </c>
      <c r="FN20" s="62">
        <v>3</v>
      </c>
      <c r="FO20" s="231"/>
      <c r="FP20" s="61">
        <v>2</v>
      </c>
      <c r="FQ20" s="61">
        <v>9</v>
      </c>
      <c r="FR20" s="61">
        <v>4</v>
      </c>
      <c r="FS20" s="61">
        <v>8</v>
      </c>
      <c r="FT20" s="61">
        <v>3</v>
      </c>
      <c r="FU20" s="62">
        <v>26</v>
      </c>
      <c r="FV20" s="63">
        <v>29</v>
      </c>
      <c r="FW20" s="60">
        <v>0</v>
      </c>
      <c r="FX20" s="61">
        <v>0</v>
      </c>
      <c r="FY20" s="62">
        <v>0</v>
      </c>
      <c r="FZ20" s="231"/>
      <c r="GA20" s="61">
        <v>0</v>
      </c>
      <c r="GB20" s="61">
        <v>0</v>
      </c>
      <c r="GC20" s="61">
        <v>0</v>
      </c>
      <c r="GD20" s="61">
        <v>0</v>
      </c>
      <c r="GE20" s="61">
        <v>0</v>
      </c>
      <c r="GF20" s="62">
        <v>0</v>
      </c>
      <c r="GG20" s="63">
        <v>0</v>
      </c>
      <c r="GH20" s="60">
        <v>10</v>
      </c>
      <c r="GI20" s="61">
        <v>9</v>
      </c>
      <c r="GJ20" s="62">
        <v>19</v>
      </c>
      <c r="GK20" s="231"/>
      <c r="GL20" s="61">
        <v>6</v>
      </c>
      <c r="GM20" s="61">
        <v>18</v>
      </c>
      <c r="GN20" s="61">
        <v>9</v>
      </c>
      <c r="GO20" s="61">
        <v>12</v>
      </c>
      <c r="GP20" s="61">
        <v>5</v>
      </c>
      <c r="GQ20" s="62">
        <v>50</v>
      </c>
      <c r="GR20" s="63">
        <v>69</v>
      </c>
      <c r="GS20" s="113">
        <v>65</v>
      </c>
      <c r="GT20" s="72">
        <v>61</v>
      </c>
      <c r="GU20" s="73">
        <v>126</v>
      </c>
      <c r="GV20" s="228"/>
      <c r="GW20" s="72">
        <v>120</v>
      </c>
      <c r="GX20" s="72">
        <v>111</v>
      </c>
      <c r="GY20" s="72">
        <v>70</v>
      </c>
      <c r="GZ20" s="72">
        <v>53</v>
      </c>
      <c r="HA20" s="72">
        <v>34</v>
      </c>
      <c r="HB20" s="74">
        <v>388</v>
      </c>
      <c r="HC20" s="75">
        <v>514</v>
      </c>
      <c r="HD20" s="60">
        <v>0</v>
      </c>
      <c r="HE20" s="61">
        <v>2</v>
      </c>
      <c r="HF20" s="62">
        <v>2</v>
      </c>
      <c r="HG20" s="231"/>
      <c r="HH20" s="61">
        <v>3</v>
      </c>
      <c r="HI20" s="61">
        <v>3</v>
      </c>
      <c r="HJ20" s="61">
        <v>2</v>
      </c>
      <c r="HK20" s="61">
        <v>1</v>
      </c>
      <c r="HL20" s="61">
        <v>2</v>
      </c>
      <c r="HM20" s="62">
        <v>11</v>
      </c>
      <c r="HN20" s="63">
        <v>13</v>
      </c>
      <c r="HO20" s="60">
        <v>2</v>
      </c>
      <c r="HP20" s="61">
        <v>4</v>
      </c>
      <c r="HQ20" s="62">
        <v>6</v>
      </c>
      <c r="HR20" s="231"/>
      <c r="HS20" s="61">
        <v>3</v>
      </c>
      <c r="HT20" s="61">
        <v>4</v>
      </c>
      <c r="HU20" s="61">
        <v>4</v>
      </c>
      <c r="HV20" s="61">
        <v>3</v>
      </c>
      <c r="HW20" s="61">
        <v>1</v>
      </c>
      <c r="HX20" s="62">
        <v>15</v>
      </c>
      <c r="HY20" s="63">
        <v>21</v>
      </c>
      <c r="HZ20" s="60">
        <v>11</v>
      </c>
      <c r="IA20" s="61">
        <v>8</v>
      </c>
      <c r="IB20" s="62">
        <v>19</v>
      </c>
      <c r="IC20" s="231"/>
      <c r="ID20" s="61">
        <v>12</v>
      </c>
      <c r="IE20" s="61">
        <v>11</v>
      </c>
      <c r="IF20" s="61">
        <v>4</v>
      </c>
      <c r="IG20" s="61">
        <v>3</v>
      </c>
      <c r="IH20" s="61">
        <v>2</v>
      </c>
      <c r="II20" s="62">
        <v>32</v>
      </c>
      <c r="IJ20" s="63">
        <v>51</v>
      </c>
      <c r="IK20" s="60">
        <v>16</v>
      </c>
      <c r="IL20" s="61">
        <v>15</v>
      </c>
      <c r="IM20" s="62">
        <v>31</v>
      </c>
      <c r="IN20" s="231"/>
      <c r="IO20" s="61">
        <v>30</v>
      </c>
      <c r="IP20" s="61">
        <v>28</v>
      </c>
      <c r="IQ20" s="61">
        <v>13</v>
      </c>
      <c r="IR20" s="61">
        <v>8</v>
      </c>
      <c r="IS20" s="61">
        <v>6</v>
      </c>
      <c r="IT20" s="62">
        <v>85</v>
      </c>
      <c r="IU20" s="63">
        <v>116</v>
      </c>
      <c r="IV20" s="60">
        <v>19</v>
      </c>
      <c r="IW20" s="61">
        <v>17</v>
      </c>
      <c r="IX20" s="62">
        <v>36</v>
      </c>
      <c r="IY20" s="231"/>
      <c r="IZ20" s="61">
        <v>39</v>
      </c>
      <c r="JA20" s="61">
        <v>36</v>
      </c>
      <c r="JB20" s="61">
        <v>23</v>
      </c>
      <c r="JC20" s="61">
        <v>18</v>
      </c>
      <c r="JD20" s="61">
        <v>9</v>
      </c>
      <c r="JE20" s="62">
        <v>125</v>
      </c>
      <c r="JF20" s="63">
        <v>161</v>
      </c>
      <c r="JG20" s="60">
        <v>17</v>
      </c>
      <c r="JH20" s="61">
        <v>15</v>
      </c>
      <c r="JI20" s="62">
        <v>32</v>
      </c>
      <c r="JJ20" s="231"/>
      <c r="JK20" s="61">
        <v>33</v>
      </c>
      <c r="JL20" s="61">
        <v>29</v>
      </c>
      <c r="JM20" s="61">
        <v>24</v>
      </c>
      <c r="JN20" s="61">
        <v>20</v>
      </c>
      <c r="JO20" s="61">
        <v>14</v>
      </c>
      <c r="JP20" s="62">
        <v>120</v>
      </c>
      <c r="JQ20" s="63">
        <v>152</v>
      </c>
      <c r="JR20" s="60">
        <v>0</v>
      </c>
      <c r="JS20" s="61">
        <v>0</v>
      </c>
      <c r="JT20" s="62">
        <v>0</v>
      </c>
      <c r="JU20" s="231"/>
      <c r="JV20" s="61">
        <v>0</v>
      </c>
      <c r="JW20" s="61">
        <v>0</v>
      </c>
      <c r="JX20" s="61">
        <v>0</v>
      </c>
      <c r="JY20" s="61">
        <v>0</v>
      </c>
      <c r="JZ20" s="61">
        <v>0</v>
      </c>
      <c r="KA20" s="62">
        <v>0</v>
      </c>
      <c r="KB20" s="63">
        <v>0</v>
      </c>
      <c r="KC20" s="60">
        <v>65</v>
      </c>
      <c r="KD20" s="61">
        <v>61</v>
      </c>
      <c r="KE20" s="62">
        <v>126</v>
      </c>
      <c r="KF20" s="231"/>
      <c r="KG20" s="61">
        <v>120</v>
      </c>
      <c r="KH20" s="61">
        <v>111</v>
      </c>
      <c r="KI20" s="61">
        <v>70</v>
      </c>
      <c r="KJ20" s="61">
        <v>53</v>
      </c>
      <c r="KK20" s="61">
        <v>34</v>
      </c>
      <c r="KL20" s="62">
        <v>388</v>
      </c>
      <c r="KM20" s="63">
        <v>514</v>
      </c>
    </row>
    <row r="21" spans="2:299" ht="21" customHeight="1" x14ac:dyDescent="0.2">
      <c r="B21" s="472" t="s">
        <v>18</v>
      </c>
      <c r="C21" s="293">
        <v>68</v>
      </c>
      <c r="D21" s="72">
        <v>79</v>
      </c>
      <c r="E21" s="73">
        <v>147</v>
      </c>
      <c r="F21" s="228"/>
      <c r="G21" s="72">
        <v>151</v>
      </c>
      <c r="H21" s="72">
        <v>118</v>
      </c>
      <c r="I21" s="72">
        <v>81</v>
      </c>
      <c r="J21" s="72">
        <v>71</v>
      </c>
      <c r="K21" s="72">
        <v>33</v>
      </c>
      <c r="L21" s="74">
        <v>454</v>
      </c>
      <c r="M21" s="75">
        <v>601</v>
      </c>
      <c r="N21" s="60">
        <v>1</v>
      </c>
      <c r="O21" s="61">
        <v>1</v>
      </c>
      <c r="P21" s="62">
        <v>2</v>
      </c>
      <c r="Q21" s="231"/>
      <c r="R21" s="61">
        <v>4</v>
      </c>
      <c r="S21" s="61">
        <v>1</v>
      </c>
      <c r="T21" s="61">
        <v>2</v>
      </c>
      <c r="U21" s="61">
        <v>2</v>
      </c>
      <c r="V21" s="61">
        <v>1</v>
      </c>
      <c r="W21" s="62">
        <v>10</v>
      </c>
      <c r="X21" s="63">
        <v>12</v>
      </c>
      <c r="Y21" s="60">
        <v>3</v>
      </c>
      <c r="Z21" s="61">
        <v>4</v>
      </c>
      <c r="AA21" s="62">
        <v>7</v>
      </c>
      <c r="AB21" s="231"/>
      <c r="AC21" s="61">
        <v>6</v>
      </c>
      <c r="AD21" s="61">
        <v>4</v>
      </c>
      <c r="AE21" s="61">
        <v>2</v>
      </c>
      <c r="AF21" s="61">
        <v>7</v>
      </c>
      <c r="AG21" s="61">
        <v>2</v>
      </c>
      <c r="AH21" s="62">
        <v>21</v>
      </c>
      <c r="AI21" s="63">
        <v>28</v>
      </c>
      <c r="AJ21" s="60">
        <v>8</v>
      </c>
      <c r="AK21" s="61">
        <v>9</v>
      </c>
      <c r="AL21" s="62">
        <v>17</v>
      </c>
      <c r="AM21" s="231"/>
      <c r="AN21" s="61">
        <v>7</v>
      </c>
      <c r="AO21" s="61">
        <v>8</v>
      </c>
      <c r="AP21" s="61">
        <v>5</v>
      </c>
      <c r="AQ21" s="61">
        <v>4</v>
      </c>
      <c r="AR21" s="61">
        <v>2</v>
      </c>
      <c r="AS21" s="62">
        <v>26</v>
      </c>
      <c r="AT21" s="63">
        <v>43</v>
      </c>
      <c r="AU21" s="60">
        <v>18</v>
      </c>
      <c r="AV21" s="61">
        <v>15</v>
      </c>
      <c r="AW21" s="62">
        <v>33</v>
      </c>
      <c r="AX21" s="231"/>
      <c r="AY21" s="61">
        <v>25</v>
      </c>
      <c r="AZ21" s="61">
        <v>24</v>
      </c>
      <c r="BA21" s="61">
        <v>12</v>
      </c>
      <c r="BB21" s="61">
        <v>13</v>
      </c>
      <c r="BC21" s="61">
        <v>8</v>
      </c>
      <c r="BD21" s="62">
        <v>82</v>
      </c>
      <c r="BE21" s="63">
        <v>115</v>
      </c>
      <c r="BF21" s="60">
        <v>20</v>
      </c>
      <c r="BG21" s="61">
        <v>28</v>
      </c>
      <c r="BH21" s="62">
        <v>48</v>
      </c>
      <c r="BI21" s="231"/>
      <c r="BJ21" s="61">
        <v>58</v>
      </c>
      <c r="BK21" s="61">
        <v>37</v>
      </c>
      <c r="BL21" s="61">
        <v>30</v>
      </c>
      <c r="BM21" s="61">
        <v>22</v>
      </c>
      <c r="BN21" s="61">
        <v>10</v>
      </c>
      <c r="BO21" s="62">
        <v>157</v>
      </c>
      <c r="BP21" s="63">
        <v>205</v>
      </c>
      <c r="BQ21" s="60">
        <v>18</v>
      </c>
      <c r="BR21" s="61">
        <v>22</v>
      </c>
      <c r="BS21" s="62">
        <v>40</v>
      </c>
      <c r="BT21" s="231"/>
      <c r="BU21" s="61">
        <v>51</v>
      </c>
      <c r="BV21" s="61">
        <v>44</v>
      </c>
      <c r="BW21" s="61">
        <v>30</v>
      </c>
      <c r="BX21" s="61">
        <v>23</v>
      </c>
      <c r="BY21" s="61">
        <v>10</v>
      </c>
      <c r="BZ21" s="62">
        <v>158</v>
      </c>
      <c r="CA21" s="63">
        <v>198</v>
      </c>
      <c r="CB21" s="60">
        <v>0</v>
      </c>
      <c r="CC21" s="61">
        <v>0</v>
      </c>
      <c r="CD21" s="62">
        <v>0</v>
      </c>
      <c r="CE21" s="231"/>
      <c r="CF21" s="61">
        <v>0</v>
      </c>
      <c r="CG21" s="61">
        <v>0</v>
      </c>
      <c r="CH21" s="61">
        <v>0</v>
      </c>
      <c r="CI21" s="61">
        <v>0</v>
      </c>
      <c r="CJ21" s="61">
        <v>0</v>
      </c>
      <c r="CK21" s="62">
        <v>0</v>
      </c>
      <c r="CL21" s="63">
        <v>0</v>
      </c>
      <c r="CM21" s="60">
        <v>68</v>
      </c>
      <c r="CN21" s="61">
        <v>79</v>
      </c>
      <c r="CO21" s="62">
        <v>147</v>
      </c>
      <c r="CP21" s="231"/>
      <c r="CQ21" s="61">
        <v>151</v>
      </c>
      <c r="CR21" s="61">
        <v>118</v>
      </c>
      <c r="CS21" s="61">
        <v>81</v>
      </c>
      <c r="CT21" s="61">
        <v>71</v>
      </c>
      <c r="CU21" s="61">
        <v>33</v>
      </c>
      <c r="CV21" s="62">
        <v>454</v>
      </c>
      <c r="CW21" s="63">
        <v>601</v>
      </c>
      <c r="CX21" s="113">
        <v>11</v>
      </c>
      <c r="CY21" s="72">
        <v>17</v>
      </c>
      <c r="CZ21" s="73">
        <v>28</v>
      </c>
      <c r="DA21" s="228"/>
      <c r="DB21" s="72">
        <v>18</v>
      </c>
      <c r="DC21" s="72">
        <v>13</v>
      </c>
      <c r="DD21" s="72">
        <v>8</v>
      </c>
      <c r="DE21" s="72">
        <v>8</v>
      </c>
      <c r="DF21" s="72">
        <v>4</v>
      </c>
      <c r="DG21" s="74">
        <v>51</v>
      </c>
      <c r="DH21" s="75">
        <v>79</v>
      </c>
      <c r="DI21" s="60">
        <v>0</v>
      </c>
      <c r="DJ21" s="61">
        <v>0</v>
      </c>
      <c r="DK21" s="62">
        <v>0</v>
      </c>
      <c r="DL21" s="231"/>
      <c r="DM21" s="61">
        <v>1</v>
      </c>
      <c r="DN21" s="61">
        <v>0</v>
      </c>
      <c r="DO21" s="61">
        <v>0</v>
      </c>
      <c r="DP21" s="61">
        <v>0</v>
      </c>
      <c r="DQ21" s="61">
        <v>0</v>
      </c>
      <c r="DR21" s="62">
        <v>1</v>
      </c>
      <c r="DS21" s="63">
        <v>1</v>
      </c>
      <c r="DT21" s="60">
        <v>0</v>
      </c>
      <c r="DU21" s="61">
        <v>3</v>
      </c>
      <c r="DV21" s="62">
        <v>3</v>
      </c>
      <c r="DW21" s="231"/>
      <c r="DX21" s="61">
        <v>1</v>
      </c>
      <c r="DY21" s="61">
        <v>1</v>
      </c>
      <c r="DZ21" s="61">
        <v>1</v>
      </c>
      <c r="EA21" s="61">
        <v>0</v>
      </c>
      <c r="EB21" s="61">
        <v>0</v>
      </c>
      <c r="EC21" s="62">
        <v>3</v>
      </c>
      <c r="ED21" s="63">
        <v>6</v>
      </c>
      <c r="EE21" s="60">
        <v>1</v>
      </c>
      <c r="EF21" s="61">
        <v>3</v>
      </c>
      <c r="EG21" s="62">
        <v>4</v>
      </c>
      <c r="EH21" s="231"/>
      <c r="EI21" s="61">
        <v>1</v>
      </c>
      <c r="EJ21" s="61">
        <v>1</v>
      </c>
      <c r="EK21" s="61">
        <v>0</v>
      </c>
      <c r="EL21" s="61">
        <v>1</v>
      </c>
      <c r="EM21" s="61">
        <v>1</v>
      </c>
      <c r="EN21" s="62">
        <v>4</v>
      </c>
      <c r="EO21" s="63">
        <v>8</v>
      </c>
      <c r="EP21" s="60">
        <v>5</v>
      </c>
      <c r="EQ21" s="61">
        <v>7</v>
      </c>
      <c r="ER21" s="62">
        <v>12</v>
      </c>
      <c r="ES21" s="231"/>
      <c r="ET21" s="61">
        <v>4</v>
      </c>
      <c r="EU21" s="61">
        <v>1</v>
      </c>
      <c r="EV21" s="61">
        <v>3</v>
      </c>
      <c r="EW21" s="61">
        <v>0</v>
      </c>
      <c r="EX21" s="61">
        <v>0</v>
      </c>
      <c r="EY21" s="62">
        <v>8</v>
      </c>
      <c r="EZ21" s="63">
        <v>20</v>
      </c>
      <c r="FA21" s="60">
        <v>2</v>
      </c>
      <c r="FB21" s="61">
        <v>3</v>
      </c>
      <c r="FC21" s="62">
        <v>5</v>
      </c>
      <c r="FD21" s="231"/>
      <c r="FE21" s="61">
        <v>8</v>
      </c>
      <c r="FF21" s="61">
        <v>7</v>
      </c>
      <c r="FG21" s="61">
        <v>2</v>
      </c>
      <c r="FH21" s="61">
        <v>3</v>
      </c>
      <c r="FI21" s="61">
        <v>1</v>
      </c>
      <c r="FJ21" s="62">
        <v>21</v>
      </c>
      <c r="FK21" s="63">
        <v>26</v>
      </c>
      <c r="FL21" s="60">
        <v>3</v>
      </c>
      <c r="FM21" s="61">
        <v>1</v>
      </c>
      <c r="FN21" s="62">
        <v>4</v>
      </c>
      <c r="FO21" s="231"/>
      <c r="FP21" s="61">
        <v>3</v>
      </c>
      <c r="FQ21" s="61">
        <v>3</v>
      </c>
      <c r="FR21" s="61">
        <v>2</v>
      </c>
      <c r="FS21" s="61">
        <v>4</v>
      </c>
      <c r="FT21" s="61">
        <v>2</v>
      </c>
      <c r="FU21" s="62">
        <v>14</v>
      </c>
      <c r="FV21" s="63">
        <v>18</v>
      </c>
      <c r="FW21" s="60">
        <v>0</v>
      </c>
      <c r="FX21" s="61">
        <v>0</v>
      </c>
      <c r="FY21" s="62">
        <v>0</v>
      </c>
      <c r="FZ21" s="231"/>
      <c r="GA21" s="61">
        <v>0</v>
      </c>
      <c r="GB21" s="61">
        <v>0</v>
      </c>
      <c r="GC21" s="61">
        <v>0</v>
      </c>
      <c r="GD21" s="61">
        <v>0</v>
      </c>
      <c r="GE21" s="61">
        <v>0</v>
      </c>
      <c r="GF21" s="62">
        <v>0</v>
      </c>
      <c r="GG21" s="63">
        <v>0</v>
      </c>
      <c r="GH21" s="60">
        <v>11</v>
      </c>
      <c r="GI21" s="61">
        <v>17</v>
      </c>
      <c r="GJ21" s="62">
        <v>28</v>
      </c>
      <c r="GK21" s="231"/>
      <c r="GL21" s="61">
        <v>18</v>
      </c>
      <c r="GM21" s="61">
        <v>13</v>
      </c>
      <c r="GN21" s="61">
        <v>8</v>
      </c>
      <c r="GO21" s="61">
        <v>8</v>
      </c>
      <c r="GP21" s="61">
        <v>4</v>
      </c>
      <c r="GQ21" s="62">
        <v>51</v>
      </c>
      <c r="GR21" s="63">
        <v>79</v>
      </c>
      <c r="GS21" s="113">
        <v>79</v>
      </c>
      <c r="GT21" s="72">
        <v>96</v>
      </c>
      <c r="GU21" s="73">
        <v>175</v>
      </c>
      <c r="GV21" s="228"/>
      <c r="GW21" s="72">
        <v>169</v>
      </c>
      <c r="GX21" s="72">
        <v>131</v>
      </c>
      <c r="GY21" s="72">
        <v>89</v>
      </c>
      <c r="GZ21" s="72">
        <v>79</v>
      </c>
      <c r="HA21" s="72">
        <v>37</v>
      </c>
      <c r="HB21" s="74">
        <v>505</v>
      </c>
      <c r="HC21" s="75">
        <v>680</v>
      </c>
      <c r="HD21" s="60">
        <v>1</v>
      </c>
      <c r="HE21" s="61">
        <v>1</v>
      </c>
      <c r="HF21" s="62">
        <v>2</v>
      </c>
      <c r="HG21" s="231"/>
      <c r="HH21" s="61">
        <v>5</v>
      </c>
      <c r="HI21" s="61">
        <v>1</v>
      </c>
      <c r="HJ21" s="61">
        <v>2</v>
      </c>
      <c r="HK21" s="61">
        <v>2</v>
      </c>
      <c r="HL21" s="61">
        <v>1</v>
      </c>
      <c r="HM21" s="62">
        <v>11</v>
      </c>
      <c r="HN21" s="63">
        <v>13</v>
      </c>
      <c r="HO21" s="60">
        <v>3</v>
      </c>
      <c r="HP21" s="61">
        <v>7</v>
      </c>
      <c r="HQ21" s="62">
        <v>10</v>
      </c>
      <c r="HR21" s="231"/>
      <c r="HS21" s="61">
        <v>7</v>
      </c>
      <c r="HT21" s="61">
        <v>5</v>
      </c>
      <c r="HU21" s="61">
        <v>3</v>
      </c>
      <c r="HV21" s="61">
        <v>7</v>
      </c>
      <c r="HW21" s="61">
        <v>2</v>
      </c>
      <c r="HX21" s="62">
        <v>24</v>
      </c>
      <c r="HY21" s="63">
        <v>34</v>
      </c>
      <c r="HZ21" s="60">
        <v>9</v>
      </c>
      <c r="IA21" s="61">
        <v>12</v>
      </c>
      <c r="IB21" s="62">
        <v>21</v>
      </c>
      <c r="IC21" s="231"/>
      <c r="ID21" s="61">
        <v>8</v>
      </c>
      <c r="IE21" s="61">
        <v>9</v>
      </c>
      <c r="IF21" s="61">
        <v>5</v>
      </c>
      <c r="IG21" s="61">
        <v>5</v>
      </c>
      <c r="IH21" s="61">
        <v>3</v>
      </c>
      <c r="II21" s="62">
        <v>30</v>
      </c>
      <c r="IJ21" s="63">
        <v>51</v>
      </c>
      <c r="IK21" s="60">
        <v>23</v>
      </c>
      <c r="IL21" s="61">
        <v>22</v>
      </c>
      <c r="IM21" s="62">
        <v>45</v>
      </c>
      <c r="IN21" s="231"/>
      <c r="IO21" s="61">
        <v>29</v>
      </c>
      <c r="IP21" s="61">
        <v>25</v>
      </c>
      <c r="IQ21" s="61">
        <v>15</v>
      </c>
      <c r="IR21" s="61">
        <v>13</v>
      </c>
      <c r="IS21" s="61">
        <v>8</v>
      </c>
      <c r="IT21" s="62">
        <v>90</v>
      </c>
      <c r="IU21" s="63">
        <v>135</v>
      </c>
      <c r="IV21" s="60">
        <v>22</v>
      </c>
      <c r="IW21" s="61">
        <v>31</v>
      </c>
      <c r="IX21" s="62">
        <v>53</v>
      </c>
      <c r="IY21" s="231"/>
      <c r="IZ21" s="61">
        <v>66</v>
      </c>
      <c r="JA21" s="61">
        <v>44</v>
      </c>
      <c r="JB21" s="61">
        <v>32</v>
      </c>
      <c r="JC21" s="61">
        <v>25</v>
      </c>
      <c r="JD21" s="61">
        <v>11</v>
      </c>
      <c r="JE21" s="62">
        <v>178</v>
      </c>
      <c r="JF21" s="63">
        <v>231</v>
      </c>
      <c r="JG21" s="60">
        <v>21</v>
      </c>
      <c r="JH21" s="61">
        <v>23</v>
      </c>
      <c r="JI21" s="62">
        <v>44</v>
      </c>
      <c r="JJ21" s="231"/>
      <c r="JK21" s="61">
        <v>54</v>
      </c>
      <c r="JL21" s="61">
        <v>47</v>
      </c>
      <c r="JM21" s="61">
        <v>32</v>
      </c>
      <c r="JN21" s="61">
        <v>27</v>
      </c>
      <c r="JO21" s="61">
        <v>12</v>
      </c>
      <c r="JP21" s="62">
        <v>172</v>
      </c>
      <c r="JQ21" s="63">
        <v>216</v>
      </c>
      <c r="JR21" s="60">
        <v>0</v>
      </c>
      <c r="JS21" s="61">
        <v>0</v>
      </c>
      <c r="JT21" s="62">
        <v>0</v>
      </c>
      <c r="JU21" s="231"/>
      <c r="JV21" s="61">
        <v>0</v>
      </c>
      <c r="JW21" s="61">
        <v>0</v>
      </c>
      <c r="JX21" s="61">
        <v>0</v>
      </c>
      <c r="JY21" s="61">
        <v>0</v>
      </c>
      <c r="JZ21" s="61">
        <v>0</v>
      </c>
      <c r="KA21" s="62">
        <v>0</v>
      </c>
      <c r="KB21" s="63">
        <v>0</v>
      </c>
      <c r="KC21" s="60">
        <v>79</v>
      </c>
      <c r="KD21" s="61">
        <v>96</v>
      </c>
      <c r="KE21" s="62">
        <v>175</v>
      </c>
      <c r="KF21" s="231"/>
      <c r="KG21" s="61">
        <v>169</v>
      </c>
      <c r="KH21" s="61">
        <v>131</v>
      </c>
      <c r="KI21" s="61">
        <v>89</v>
      </c>
      <c r="KJ21" s="61">
        <v>79</v>
      </c>
      <c r="KK21" s="61">
        <v>37</v>
      </c>
      <c r="KL21" s="62">
        <v>505</v>
      </c>
      <c r="KM21" s="63">
        <v>680</v>
      </c>
    </row>
    <row r="22" spans="2:299" ht="21" customHeight="1" x14ac:dyDescent="0.2">
      <c r="B22" s="472" t="s">
        <v>19</v>
      </c>
      <c r="C22" s="293">
        <v>39</v>
      </c>
      <c r="D22" s="72">
        <v>28</v>
      </c>
      <c r="E22" s="73">
        <v>67</v>
      </c>
      <c r="F22" s="228"/>
      <c r="G22" s="72">
        <v>77</v>
      </c>
      <c r="H22" s="72">
        <v>45</v>
      </c>
      <c r="I22" s="72">
        <v>29</v>
      </c>
      <c r="J22" s="72">
        <v>18</v>
      </c>
      <c r="K22" s="72">
        <v>14</v>
      </c>
      <c r="L22" s="74">
        <v>183</v>
      </c>
      <c r="M22" s="75">
        <v>250</v>
      </c>
      <c r="N22" s="76">
        <v>0</v>
      </c>
      <c r="O22" s="61">
        <v>1</v>
      </c>
      <c r="P22" s="62">
        <v>1</v>
      </c>
      <c r="Q22" s="231"/>
      <c r="R22" s="61">
        <v>1</v>
      </c>
      <c r="S22" s="61">
        <v>1</v>
      </c>
      <c r="T22" s="61">
        <v>1</v>
      </c>
      <c r="U22" s="61">
        <v>0</v>
      </c>
      <c r="V22" s="61">
        <v>0</v>
      </c>
      <c r="W22" s="62">
        <v>3</v>
      </c>
      <c r="X22" s="63">
        <v>4</v>
      </c>
      <c r="Y22" s="60">
        <v>0</v>
      </c>
      <c r="Z22" s="61">
        <v>1</v>
      </c>
      <c r="AA22" s="62">
        <v>1</v>
      </c>
      <c r="AB22" s="231"/>
      <c r="AC22" s="61">
        <v>3</v>
      </c>
      <c r="AD22" s="61">
        <v>4</v>
      </c>
      <c r="AE22" s="61">
        <v>0</v>
      </c>
      <c r="AF22" s="61">
        <v>1</v>
      </c>
      <c r="AG22" s="61">
        <v>0</v>
      </c>
      <c r="AH22" s="62">
        <v>8</v>
      </c>
      <c r="AI22" s="63">
        <v>9</v>
      </c>
      <c r="AJ22" s="76">
        <v>5</v>
      </c>
      <c r="AK22" s="61">
        <v>2</v>
      </c>
      <c r="AL22" s="62">
        <v>7</v>
      </c>
      <c r="AM22" s="231"/>
      <c r="AN22" s="61">
        <v>2</v>
      </c>
      <c r="AO22" s="61">
        <v>1</v>
      </c>
      <c r="AP22" s="61">
        <v>5</v>
      </c>
      <c r="AQ22" s="61">
        <v>1</v>
      </c>
      <c r="AR22" s="61">
        <v>1</v>
      </c>
      <c r="AS22" s="62">
        <v>10</v>
      </c>
      <c r="AT22" s="63">
        <v>17</v>
      </c>
      <c r="AU22" s="60">
        <v>8</v>
      </c>
      <c r="AV22" s="61">
        <v>6</v>
      </c>
      <c r="AW22" s="62">
        <v>14</v>
      </c>
      <c r="AX22" s="231"/>
      <c r="AY22" s="61">
        <v>14</v>
      </c>
      <c r="AZ22" s="61">
        <v>5</v>
      </c>
      <c r="BA22" s="61">
        <v>4</v>
      </c>
      <c r="BB22" s="61">
        <v>5</v>
      </c>
      <c r="BC22" s="61">
        <v>5</v>
      </c>
      <c r="BD22" s="62">
        <v>33</v>
      </c>
      <c r="BE22" s="63">
        <v>47</v>
      </c>
      <c r="BF22" s="76">
        <v>12</v>
      </c>
      <c r="BG22" s="61">
        <v>12</v>
      </c>
      <c r="BH22" s="62">
        <v>24</v>
      </c>
      <c r="BI22" s="231"/>
      <c r="BJ22" s="61">
        <v>35</v>
      </c>
      <c r="BK22" s="61">
        <v>15</v>
      </c>
      <c r="BL22" s="61">
        <v>8</v>
      </c>
      <c r="BM22" s="61">
        <v>6</v>
      </c>
      <c r="BN22" s="61">
        <v>4</v>
      </c>
      <c r="BO22" s="62">
        <v>68</v>
      </c>
      <c r="BP22" s="63">
        <v>92</v>
      </c>
      <c r="BQ22" s="60">
        <v>14</v>
      </c>
      <c r="BR22" s="61">
        <v>6</v>
      </c>
      <c r="BS22" s="62">
        <v>20</v>
      </c>
      <c r="BT22" s="231"/>
      <c r="BU22" s="61">
        <v>22</v>
      </c>
      <c r="BV22" s="61">
        <v>19</v>
      </c>
      <c r="BW22" s="61">
        <v>11</v>
      </c>
      <c r="BX22" s="61">
        <v>5</v>
      </c>
      <c r="BY22" s="61">
        <v>4</v>
      </c>
      <c r="BZ22" s="62">
        <v>61</v>
      </c>
      <c r="CA22" s="63">
        <v>81</v>
      </c>
      <c r="CB22" s="60">
        <v>0</v>
      </c>
      <c r="CC22" s="61">
        <v>0</v>
      </c>
      <c r="CD22" s="62">
        <v>0</v>
      </c>
      <c r="CE22" s="231"/>
      <c r="CF22" s="61">
        <v>0</v>
      </c>
      <c r="CG22" s="61">
        <v>0</v>
      </c>
      <c r="CH22" s="61">
        <v>0</v>
      </c>
      <c r="CI22" s="61">
        <v>0</v>
      </c>
      <c r="CJ22" s="61">
        <v>0</v>
      </c>
      <c r="CK22" s="62">
        <v>0</v>
      </c>
      <c r="CL22" s="63">
        <v>0</v>
      </c>
      <c r="CM22" s="60">
        <v>39</v>
      </c>
      <c r="CN22" s="61">
        <v>28</v>
      </c>
      <c r="CO22" s="62">
        <v>67</v>
      </c>
      <c r="CP22" s="231"/>
      <c r="CQ22" s="61">
        <v>77</v>
      </c>
      <c r="CR22" s="61">
        <v>45</v>
      </c>
      <c r="CS22" s="61">
        <v>29</v>
      </c>
      <c r="CT22" s="61">
        <v>18</v>
      </c>
      <c r="CU22" s="61">
        <v>14</v>
      </c>
      <c r="CV22" s="62">
        <v>183</v>
      </c>
      <c r="CW22" s="63">
        <v>250</v>
      </c>
      <c r="CX22" s="113">
        <v>3</v>
      </c>
      <c r="CY22" s="72">
        <v>6</v>
      </c>
      <c r="CZ22" s="73">
        <v>9</v>
      </c>
      <c r="DA22" s="228"/>
      <c r="DB22" s="72">
        <v>9</v>
      </c>
      <c r="DC22" s="72">
        <v>6</v>
      </c>
      <c r="DD22" s="72">
        <v>7</v>
      </c>
      <c r="DE22" s="72">
        <v>2</v>
      </c>
      <c r="DF22" s="72">
        <v>6</v>
      </c>
      <c r="DG22" s="74">
        <v>30</v>
      </c>
      <c r="DH22" s="75">
        <v>39</v>
      </c>
      <c r="DI22" s="76">
        <v>1</v>
      </c>
      <c r="DJ22" s="61">
        <v>0</v>
      </c>
      <c r="DK22" s="62">
        <v>1</v>
      </c>
      <c r="DL22" s="231"/>
      <c r="DM22" s="61">
        <v>0</v>
      </c>
      <c r="DN22" s="61">
        <v>0</v>
      </c>
      <c r="DO22" s="61">
        <v>0</v>
      </c>
      <c r="DP22" s="61">
        <v>0</v>
      </c>
      <c r="DQ22" s="61">
        <v>1</v>
      </c>
      <c r="DR22" s="62">
        <v>1</v>
      </c>
      <c r="DS22" s="63">
        <v>2</v>
      </c>
      <c r="DT22" s="60">
        <v>0</v>
      </c>
      <c r="DU22" s="61">
        <v>0</v>
      </c>
      <c r="DV22" s="62">
        <v>0</v>
      </c>
      <c r="DW22" s="231"/>
      <c r="DX22" s="61">
        <v>0</v>
      </c>
      <c r="DY22" s="61">
        <v>0</v>
      </c>
      <c r="DZ22" s="61">
        <v>0</v>
      </c>
      <c r="EA22" s="61">
        <v>0</v>
      </c>
      <c r="EB22" s="61">
        <v>0</v>
      </c>
      <c r="EC22" s="62">
        <v>0</v>
      </c>
      <c r="ED22" s="63">
        <v>0</v>
      </c>
      <c r="EE22" s="76">
        <v>1</v>
      </c>
      <c r="EF22" s="61">
        <v>2</v>
      </c>
      <c r="EG22" s="62">
        <v>3</v>
      </c>
      <c r="EH22" s="231"/>
      <c r="EI22" s="61">
        <v>1</v>
      </c>
      <c r="EJ22" s="61">
        <v>0</v>
      </c>
      <c r="EK22" s="61">
        <v>0</v>
      </c>
      <c r="EL22" s="61">
        <v>0</v>
      </c>
      <c r="EM22" s="61">
        <v>0</v>
      </c>
      <c r="EN22" s="62">
        <v>1</v>
      </c>
      <c r="EO22" s="63">
        <v>4</v>
      </c>
      <c r="EP22" s="60">
        <v>1</v>
      </c>
      <c r="EQ22" s="61">
        <v>2</v>
      </c>
      <c r="ER22" s="62">
        <v>3</v>
      </c>
      <c r="ES22" s="231"/>
      <c r="ET22" s="61">
        <v>1</v>
      </c>
      <c r="EU22" s="61">
        <v>1</v>
      </c>
      <c r="EV22" s="61">
        <v>1</v>
      </c>
      <c r="EW22" s="61">
        <v>0</v>
      </c>
      <c r="EX22" s="61">
        <v>0</v>
      </c>
      <c r="EY22" s="62">
        <v>3</v>
      </c>
      <c r="EZ22" s="63">
        <v>6</v>
      </c>
      <c r="FA22" s="76">
        <v>0</v>
      </c>
      <c r="FB22" s="61">
        <v>1</v>
      </c>
      <c r="FC22" s="62">
        <v>1</v>
      </c>
      <c r="FD22" s="231"/>
      <c r="FE22" s="61">
        <v>4</v>
      </c>
      <c r="FF22" s="61">
        <v>3</v>
      </c>
      <c r="FG22" s="61">
        <v>2</v>
      </c>
      <c r="FH22" s="61">
        <v>1</v>
      </c>
      <c r="FI22" s="61">
        <v>1</v>
      </c>
      <c r="FJ22" s="62">
        <v>11</v>
      </c>
      <c r="FK22" s="63">
        <v>12</v>
      </c>
      <c r="FL22" s="60">
        <v>0</v>
      </c>
      <c r="FM22" s="61">
        <v>1</v>
      </c>
      <c r="FN22" s="62">
        <v>1</v>
      </c>
      <c r="FO22" s="231"/>
      <c r="FP22" s="61">
        <v>3</v>
      </c>
      <c r="FQ22" s="61">
        <v>2</v>
      </c>
      <c r="FR22" s="61">
        <v>4</v>
      </c>
      <c r="FS22" s="61">
        <v>1</v>
      </c>
      <c r="FT22" s="61">
        <v>4</v>
      </c>
      <c r="FU22" s="62">
        <v>14</v>
      </c>
      <c r="FV22" s="63">
        <v>15</v>
      </c>
      <c r="FW22" s="60">
        <v>0</v>
      </c>
      <c r="FX22" s="61">
        <v>0</v>
      </c>
      <c r="FY22" s="62">
        <v>0</v>
      </c>
      <c r="FZ22" s="231"/>
      <c r="GA22" s="61">
        <v>0</v>
      </c>
      <c r="GB22" s="61">
        <v>0</v>
      </c>
      <c r="GC22" s="61">
        <v>0</v>
      </c>
      <c r="GD22" s="61">
        <v>0</v>
      </c>
      <c r="GE22" s="61">
        <v>0</v>
      </c>
      <c r="GF22" s="62">
        <v>0</v>
      </c>
      <c r="GG22" s="63">
        <v>0</v>
      </c>
      <c r="GH22" s="60">
        <v>3</v>
      </c>
      <c r="GI22" s="61">
        <v>6</v>
      </c>
      <c r="GJ22" s="62">
        <v>9</v>
      </c>
      <c r="GK22" s="231"/>
      <c r="GL22" s="61">
        <v>9</v>
      </c>
      <c r="GM22" s="61">
        <v>6</v>
      </c>
      <c r="GN22" s="61">
        <v>7</v>
      </c>
      <c r="GO22" s="61">
        <v>2</v>
      </c>
      <c r="GP22" s="61">
        <v>6</v>
      </c>
      <c r="GQ22" s="62">
        <v>30</v>
      </c>
      <c r="GR22" s="63">
        <v>39</v>
      </c>
      <c r="GS22" s="113">
        <v>42</v>
      </c>
      <c r="GT22" s="72">
        <v>34</v>
      </c>
      <c r="GU22" s="73">
        <v>76</v>
      </c>
      <c r="GV22" s="228"/>
      <c r="GW22" s="72">
        <v>86</v>
      </c>
      <c r="GX22" s="72">
        <v>51</v>
      </c>
      <c r="GY22" s="72">
        <v>36</v>
      </c>
      <c r="GZ22" s="72">
        <v>20</v>
      </c>
      <c r="HA22" s="72">
        <v>20</v>
      </c>
      <c r="HB22" s="74">
        <v>213</v>
      </c>
      <c r="HC22" s="75">
        <v>289</v>
      </c>
      <c r="HD22" s="76">
        <v>1</v>
      </c>
      <c r="HE22" s="61">
        <v>1</v>
      </c>
      <c r="HF22" s="62">
        <v>2</v>
      </c>
      <c r="HG22" s="231"/>
      <c r="HH22" s="61">
        <v>1</v>
      </c>
      <c r="HI22" s="61">
        <v>1</v>
      </c>
      <c r="HJ22" s="61">
        <v>1</v>
      </c>
      <c r="HK22" s="61">
        <v>0</v>
      </c>
      <c r="HL22" s="61">
        <v>1</v>
      </c>
      <c r="HM22" s="62">
        <v>4</v>
      </c>
      <c r="HN22" s="63">
        <v>6</v>
      </c>
      <c r="HO22" s="60">
        <v>0</v>
      </c>
      <c r="HP22" s="61">
        <v>1</v>
      </c>
      <c r="HQ22" s="62">
        <v>1</v>
      </c>
      <c r="HR22" s="231"/>
      <c r="HS22" s="61">
        <v>3</v>
      </c>
      <c r="HT22" s="61">
        <v>4</v>
      </c>
      <c r="HU22" s="61">
        <v>0</v>
      </c>
      <c r="HV22" s="61">
        <v>1</v>
      </c>
      <c r="HW22" s="61">
        <v>0</v>
      </c>
      <c r="HX22" s="62">
        <v>8</v>
      </c>
      <c r="HY22" s="63">
        <v>9</v>
      </c>
      <c r="HZ22" s="76">
        <v>6</v>
      </c>
      <c r="IA22" s="61">
        <v>4</v>
      </c>
      <c r="IB22" s="62">
        <v>10</v>
      </c>
      <c r="IC22" s="231"/>
      <c r="ID22" s="61">
        <v>3</v>
      </c>
      <c r="IE22" s="61">
        <v>1</v>
      </c>
      <c r="IF22" s="61">
        <v>5</v>
      </c>
      <c r="IG22" s="61">
        <v>1</v>
      </c>
      <c r="IH22" s="61">
        <v>1</v>
      </c>
      <c r="II22" s="62">
        <v>11</v>
      </c>
      <c r="IJ22" s="63">
        <v>21</v>
      </c>
      <c r="IK22" s="60">
        <v>9</v>
      </c>
      <c r="IL22" s="61">
        <v>8</v>
      </c>
      <c r="IM22" s="62">
        <v>17</v>
      </c>
      <c r="IN22" s="231"/>
      <c r="IO22" s="61">
        <v>15</v>
      </c>
      <c r="IP22" s="61">
        <v>6</v>
      </c>
      <c r="IQ22" s="61">
        <v>5</v>
      </c>
      <c r="IR22" s="61">
        <v>5</v>
      </c>
      <c r="IS22" s="61">
        <v>5</v>
      </c>
      <c r="IT22" s="62">
        <v>36</v>
      </c>
      <c r="IU22" s="63">
        <v>53</v>
      </c>
      <c r="IV22" s="76">
        <v>12</v>
      </c>
      <c r="IW22" s="61">
        <v>13</v>
      </c>
      <c r="IX22" s="62">
        <v>25</v>
      </c>
      <c r="IY22" s="231"/>
      <c r="IZ22" s="61">
        <v>39</v>
      </c>
      <c r="JA22" s="61">
        <v>18</v>
      </c>
      <c r="JB22" s="61">
        <v>10</v>
      </c>
      <c r="JC22" s="61">
        <v>7</v>
      </c>
      <c r="JD22" s="61">
        <v>5</v>
      </c>
      <c r="JE22" s="62">
        <v>79</v>
      </c>
      <c r="JF22" s="63">
        <v>104</v>
      </c>
      <c r="JG22" s="60">
        <v>14</v>
      </c>
      <c r="JH22" s="61">
        <v>7</v>
      </c>
      <c r="JI22" s="62">
        <v>21</v>
      </c>
      <c r="JJ22" s="231"/>
      <c r="JK22" s="61">
        <v>25</v>
      </c>
      <c r="JL22" s="61">
        <v>21</v>
      </c>
      <c r="JM22" s="61">
        <v>15</v>
      </c>
      <c r="JN22" s="61">
        <v>6</v>
      </c>
      <c r="JO22" s="61">
        <v>8</v>
      </c>
      <c r="JP22" s="62">
        <v>75</v>
      </c>
      <c r="JQ22" s="63">
        <v>96</v>
      </c>
      <c r="JR22" s="60">
        <v>0</v>
      </c>
      <c r="JS22" s="61">
        <v>0</v>
      </c>
      <c r="JT22" s="62">
        <v>0</v>
      </c>
      <c r="JU22" s="231"/>
      <c r="JV22" s="61">
        <v>0</v>
      </c>
      <c r="JW22" s="61">
        <v>0</v>
      </c>
      <c r="JX22" s="61">
        <v>0</v>
      </c>
      <c r="JY22" s="61">
        <v>0</v>
      </c>
      <c r="JZ22" s="61">
        <v>0</v>
      </c>
      <c r="KA22" s="62">
        <v>0</v>
      </c>
      <c r="KB22" s="63">
        <v>0</v>
      </c>
      <c r="KC22" s="60">
        <v>42</v>
      </c>
      <c r="KD22" s="61">
        <v>34</v>
      </c>
      <c r="KE22" s="62">
        <v>76</v>
      </c>
      <c r="KF22" s="231"/>
      <c r="KG22" s="61">
        <v>86</v>
      </c>
      <c r="KH22" s="61">
        <v>51</v>
      </c>
      <c r="KI22" s="61">
        <v>36</v>
      </c>
      <c r="KJ22" s="61">
        <v>20</v>
      </c>
      <c r="KK22" s="61">
        <v>20</v>
      </c>
      <c r="KL22" s="62">
        <v>213</v>
      </c>
      <c r="KM22" s="63">
        <v>289</v>
      </c>
    </row>
    <row r="23" spans="2:299" ht="21" customHeight="1" x14ac:dyDescent="0.2">
      <c r="B23" s="472" t="s">
        <v>20</v>
      </c>
      <c r="C23" s="293">
        <v>56</v>
      </c>
      <c r="D23" s="72">
        <v>63</v>
      </c>
      <c r="E23" s="73">
        <v>119</v>
      </c>
      <c r="F23" s="228"/>
      <c r="G23" s="72">
        <v>108</v>
      </c>
      <c r="H23" s="72">
        <v>69</v>
      </c>
      <c r="I23" s="72">
        <v>48</v>
      </c>
      <c r="J23" s="72">
        <v>39</v>
      </c>
      <c r="K23" s="72">
        <v>22</v>
      </c>
      <c r="L23" s="74">
        <v>286</v>
      </c>
      <c r="M23" s="75">
        <v>405</v>
      </c>
      <c r="N23" s="60">
        <v>0</v>
      </c>
      <c r="O23" s="61">
        <v>1</v>
      </c>
      <c r="P23" s="62">
        <v>1</v>
      </c>
      <c r="Q23" s="231"/>
      <c r="R23" s="61">
        <v>0</v>
      </c>
      <c r="S23" s="61">
        <v>2</v>
      </c>
      <c r="T23" s="61">
        <v>2</v>
      </c>
      <c r="U23" s="61">
        <v>0</v>
      </c>
      <c r="V23" s="61">
        <v>0</v>
      </c>
      <c r="W23" s="62">
        <v>4</v>
      </c>
      <c r="X23" s="63">
        <v>5</v>
      </c>
      <c r="Y23" s="60">
        <v>0</v>
      </c>
      <c r="Z23" s="61">
        <v>0</v>
      </c>
      <c r="AA23" s="62">
        <v>0</v>
      </c>
      <c r="AB23" s="231"/>
      <c r="AC23" s="61">
        <v>6</v>
      </c>
      <c r="AD23" s="61">
        <v>3</v>
      </c>
      <c r="AE23" s="61">
        <v>1</v>
      </c>
      <c r="AF23" s="61">
        <v>1</v>
      </c>
      <c r="AG23" s="61">
        <v>0</v>
      </c>
      <c r="AH23" s="62">
        <v>11</v>
      </c>
      <c r="AI23" s="63">
        <v>11</v>
      </c>
      <c r="AJ23" s="60">
        <v>9</v>
      </c>
      <c r="AK23" s="61">
        <v>6</v>
      </c>
      <c r="AL23" s="62">
        <v>15</v>
      </c>
      <c r="AM23" s="231"/>
      <c r="AN23" s="61">
        <v>7</v>
      </c>
      <c r="AO23" s="61">
        <v>6</v>
      </c>
      <c r="AP23" s="61">
        <v>7</v>
      </c>
      <c r="AQ23" s="61">
        <v>4</v>
      </c>
      <c r="AR23" s="61">
        <v>5</v>
      </c>
      <c r="AS23" s="62">
        <v>29</v>
      </c>
      <c r="AT23" s="63">
        <v>44</v>
      </c>
      <c r="AU23" s="60">
        <v>12</v>
      </c>
      <c r="AV23" s="61">
        <v>15</v>
      </c>
      <c r="AW23" s="62">
        <v>27</v>
      </c>
      <c r="AX23" s="231"/>
      <c r="AY23" s="61">
        <v>27</v>
      </c>
      <c r="AZ23" s="61">
        <v>15</v>
      </c>
      <c r="BA23" s="61">
        <v>11</v>
      </c>
      <c r="BB23" s="61">
        <v>9</v>
      </c>
      <c r="BC23" s="61">
        <v>5</v>
      </c>
      <c r="BD23" s="62">
        <v>67</v>
      </c>
      <c r="BE23" s="63">
        <v>94</v>
      </c>
      <c r="BF23" s="60">
        <v>23</v>
      </c>
      <c r="BG23" s="61">
        <v>26</v>
      </c>
      <c r="BH23" s="62">
        <v>49</v>
      </c>
      <c r="BI23" s="231"/>
      <c r="BJ23" s="61">
        <v>39</v>
      </c>
      <c r="BK23" s="61">
        <v>18</v>
      </c>
      <c r="BL23" s="61">
        <v>16</v>
      </c>
      <c r="BM23" s="61">
        <v>9</v>
      </c>
      <c r="BN23" s="61">
        <v>5</v>
      </c>
      <c r="BO23" s="62">
        <v>87</v>
      </c>
      <c r="BP23" s="63">
        <v>136</v>
      </c>
      <c r="BQ23" s="60">
        <v>12</v>
      </c>
      <c r="BR23" s="61">
        <v>15</v>
      </c>
      <c r="BS23" s="62">
        <v>27</v>
      </c>
      <c r="BT23" s="231"/>
      <c r="BU23" s="61">
        <v>29</v>
      </c>
      <c r="BV23" s="61">
        <v>25</v>
      </c>
      <c r="BW23" s="61">
        <v>11</v>
      </c>
      <c r="BX23" s="61">
        <v>16</v>
      </c>
      <c r="BY23" s="61">
        <v>7</v>
      </c>
      <c r="BZ23" s="62">
        <v>88</v>
      </c>
      <c r="CA23" s="63">
        <v>115</v>
      </c>
      <c r="CB23" s="60">
        <v>0</v>
      </c>
      <c r="CC23" s="61">
        <v>0</v>
      </c>
      <c r="CD23" s="62">
        <v>0</v>
      </c>
      <c r="CE23" s="231"/>
      <c r="CF23" s="61">
        <v>0</v>
      </c>
      <c r="CG23" s="61">
        <v>0</v>
      </c>
      <c r="CH23" s="61">
        <v>0</v>
      </c>
      <c r="CI23" s="61">
        <v>0</v>
      </c>
      <c r="CJ23" s="61">
        <v>0</v>
      </c>
      <c r="CK23" s="62">
        <v>0</v>
      </c>
      <c r="CL23" s="63">
        <v>0</v>
      </c>
      <c r="CM23" s="60">
        <v>56</v>
      </c>
      <c r="CN23" s="61">
        <v>63</v>
      </c>
      <c r="CO23" s="62">
        <v>119</v>
      </c>
      <c r="CP23" s="231"/>
      <c r="CQ23" s="61">
        <v>108</v>
      </c>
      <c r="CR23" s="61">
        <v>69</v>
      </c>
      <c r="CS23" s="61">
        <v>48</v>
      </c>
      <c r="CT23" s="61">
        <v>39</v>
      </c>
      <c r="CU23" s="61">
        <v>22</v>
      </c>
      <c r="CV23" s="62">
        <v>286</v>
      </c>
      <c r="CW23" s="63">
        <v>405</v>
      </c>
      <c r="CX23" s="113">
        <v>7</v>
      </c>
      <c r="CY23" s="72">
        <v>8</v>
      </c>
      <c r="CZ23" s="73">
        <v>15</v>
      </c>
      <c r="DA23" s="228"/>
      <c r="DB23" s="72">
        <v>14</v>
      </c>
      <c r="DC23" s="72">
        <v>3</v>
      </c>
      <c r="DD23" s="72">
        <v>3</v>
      </c>
      <c r="DE23" s="72">
        <v>5</v>
      </c>
      <c r="DF23" s="72">
        <v>3</v>
      </c>
      <c r="DG23" s="74">
        <v>28</v>
      </c>
      <c r="DH23" s="75">
        <v>43</v>
      </c>
      <c r="DI23" s="60">
        <v>0</v>
      </c>
      <c r="DJ23" s="61">
        <v>0</v>
      </c>
      <c r="DK23" s="62">
        <v>0</v>
      </c>
      <c r="DL23" s="231"/>
      <c r="DM23" s="61">
        <v>0</v>
      </c>
      <c r="DN23" s="61">
        <v>0</v>
      </c>
      <c r="DO23" s="61">
        <v>0</v>
      </c>
      <c r="DP23" s="61">
        <v>0</v>
      </c>
      <c r="DQ23" s="61">
        <v>0</v>
      </c>
      <c r="DR23" s="62">
        <v>0</v>
      </c>
      <c r="DS23" s="63">
        <v>0</v>
      </c>
      <c r="DT23" s="60">
        <v>1</v>
      </c>
      <c r="DU23" s="61">
        <v>0</v>
      </c>
      <c r="DV23" s="62">
        <v>1</v>
      </c>
      <c r="DW23" s="231"/>
      <c r="DX23" s="61">
        <v>0</v>
      </c>
      <c r="DY23" s="61">
        <v>1</v>
      </c>
      <c r="DZ23" s="61">
        <v>0</v>
      </c>
      <c r="EA23" s="61">
        <v>0</v>
      </c>
      <c r="EB23" s="61">
        <v>0</v>
      </c>
      <c r="EC23" s="62">
        <v>1</v>
      </c>
      <c r="ED23" s="63">
        <v>2</v>
      </c>
      <c r="EE23" s="60">
        <v>2</v>
      </c>
      <c r="EF23" s="61">
        <v>0</v>
      </c>
      <c r="EG23" s="62">
        <v>2</v>
      </c>
      <c r="EH23" s="231"/>
      <c r="EI23" s="61">
        <v>1</v>
      </c>
      <c r="EJ23" s="61">
        <v>0</v>
      </c>
      <c r="EK23" s="61">
        <v>0</v>
      </c>
      <c r="EL23" s="61">
        <v>0</v>
      </c>
      <c r="EM23" s="61">
        <v>1</v>
      </c>
      <c r="EN23" s="62">
        <v>2</v>
      </c>
      <c r="EO23" s="63">
        <v>4</v>
      </c>
      <c r="EP23" s="60">
        <v>4</v>
      </c>
      <c r="EQ23" s="61">
        <v>2</v>
      </c>
      <c r="ER23" s="62">
        <v>6</v>
      </c>
      <c r="ES23" s="231"/>
      <c r="ET23" s="61">
        <v>3</v>
      </c>
      <c r="EU23" s="61">
        <v>0</v>
      </c>
      <c r="EV23" s="61">
        <v>1</v>
      </c>
      <c r="EW23" s="61">
        <v>1</v>
      </c>
      <c r="EX23" s="61">
        <v>1</v>
      </c>
      <c r="EY23" s="62">
        <v>6</v>
      </c>
      <c r="EZ23" s="63">
        <v>12</v>
      </c>
      <c r="FA23" s="60">
        <v>0</v>
      </c>
      <c r="FB23" s="61">
        <v>4</v>
      </c>
      <c r="FC23" s="62">
        <v>4</v>
      </c>
      <c r="FD23" s="231"/>
      <c r="FE23" s="61">
        <v>4</v>
      </c>
      <c r="FF23" s="61">
        <v>1</v>
      </c>
      <c r="FG23" s="61">
        <v>1</v>
      </c>
      <c r="FH23" s="61">
        <v>1</v>
      </c>
      <c r="FI23" s="61">
        <v>0</v>
      </c>
      <c r="FJ23" s="62">
        <v>7</v>
      </c>
      <c r="FK23" s="63">
        <v>11</v>
      </c>
      <c r="FL23" s="60">
        <v>0</v>
      </c>
      <c r="FM23" s="61">
        <v>2</v>
      </c>
      <c r="FN23" s="62">
        <v>2</v>
      </c>
      <c r="FO23" s="231"/>
      <c r="FP23" s="61">
        <v>6</v>
      </c>
      <c r="FQ23" s="61">
        <v>1</v>
      </c>
      <c r="FR23" s="61">
        <v>1</v>
      </c>
      <c r="FS23" s="61">
        <v>3</v>
      </c>
      <c r="FT23" s="61">
        <v>1</v>
      </c>
      <c r="FU23" s="62">
        <v>12</v>
      </c>
      <c r="FV23" s="63">
        <v>14</v>
      </c>
      <c r="FW23" s="60">
        <v>0</v>
      </c>
      <c r="FX23" s="61">
        <v>0</v>
      </c>
      <c r="FY23" s="62">
        <v>0</v>
      </c>
      <c r="FZ23" s="231"/>
      <c r="GA23" s="61">
        <v>0</v>
      </c>
      <c r="GB23" s="61">
        <v>0</v>
      </c>
      <c r="GC23" s="61">
        <v>0</v>
      </c>
      <c r="GD23" s="61">
        <v>0</v>
      </c>
      <c r="GE23" s="61">
        <v>0</v>
      </c>
      <c r="GF23" s="62">
        <v>0</v>
      </c>
      <c r="GG23" s="63">
        <v>0</v>
      </c>
      <c r="GH23" s="60">
        <v>7</v>
      </c>
      <c r="GI23" s="61">
        <v>8</v>
      </c>
      <c r="GJ23" s="62">
        <v>15</v>
      </c>
      <c r="GK23" s="231"/>
      <c r="GL23" s="61">
        <v>14</v>
      </c>
      <c r="GM23" s="61">
        <v>3</v>
      </c>
      <c r="GN23" s="61">
        <v>3</v>
      </c>
      <c r="GO23" s="61">
        <v>5</v>
      </c>
      <c r="GP23" s="61">
        <v>3</v>
      </c>
      <c r="GQ23" s="62">
        <v>28</v>
      </c>
      <c r="GR23" s="63">
        <v>43</v>
      </c>
      <c r="GS23" s="113">
        <v>63</v>
      </c>
      <c r="GT23" s="72">
        <v>71</v>
      </c>
      <c r="GU23" s="73">
        <v>134</v>
      </c>
      <c r="GV23" s="228"/>
      <c r="GW23" s="72">
        <v>122</v>
      </c>
      <c r="GX23" s="72">
        <v>72</v>
      </c>
      <c r="GY23" s="72">
        <v>51</v>
      </c>
      <c r="GZ23" s="72">
        <v>44</v>
      </c>
      <c r="HA23" s="72">
        <v>25</v>
      </c>
      <c r="HB23" s="74">
        <v>314</v>
      </c>
      <c r="HC23" s="75">
        <v>448</v>
      </c>
      <c r="HD23" s="60">
        <v>0</v>
      </c>
      <c r="HE23" s="61">
        <v>1</v>
      </c>
      <c r="HF23" s="62">
        <v>1</v>
      </c>
      <c r="HG23" s="231"/>
      <c r="HH23" s="61">
        <v>0</v>
      </c>
      <c r="HI23" s="61">
        <v>2</v>
      </c>
      <c r="HJ23" s="61">
        <v>2</v>
      </c>
      <c r="HK23" s="61">
        <v>0</v>
      </c>
      <c r="HL23" s="61">
        <v>0</v>
      </c>
      <c r="HM23" s="62">
        <v>4</v>
      </c>
      <c r="HN23" s="63">
        <v>5</v>
      </c>
      <c r="HO23" s="60">
        <v>1</v>
      </c>
      <c r="HP23" s="61">
        <v>0</v>
      </c>
      <c r="HQ23" s="62">
        <v>1</v>
      </c>
      <c r="HR23" s="231"/>
      <c r="HS23" s="61">
        <v>6</v>
      </c>
      <c r="HT23" s="61">
        <v>4</v>
      </c>
      <c r="HU23" s="61">
        <v>1</v>
      </c>
      <c r="HV23" s="61">
        <v>1</v>
      </c>
      <c r="HW23" s="61">
        <v>0</v>
      </c>
      <c r="HX23" s="62">
        <v>12</v>
      </c>
      <c r="HY23" s="63">
        <v>13</v>
      </c>
      <c r="HZ23" s="60">
        <v>11</v>
      </c>
      <c r="IA23" s="61">
        <v>6</v>
      </c>
      <c r="IB23" s="62">
        <v>17</v>
      </c>
      <c r="IC23" s="231"/>
      <c r="ID23" s="61">
        <v>8</v>
      </c>
      <c r="IE23" s="61">
        <v>6</v>
      </c>
      <c r="IF23" s="61">
        <v>7</v>
      </c>
      <c r="IG23" s="61">
        <v>4</v>
      </c>
      <c r="IH23" s="61">
        <v>6</v>
      </c>
      <c r="II23" s="62">
        <v>31</v>
      </c>
      <c r="IJ23" s="63">
        <v>48</v>
      </c>
      <c r="IK23" s="60">
        <v>16</v>
      </c>
      <c r="IL23" s="61">
        <v>17</v>
      </c>
      <c r="IM23" s="62">
        <v>33</v>
      </c>
      <c r="IN23" s="231"/>
      <c r="IO23" s="61">
        <v>30</v>
      </c>
      <c r="IP23" s="61">
        <v>15</v>
      </c>
      <c r="IQ23" s="61">
        <v>12</v>
      </c>
      <c r="IR23" s="61">
        <v>10</v>
      </c>
      <c r="IS23" s="61">
        <v>6</v>
      </c>
      <c r="IT23" s="62">
        <v>73</v>
      </c>
      <c r="IU23" s="63">
        <v>106</v>
      </c>
      <c r="IV23" s="60">
        <v>23</v>
      </c>
      <c r="IW23" s="61">
        <v>30</v>
      </c>
      <c r="IX23" s="62">
        <v>53</v>
      </c>
      <c r="IY23" s="231"/>
      <c r="IZ23" s="61">
        <v>43</v>
      </c>
      <c r="JA23" s="61">
        <v>19</v>
      </c>
      <c r="JB23" s="61">
        <v>17</v>
      </c>
      <c r="JC23" s="61">
        <v>10</v>
      </c>
      <c r="JD23" s="61">
        <v>5</v>
      </c>
      <c r="JE23" s="62">
        <v>94</v>
      </c>
      <c r="JF23" s="63">
        <v>147</v>
      </c>
      <c r="JG23" s="60">
        <v>12</v>
      </c>
      <c r="JH23" s="61">
        <v>17</v>
      </c>
      <c r="JI23" s="62">
        <v>29</v>
      </c>
      <c r="JJ23" s="231"/>
      <c r="JK23" s="61">
        <v>35</v>
      </c>
      <c r="JL23" s="61">
        <v>26</v>
      </c>
      <c r="JM23" s="61">
        <v>12</v>
      </c>
      <c r="JN23" s="61">
        <v>19</v>
      </c>
      <c r="JO23" s="61">
        <v>8</v>
      </c>
      <c r="JP23" s="62">
        <v>100</v>
      </c>
      <c r="JQ23" s="63">
        <v>129</v>
      </c>
      <c r="JR23" s="60">
        <v>0</v>
      </c>
      <c r="JS23" s="61">
        <v>0</v>
      </c>
      <c r="JT23" s="62">
        <v>0</v>
      </c>
      <c r="JU23" s="231"/>
      <c r="JV23" s="61">
        <v>0</v>
      </c>
      <c r="JW23" s="61">
        <v>0</v>
      </c>
      <c r="JX23" s="61">
        <v>0</v>
      </c>
      <c r="JY23" s="61">
        <v>0</v>
      </c>
      <c r="JZ23" s="61">
        <v>0</v>
      </c>
      <c r="KA23" s="62">
        <v>0</v>
      </c>
      <c r="KB23" s="63">
        <v>0</v>
      </c>
      <c r="KC23" s="60">
        <v>63</v>
      </c>
      <c r="KD23" s="61">
        <v>71</v>
      </c>
      <c r="KE23" s="62">
        <v>134</v>
      </c>
      <c r="KF23" s="231"/>
      <c r="KG23" s="61">
        <v>122</v>
      </c>
      <c r="KH23" s="61">
        <v>72</v>
      </c>
      <c r="KI23" s="61">
        <v>51</v>
      </c>
      <c r="KJ23" s="61">
        <v>44</v>
      </c>
      <c r="KK23" s="61">
        <v>25</v>
      </c>
      <c r="KL23" s="62">
        <v>314</v>
      </c>
      <c r="KM23" s="63">
        <v>448</v>
      </c>
    </row>
    <row r="24" spans="2:299" ht="21" customHeight="1" x14ac:dyDescent="0.2">
      <c r="B24" s="472" t="s">
        <v>21</v>
      </c>
      <c r="C24" s="293">
        <v>55</v>
      </c>
      <c r="D24" s="72">
        <v>41</v>
      </c>
      <c r="E24" s="73">
        <v>96</v>
      </c>
      <c r="F24" s="228"/>
      <c r="G24" s="72">
        <v>60</v>
      </c>
      <c r="H24" s="72">
        <v>60</v>
      </c>
      <c r="I24" s="72">
        <v>38</v>
      </c>
      <c r="J24" s="72">
        <v>27</v>
      </c>
      <c r="K24" s="72">
        <v>26</v>
      </c>
      <c r="L24" s="74">
        <v>211</v>
      </c>
      <c r="M24" s="75">
        <v>307</v>
      </c>
      <c r="N24" s="60">
        <v>0</v>
      </c>
      <c r="O24" s="61">
        <v>0</v>
      </c>
      <c r="P24" s="62">
        <v>0</v>
      </c>
      <c r="Q24" s="231"/>
      <c r="R24" s="61">
        <v>0</v>
      </c>
      <c r="S24" s="61">
        <v>1</v>
      </c>
      <c r="T24" s="61">
        <v>1</v>
      </c>
      <c r="U24" s="61">
        <v>0</v>
      </c>
      <c r="V24" s="61">
        <v>1</v>
      </c>
      <c r="W24" s="62">
        <v>3</v>
      </c>
      <c r="X24" s="63">
        <v>3</v>
      </c>
      <c r="Y24" s="60">
        <v>1</v>
      </c>
      <c r="Z24" s="61">
        <v>2</v>
      </c>
      <c r="AA24" s="62">
        <v>3</v>
      </c>
      <c r="AB24" s="231"/>
      <c r="AC24" s="61">
        <v>5</v>
      </c>
      <c r="AD24" s="61">
        <v>2</v>
      </c>
      <c r="AE24" s="61">
        <v>3</v>
      </c>
      <c r="AF24" s="61">
        <v>2</v>
      </c>
      <c r="AG24" s="61">
        <v>0</v>
      </c>
      <c r="AH24" s="62">
        <v>12</v>
      </c>
      <c r="AI24" s="63">
        <v>15</v>
      </c>
      <c r="AJ24" s="60">
        <v>4</v>
      </c>
      <c r="AK24" s="61">
        <v>4</v>
      </c>
      <c r="AL24" s="62">
        <v>8</v>
      </c>
      <c r="AM24" s="231"/>
      <c r="AN24" s="61">
        <v>8</v>
      </c>
      <c r="AO24" s="61">
        <v>6</v>
      </c>
      <c r="AP24" s="61">
        <v>4</v>
      </c>
      <c r="AQ24" s="61">
        <v>5</v>
      </c>
      <c r="AR24" s="61">
        <v>3</v>
      </c>
      <c r="AS24" s="62">
        <v>26</v>
      </c>
      <c r="AT24" s="63">
        <v>34</v>
      </c>
      <c r="AU24" s="60">
        <v>13</v>
      </c>
      <c r="AV24" s="61">
        <v>5</v>
      </c>
      <c r="AW24" s="62">
        <v>18</v>
      </c>
      <c r="AX24" s="231"/>
      <c r="AY24" s="61">
        <v>16</v>
      </c>
      <c r="AZ24" s="61">
        <v>15</v>
      </c>
      <c r="BA24" s="61">
        <v>7</v>
      </c>
      <c r="BB24" s="61">
        <v>6</v>
      </c>
      <c r="BC24" s="61">
        <v>2</v>
      </c>
      <c r="BD24" s="62">
        <v>46</v>
      </c>
      <c r="BE24" s="63">
        <v>64</v>
      </c>
      <c r="BF24" s="60">
        <v>22</v>
      </c>
      <c r="BG24" s="61">
        <v>13</v>
      </c>
      <c r="BH24" s="62">
        <v>35</v>
      </c>
      <c r="BI24" s="231"/>
      <c r="BJ24" s="61">
        <v>20</v>
      </c>
      <c r="BK24" s="61">
        <v>16</v>
      </c>
      <c r="BL24" s="61">
        <v>13</v>
      </c>
      <c r="BM24" s="61">
        <v>6</v>
      </c>
      <c r="BN24" s="61">
        <v>14</v>
      </c>
      <c r="BO24" s="62">
        <v>69</v>
      </c>
      <c r="BP24" s="63">
        <v>104</v>
      </c>
      <c r="BQ24" s="60">
        <v>15</v>
      </c>
      <c r="BR24" s="61">
        <v>17</v>
      </c>
      <c r="BS24" s="62">
        <v>32</v>
      </c>
      <c r="BT24" s="231"/>
      <c r="BU24" s="61">
        <v>11</v>
      </c>
      <c r="BV24" s="61">
        <v>20</v>
      </c>
      <c r="BW24" s="61">
        <v>10</v>
      </c>
      <c r="BX24" s="61">
        <v>8</v>
      </c>
      <c r="BY24" s="61">
        <v>6</v>
      </c>
      <c r="BZ24" s="62">
        <v>55</v>
      </c>
      <c r="CA24" s="63">
        <v>87</v>
      </c>
      <c r="CB24" s="60">
        <v>0</v>
      </c>
      <c r="CC24" s="61">
        <v>0</v>
      </c>
      <c r="CD24" s="62">
        <v>0</v>
      </c>
      <c r="CE24" s="231"/>
      <c r="CF24" s="61">
        <v>0</v>
      </c>
      <c r="CG24" s="61">
        <v>0</v>
      </c>
      <c r="CH24" s="61">
        <v>0</v>
      </c>
      <c r="CI24" s="61">
        <v>0</v>
      </c>
      <c r="CJ24" s="61">
        <v>0</v>
      </c>
      <c r="CK24" s="62">
        <v>0</v>
      </c>
      <c r="CL24" s="63">
        <v>0</v>
      </c>
      <c r="CM24" s="60">
        <v>55</v>
      </c>
      <c r="CN24" s="61">
        <v>41</v>
      </c>
      <c r="CO24" s="62">
        <v>96</v>
      </c>
      <c r="CP24" s="231"/>
      <c r="CQ24" s="61">
        <v>60</v>
      </c>
      <c r="CR24" s="61">
        <v>60</v>
      </c>
      <c r="CS24" s="61">
        <v>38</v>
      </c>
      <c r="CT24" s="61">
        <v>27</v>
      </c>
      <c r="CU24" s="61">
        <v>26</v>
      </c>
      <c r="CV24" s="62">
        <v>211</v>
      </c>
      <c r="CW24" s="63">
        <v>307</v>
      </c>
      <c r="CX24" s="113">
        <v>7</v>
      </c>
      <c r="CY24" s="72">
        <v>6</v>
      </c>
      <c r="CZ24" s="73">
        <v>13</v>
      </c>
      <c r="DA24" s="228"/>
      <c r="DB24" s="72">
        <v>9</v>
      </c>
      <c r="DC24" s="72">
        <v>9</v>
      </c>
      <c r="DD24" s="72">
        <v>5</v>
      </c>
      <c r="DE24" s="72">
        <v>6</v>
      </c>
      <c r="DF24" s="72">
        <v>4</v>
      </c>
      <c r="DG24" s="74">
        <v>33</v>
      </c>
      <c r="DH24" s="75">
        <v>46</v>
      </c>
      <c r="DI24" s="60">
        <v>0</v>
      </c>
      <c r="DJ24" s="61">
        <v>0</v>
      </c>
      <c r="DK24" s="62">
        <v>0</v>
      </c>
      <c r="DL24" s="231"/>
      <c r="DM24" s="61">
        <v>1</v>
      </c>
      <c r="DN24" s="61">
        <v>0</v>
      </c>
      <c r="DO24" s="61">
        <v>0</v>
      </c>
      <c r="DP24" s="61">
        <v>0</v>
      </c>
      <c r="DQ24" s="61">
        <v>1</v>
      </c>
      <c r="DR24" s="62">
        <v>2</v>
      </c>
      <c r="DS24" s="63">
        <v>2</v>
      </c>
      <c r="DT24" s="60">
        <v>1</v>
      </c>
      <c r="DU24" s="61">
        <v>0</v>
      </c>
      <c r="DV24" s="62">
        <v>1</v>
      </c>
      <c r="DW24" s="231"/>
      <c r="DX24" s="61">
        <v>0</v>
      </c>
      <c r="DY24" s="61">
        <v>1</v>
      </c>
      <c r="DZ24" s="61">
        <v>0</v>
      </c>
      <c r="EA24" s="61">
        <v>0</v>
      </c>
      <c r="EB24" s="61">
        <v>0</v>
      </c>
      <c r="EC24" s="62">
        <v>1</v>
      </c>
      <c r="ED24" s="63">
        <v>2</v>
      </c>
      <c r="EE24" s="60">
        <v>1</v>
      </c>
      <c r="EF24" s="61">
        <v>2</v>
      </c>
      <c r="EG24" s="62">
        <v>3</v>
      </c>
      <c r="EH24" s="231"/>
      <c r="EI24" s="61">
        <v>0</v>
      </c>
      <c r="EJ24" s="61">
        <v>0</v>
      </c>
      <c r="EK24" s="61">
        <v>0</v>
      </c>
      <c r="EL24" s="61">
        <v>0</v>
      </c>
      <c r="EM24" s="61">
        <v>0</v>
      </c>
      <c r="EN24" s="62">
        <v>0</v>
      </c>
      <c r="EO24" s="63">
        <v>3</v>
      </c>
      <c r="EP24" s="60">
        <v>1</v>
      </c>
      <c r="EQ24" s="61">
        <v>0</v>
      </c>
      <c r="ER24" s="62">
        <v>1</v>
      </c>
      <c r="ES24" s="231"/>
      <c r="ET24" s="61">
        <v>1</v>
      </c>
      <c r="EU24" s="61">
        <v>1</v>
      </c>
      <c r="EV24" s="61">
        <v>2</v>
      </c>
      <c r="EW24" s="61">
        <v>0</v>
      </c>
      <c r="EX24" s="61">
        <v>1</v>
      </c>
      <c r="EY24" s="62">
        <v>5</v>
      </c>
      <c r="EZ24" s="63">
        <v>6</v>
      </c>
      <c r="FA24" s="60">
        <v>2</v>
      </c>
      <c r="FB24" s="61">
        <v>1</v>
      </c>
      <c r="FC24" s="62">
        <v>3</v>
      </c>
      <c r="FD24" s="231"/>
      <c r="FE24" s="61">
        <v>4</v>
      </c>
      <c r="FF24" s="61">
        <v>3</v>
      </c>
      <c r="FG24" s="61">
        <v>1</v>
      </c>
      <c r="FH24" s="61">
        <v>2</v>
      </c>
      <c r="FI24" s="61">
        <v>1</v>
      </c>
      <c r="FJ24" s="62">
        <v>11</v>
      </c>
      <c r="FK24" s="63">
        <v>14</v>
      </c>
      <c r="FL24" s="60">
        <v>2</v>
      </c>
      <c r="FM24" s="61">
        <v>3</v>
      </c>
      <c r="FN24" s="62">
        <v>5</v>
      </c>
      <c r="FO24" s="231"/>
      <c r="FP24" s="61">
        <v>3</v>
      </c>
      <c r="FQ24" s="61">
        <v>4</v>
      </c>
      <c r="FR24" s="61">
        <v>2</v>
      </c>
      <c r="FS24" s="61">
        <v>4</v>
      </c>
      <c r="FT24" s="61">
        <v>1</v>
      </c>
      <c r="FU24" s="62">
        <v>14</v>
      </c>
      <c r="FV24" s="63">
        <v>19</v>
      </c>
      <c r="FW24" s="60">
        <v>0</v>
      </c>
      <c r="FX24" s="61">
        <v>0</v>
      </c>
      <c r="FY24" s="62">
        <v>0</v>
      </c>
      <c r="FZ24" s="231"/>
      <c r="GA24" s="61">
        <v>0</v>
      </c>
      <c r="GB24" s="61">
        <v>0</v>
      </c>
      <c r="GC24" s="61">
        <v>0</v>
      </c>
      <c r="GD24" s="61">
        <v>0</v>
      </c>
      <c r="GE24" s="61">
        <v>0</v>
      </c>
      <c r="GF24" s="62">
        <v>0</v>
      </c>
      <c r="GG24" s="63">
        <v>0</v>
      </c>
      <c r="GH24" s="60">
        <v>7</v>
      </c>
      <c r="GI24" s="61">
        <v>6</v>
      </c>
      <c r="GJ24" s="62">
        <v>13</v>
      </c>
      <c r="GK24" s="231"/>
      <c r="GL24" s="61">
        <v>9</v>
      </c>
      <c r="GM24" s="61">
        <v>9</v>
      </c>
      <c r="GN24" s="61">
        <v>5</v>
      </c>
      <c r="GO24" s="61">
        <v>6</v>
      </c>
      <c r="GP24" s="61">
        <v>4</v>
      </c>
      <c r="GQ24" s="62">
        <v>33</v>
      </c>
      <c r="GR24" s="63">
        <v>46</v>
      </c>
      <c r="GS24" s="113">
        <v>62</v>
      </c>
      <c r="GT24" s="72">
        <v>47</v>
      </c>
      <c r="GU24" s="73">
        <v>109</v>
      </c>
      <c r="GV24" s="228"/>
      <c r="GW24" s="72">
        <v>69</v>
      </c>
      <c r="GX24" s="72">
        <v>69</v>
      </c>
      <c r="GY24" s="72">
        <v>43</v>
      </c>
      <c r="GZ24" s="72">
        <v>33</v>
      </c>
      <c r="HA24" s="72">
        <v>30</v>
      </c>
      <c r="HB24" s="74">
        <v>244</v>
      </c>
      <c r="HC24" s="75">
        <v>353</v>
      </c>
      <c r="HD24" s="60">
        <v>0</v>
      </c>
      <c r="HE24" s="61">
        <v>0</v>
      </c>
      <c r="HF24" s="62">
        <v>0</v>
      </c>
      <c r="HG24" s="231"/>
      <c r="HH24" s="61">
        <v>1</v>
      </c>
      <c r="HI24" s="61">
        <v>1</v>
      </c>
      <c r="HJ24" s="61">
        <v>1</v>
      </c>
      <c r="HK24" s="61">
        <v>0</v>
      </c>
      <c r="HL24" s="61">
        <v>2</v>
      </c>
      <c r="HM24" s="62">
        <v>5</v>
      </c>
      <c r="HN24" s="63">
        <v>5</v>
      </c>
      <c r="HO24" s="60">
        <v>2</v>
      </c>
      <c r="HP24" s="61">
        <v>2</v>
      </c>
      <c r="HQ24" s="62">
        <v>4</v>
      </c>
      <c r="HR24" s="231"/>
      <c r="HS24" s="61">
        <v>5</v>
      </c>
      <c r="HT24" s="61">
        <v>3</v>
      </c>
      <c r="HU24" s="61">
        <v>3</v>
      </c>
      <c r="HV24" s="61">
        <v>2</v>
      </c>
      <c r="HW24" s="61">
        <v>0</v>
      </c>
      <c r="HX24" s="62">
        <v>13</v>
      </c>
      <c r="HY24" s="63">
        <v>17</v>
      </c>
      <c r="HZ24" s="60">
        <v>5</v>
      </c>
      <c r="IA24" s="61">
        <v>6</v>
      </c>
      <c r="IB24" s="62">
        <v>11</v>
      </c>
      <c r="IC24" s="231"/>
      <c r="ID24" s="61">
        <v>8</v>
      </c>
      <c r="IE24" s="61">
        <v>6</v>
      </c>
      <c r="IF24" s="61">
        <v>4</v>
      </c>
      <c r="IG24" s="61">
        <v>5</v>
      </c>
      <c r="IH24" s="61">
        <v>3</v>
      </c>
      <c r="II24" s="62">
        <v>26</v>
      </c>
      <c r="IJ24" s="63">
        <v>37</v>
      </c>
      <c r="IK24" s="60">
        <v>14</v>
      </c>
      <c r="IL24" s="61">
        <v>5</v>
      </c>
      <c r="IM24" s="62">
        <v>19</v>
      </c>
      <c r="IN24" s="231"/>
      <c r="IO24" s="61">
        <v>17</v>
      </c>
      <c r="IP24" s="61">
        <v>16</v>
      </c>
      <c r="IQ24" s="61">
        <v>9</v>
      </c>
      <c r="IR24" s="61">
        <v>6</v>
      </c>
      <c r="IS24" s="61">
        <v>3</v>
      </c>
      <c r="IT24" s="62">
        <v>51</v>
      </c>
      <c r="IU24" s="63">
        <v>70</v>
      </c>
      <c r="IV24" s="60">
        <v>24</v>
      </c>
      <c r="IW24" s="61">
        <v>14</v>
      </c>
      <c r="IX24" s="62">
        <v>38</v>
      </c>
      <c r="IY24" s="231"/>
      <c r="IZ24" s="61">
        <v>24</v>
      </c>
      <c r="JA24" s="61">
        <v>19</v>
      </c>
      <c r="JB24" s="61">
        <v>14</v>
      </c>
      <c r="JC24" s="61">
        <v>8</v>
      </c>
      <c r="JD24" s="61">
        <v>15</v>
      </c>
      <c r="JE24" s="62">
        <v>80</v>
      </c>
      <c r="JF24" s="63">
        <v>118</v>
      </c>
      <c r="JG24" s="60">
        <v>17</v>
      </c>
      <c r="JH24" s="61">
        <v>20</v>
      </c>
      <c r="JI24" s="62">
        <v>37</v>
      </c>
      <c r="JJ24" s="231"/>
      <c r="JK24" s="61">
        <v>14</v>
      </c>
      <c r="JL24" s="61">
        <v>24</v>
      </c>
      <c r="JM24" s="61">
        <v>12</v>
      </c>
      <c r="JN24" s="61">
        <v>12</v>
      </c>
      <c r="JO24" s="61">
        <v>7</v>
      </c>
      <c r="JP24" s="62">
        <v>69</v>
      </c>
      <c r="JQ24" s="63">
        <v>106</v>
      </c>
      <c r="JR24" s="60">
        <v>0</v>
      </c>
      <c r="JS24" s="61">
        <v>0</v>
      </c>
      <c r="JT24" s="62">
        <v>0</v>
      </c>
      <c r="JU24" s="231"/>
      <c r="JV24" s="61">
        <v>0</v>
      </c>
      <c r="JW24" s="61">
        <v>0</v>
      </c>
      <c r="JX24" s="61">
        <v>0</v>
      </c>
      <c r="JY24" s="61">
        <v>0</v>
      </c>
      <c r="JZ24" s="61">
        <v>0</v>
      </c>
      <c r="KA24" s="62">
        <v>0</v>
      </c>
      <c r="KB24" s="63">
        <v>0</v>
      </c>
      <c r="KC24" s="60">
        <v>62</v>
      </c>
      <c r="KD24" s="61">
        <v>47</v>
      </c>
      <c r="KE24" s="62">
        <v>109</v>
      </c>
      <c r="KF24" s="231"/>
      <c r="KG24" s="61">
        <v>69</v>
      </c>
      <c r="KH24" s="61">
        <v>69</v>
      </c>
      <c r="KI24" s="61">
        <v>43</v>
      </c>
      <c r="KJ24" s="61">
        <v>33</v>
      </c>
      <c r="KK24" s="61">
        <v>30</v>
      </c>
      <c r="KL24" s="62">
        <v>244</v>
      </c>
      <c r="KM24" s="63">
        <v>353</v>
      </c>
    </row>
    <row r="25" spans="2:299" ht="21" customHeight="1" x14ac:dyDescent="0.2">
      <c r="B25" s="472" t="s">
        <v>22</v>
      </c>
      <c r="C25" s="293">
        <v>16</v>
      </c>
      <c r="D25" s="72">
        <v>15</v>
      </c>
      <c r="E25" s="73">
        <v>31</v>
      </c>
      <c r="F25" s="228"/>
      <c r="G25" s="72">
        <v>39</v>
      </c>
      <c r="H25" s="72">
        <v>27</v>
      </c>
      <c r="I25" s="72">
        <v>15</v>
      </c>
      <c r="J25" s="72">
        <v>17</v>
      </c>
      <c r="K25" s="72">
        <v>4</v>
      </c>
      <c r="L25" s="74">
        <v>102</v>
      </c>
      <c r="M25" s="75">
        <v>133</v>
      </c>
      <c r="N25" s="60">
        <v>0</v>
      </c>
      <c r="O25" s="61">
        <v>0</v>
      </c>
      <c r="P25" s="62">
        <v>0</v>
      </c>
      <c r="Q25" s="231"/>
      <c r="R25" s="61">
        <v>0</v>
      </c>
      <c r="S25" s="61">
        <v>0</v>
      </c>
      <c r="T25" s="61">
        <v>0</v>
      </c>
      <c r="U25" s="61">
        <v>0</v>
      </c>
      <c r="V25" s="61">
        <v>0</v>
      </c>
      <c r="W25" s="62">
        <v>0</v>
      </c>
      <c r="X25" s="63">
        <v>0</v>
      </c>
      <c r="Y25" s="60">
        <v>1</v>
      </c>
      <c r="Z25" s="61">
        <v>0</v>
      </c>
      <c r="AA25" s="62">
        <v>1</v>
      </c>
      <c r="AB25" s="231"/>
      <c r="AC25" s="61">
        <v>1</v>
      </c>
      <c r="AD25" s="61">
        <v>1</v>
      </c>
      <c r="AE25" s="61">
        <v>1</v>
      </c>
      <c r="AF25" s="61">
        <v>1</v>
      </c>
      <c r="AG25" s="61">
        <v>0</v>
      </c>
      <c r="AH25" s="62">
        <v>4</v>
      </c>
      <c r="AI25" s="63">
        <v>5</v>
      </c>
      <c r="AJ25" s="60">
        <v>1</v>
      </c>
      <c r="AK25" s="61">
        <v>1</v>
      </c>
      <c r="AL25" s="62">
        <v>2</v>
      </c>
      <c r="AM25" s="231"/>
      <c r="AN25" s="61">
        <v>2</v>
      </c>
      <c r="AO25" s="61">
        <v>5</v>
      </c>
      <c r="AP25" s="61">
        <v>3</v>
      </c>
      <c r="AQ25" s="61">
        <v>2</v>
      </c>
      <c r="AR25" s="61">
        <v>0</v>
      </c>
      <c r="AS25" s="62">
        <v>12</v>
      </c>
      <c r="AT25" s="63">
        <v>14</v>
      </c>
      <c r="AU25" s="60">
        <v>1</v>
      </c>
      <c r="AV25" s="61">
        <v>2</v>
      </c>
      <c r="AW25" s="62">
        <v>3</v>
      </c>
      <c r="AX25" s="231"/>
      <c r="AY25" s="61">
        <v>4</v>
      </c>
      <c r="AZ25" s="61">
        <v>4</v>
      </c>
      <c r="BA25" s="61">
        <v>3</v>
      </c>
      <c r="BB25" s="61">
        <v>5</v>
      </c>
      <c r="BC25" s="61">
        <v>3</v>
      </c>
      <c r="BD25" s="62">
        <v>19</v>
      </c>
      <c r="BE25" s="63">
        <v>22</v>
      </c>
      <c r="BF25" s="60">
        <v>5</v>
      </c>
      <c r="BG25" s="61">
        <v>7</v>
      </c>
      <c r="BH25" s="62">
        <v>12</v>
      </c>
      <c r="BI25" s="231"/>
      <c r="BJ25" s="61">
        <v>13</v>
      </c>
      <c r="BK25" s="61">
        <v>6</v>
      </c>
      <c r="BL25" s="61">
        <v>4</v>
      </c>
      <c r="BM25" s="61">
        <v>5</v>
      </c>
      <c r="BN25" s="61">
        <v>0</v>
      </c>
      <c r="BO25" s="62">
        <v>28</v>
      </c>
      <c r="BP25" s="63">
        <v>40</v>
      </c>
      <c r="BQ25" s="60">
        <v>8</v>
      </c>
      <c r="BR25" s="61">
        <v>5</v>
      </c>
      <c r="BS25" s="62">
        <v>13</v>
      </c>
      <c r="BT25" s="231"/>
      <c r="BU25" s="61">
        <v>19</v>
      </c>
      <c r="BV25" s="61">
        <v>11</v>
      </c>
      <c r="BW25" s="61">
        <v>4</v>
      </c>
      <c r="BX25" s="61">
        <v>4</v>
      </c>
      <c r="BY25" s="61">
        <v>1</v>
      </c>
      <c r="BZ25" s="62">
        <v>39</v>
      </c>
      <c r="CA25" s="63">
        <v>52</v>
      </c>
      <c r="CB25" s="60">
        <v>0</v>
      </c>
      <c r="CC25" s="61">
        <v>0</v>
      </c>
      <c r="CD25" s="62">
        <v>0</v>
      </c>
      <c r="CE25" s="231"/>
      <c r="CF25" s="61">
        <v>0</v>
      </c>
      <c r="CG25" s="61">
        <v>0</v>
      </c>
      <c r="CH25" s="61">
        <v>0</v>
      </c>
      <c r="CI25" s="61">
        <v>0</v>
      </c>
      <c r="CJ25" s="61">
        <v>0</v>
      </c>
      <c r="CK25" s="62">
        <v>0</v>
      </c>
      <c r="CL25" s="63">
        <v>0</v>
      </c>
      <c r="CM25" s="60">
        <v>16</v>
      </c>
      <c r="CN25" s="61">
        <v>15</v>
      </c>
      <c r="CO25" s="62">
        <v>31</v>
      </c>
      <c r="CP25" s="231"/>
      <c r="CQ25" s="61">
        <v>39</v>
      </c>
      <c r="CR25" s="61">
        <v>27</v>
      </c>
      <c r="CS25" s="61">
        <v>15</v>
      </c>
      <c r="CT25" s="61">
        <v>17</v>
      </c>
      <c r="CU25" s="61">
        <v>4</v>
      </c>
      <c r="CV25" s="62">
        <v>102</v>
      </c>
      <c r="CW25" s="63">
        <v>133</v>
      </c>
      <c r="CX25" s="113">
        <v>1</v>
      </c>
      <c r="CY25" s="72">
        <v>2</v>
      </c>
      <c r="CZ25" s="73">
        <v>3</v>
      </c>
      <c r="DA25" s="228"/>
      <c r="DB25" s="72">
        <v>5</v>
      </c>
      <c r="DC25" s="72">
        <v>7</v>
      </c>
      <c r="DD25" s="72">
        <v>3</v>
      </c>
      <c r="DE25" s="72">
        <v>3</v>
      </c>
      <c r="DF25" s="72">
        <v>0</v>
      </c>
      <c r="DG25" s="74">
        <v>18</v>
      </c>
      <c r="DH25" s="75">
        <v>21</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2</v>
      </c>
      <c r="EL25" s="61">
        <v>0</v>
      </c>
      <c r="EM25" s="61">
        <v>0</v>
      </c>
      <c r="EN25" s="62">
        <v>4</v>
      </c>
      <c r="EO25" s="63">
        <v>5</v>
      </c>
      <c r="EP25" s="60">
        <v>1</v>
      </c>
      <c r="EQ25" s="61">
        <v>0</v>
      </c>
      <c r="ER25" s="62">
        <v>1</v>
      </c>
      <c r="ES25" s="231"/>
      <c r="ET25" s="61">
        <v>0</v>
      </c>
      <c r="EU25" s="61">
        <v>0</v>
      </c>
      <c r="EV25" s="61">
        <v>0</v>
      </c>
      <c r="EW25" s="61">
        <v>0</v>
      </c>
      <c r="EX25" s="61">
        <v>0</v>
      </c>
      <c r="EY25" s="62">
        <v>0</v>
      </c>
      <c r="EZ25" s="63">
        <v>1</v>
      </c>
      <c r="FA25" s="60">
        <v>0</v>
      </c>
      <c r="FB25" s="61">
        <v>0</v>
      </c>
      <c r="FC25" s="62">
        <v>0</v>
      </c>
      <c r="FD25" s="231"/>
      <c r="FE25" s="61">
        <v>3</v>
      </c>
      <c r="FF25" s="61">
        <v>1</v>
      </c>
      <c r="FG25" s="61">
        <v>0</v>
      </c>
      <c r="FH25" s="61">
        <v>0</v>
      </c>
      <c r="FI25" s="61">
        <v>0</v>
      </c>
      <c r="FJ25" s="62">
        <v>4</v>
      </c>
      <c r="FK25" s="63">
        <v>4</v>
      </c>
      <c r="FL25" s="60">
        <v>0</v>
      </c>
      <c r="FM25" s="61">
        <v>1</v>
      </c>
      <c r="FN25" s="62">
        <v>1</v>
      </c>
      <c r="FO25" s="231"/>
      <c r="FP25" s="61">
        <v>2</v>
      </c>
      <c r="FQ25" s="61">
        <v>4</v>
      </c>
      <c r="FR25" s="61">
        <v>1</v>
      </c>
      <c r="FS25" s="61">
        <v>3</v>
      </c>
      <c r="FT25" s="61">
        <v>0</v>
      </c>
      <c r="FU25" s="62">
        <v>10</v>
      </c>
      <c r="FV25" s="63">
        <v>11</v>
      </c>
      <c r="FW25" s="60">
        <v>0</v>
      </c>
      <c r="FX25" s="61">
        <v>0</v>
      </c>
      <c r="FY25" s="62">
        <v>0</v>
      </c>
      <c r="FZ25" s="231"/>
      <c r="GA25" s="61">
        <v>0</v>
      </c>
      <c r="GB25" s="61">
        <v>0</v>
      </c>
      <c r="GC25" s="61">
        <v>0</v>
      </c>
      <c r="GD25" s="61">
        <v>0</v>
      </c>
      <c r="GE25" s="61">
        <v>0</v>
      </c>
      <c r="GF25" s="62">
        <v>0</v>
      </c>
      <c r="GG25" s="63">
        <v>0</v>
      </c>
      <c r="GH25" s="60">
        <v>1</v>
      </c>
      <c r="GI25" s="61">
        <v>2</v>
      </c>
      <c r="GJ25" s="62">
        <v>3</v>
      </c>
      <c r="GK25" s="231"/>
      <c r="GL25" s="61">
        <v>5</v>
      </c>
      <c r="GM25" s="61">
        <v>7</v>
      </c>
      <c r="GN25" s="61">
        <v>3</v>
      </c>
      <c r="GO25" s="61">
        <v>3</v>
      </c>
      <c r="GP25" s="61">
        <v>0</v>
      </c>
      <c r="GQ25" s="62">
        <v>18</v>
      </c>
      <c r="GR25" s="63">
        <v>21</v>
      </c>
      <c r="GS25" s="113">
        <v>17</v>
      </c>
      <c r="GT25" s="72">
        <v>17</v>
      </c>
      <c r="GU25" s="73">
        <v>34</v>
      </c>
      <c r="GV25" s="228"/>
      <c r="GW25" s="72">
        <v>44</v>
      </c>
      <c r="GX25" s="72">
        <v>34</v>
      </c>
      <c r="GY25" s="72">
        <v>18</v>
      </c>
      <c r="GZ25" s="72">
        <v>20</v>
      </c>
      <c r="HA25" s="72">
        <v>4</v>
      </c>
      <c r="HB25" s="74">
        <v>120</v>
      </c>
      <c r="HC25" s="75">
        <v>154</v>
      </c>
      <c r="HD25" s="60">
        <v>0</v>
      </c>
      <c r="HE25" s="61">
        <v>0</v>
      </c>
      <c r="HF25" s="62">
        <v>0</v>
      </c>
      <c r="HG25" s="231"/>
      <c r="HH25" s="61">
        <v>0</v>
      </c>
      <c r="HI25" s="61">
        <v>0</v>
      </c>
      <c r="HJ25" s="61">
        <v>0</v>
      </c>
      <c r="HK25" s="61">
        <v>0</v>
      </c>
      <c r="HL25" s="61">
        <v>0</v>
      </c>
      <c r="HM25" s="62">
        <v>0</v>
      </c>
      <c r="HN25" s="63">
        <v>0</v>
      </c>
      <c r="HO25" s="60">
        <v>1</v>
      </c>
      <c r="HP25" s="61">
        <v>0</v>
      </c>
      <c r="HQ25" s="62">
        <v>1</v>
      </c>
      <c r="HR25" s="231"/>
      <c r="HS25" s="61">
        <v>1</v>
      </c>
      <c r="HT25" s="61">
        <v>1</v>
      </c>
      <c r="HU25" s="61">
        <v>1</v>
      </c>
      <c r="HV25" s="61">
        <v>1</v>
      </c>
      <c r="HW25" s="61">
        <v>0</v>
      </c>
      <c r="HX25" s="62">
        <v>4</v>
      </c>
      <c r="HY25" s="63">
        <v>5</v>
      </c>
      <c r="HZ25" s="60">
        <v>1</v>
      </c>
      <c r="IA25" s="61">
        <v>2</v>
      </c>
      <c r="IB25" s="62">
        <v>3</v>
      </c>
      <c r="IC25" s="231"/>
      <c r="ID25" s="61">
        <v>2</v>
      </c>
      <c r="IE25" s="61">
        <v>7</v>
      </c>
      <c r="IF25" s="61">
        <v>5</v>
      </c>
      <c r="IG25" s="61">
        <v>2</v>
      </c>
      <c r="IH25" s="61">
        <v>0</v>
      </c>
      <c r="II25" s="62">
        <v>16</v>
      </c>
      <c r="IJ25" s="63">
        <v>19</v>
      </c>
      <c r="IK25" s="60">
        <v>2</v>
      </c>
      <c r="IL25" s="61">
        <v>2</v>
      </c>
      <c r="IM25" s="62">
        <v>4</v>
      </c>
      <c r="IN25" s="231"/>
      <c r="IO25" s="61">
        <v>4</v>
      </c>
      <c r="IP25" s="61">
        <v>4</v>
      </c>
      <c r="IQ25" s="61">
        <v>3</v>
      </c>
      <c r="IR25" s="61">
        <v>5</v>
      </c>
      <c r="IS25" s="61">
        <v>3</v>
      </c>
      <c r="IT25" s="62">
        <v>19</v>
      </c>
      <c r="IU25" s="63">
        <v>23</v>
      </c>
      <c r="IV25" s="60">
        <v>5</v>
      </c>
      <c r="IW25" s="61">
        <v>7</v>
      </c>
      <c r="IX25" s="62">
        <v>12</v>
      </c>
      <c r="IY25" s="231"/>
      <c r="IZ25" s="61">
        <v>16</v>
      </c>
      <c r="JA25" s="61">
        <v>7</v>
      </c>
      <c r="JB25" s="61">
        <v>4</v>
      </c>
      <c r="JC25" s="61">
        <v>5</v>
      </c>
      <c r="JD25" s="61">
        <v>0</v>
      </c>
      <c r="JE25" s="62">
        <v>32</v>
      </c>
      <c r="JF25" s="63">
        <v>44</v>
      </c>
      <c r="JG25" s="60">
        <v>8</v>
      </c>
      <c r="JH25" s="61">
        <v>6</v>
      </c>
      <c r="JI25" s="62">
        <v>14</v>
      </c>
      <c r="JJ25" s="231"/>
      <c r="JK25" s="61">
        <v>21</v>
      </c>
      <c r="JL25" s="61">
        <v>15</v>
      </c>
      <c r="JM25" s="61">
        <v>5</v>
      </c>
      <c r="JN25" s="61">
        <v>7</v>
      </c>
      <c r="JO25" s="61">
        <v>1</v>
      </c>
      <c r="JP25" s="62">
        <v>49</v>
      </c>
      <c r="JQ25" s="63">
        <v>63</v>
      </c>
      <c r="JR25" s="60">
        <v>0</v>
      </c>
      <c r="JS25" s="61">
        <v>0</v>
      </c>
      <c r="JT25" s="62">
        <v>0</v>
      </c>
      <c r="JU25" s="231"/>
      <c r="JV25" s="61">
        <v>0</v>
      </c>
      <c r="JW25" s="61">
        <v>0</v>
      </c>
      <c r="JX25" s="61">
        <v>0</v>
      </c>
      <c r="JY25" s="61">
        <v>0</v>
      </c>
      <c r="JZ25" s="61">
        <v>0</v>
      </c>
      <c r="KA25" s="62">
        <v>0</v>
      </c>
      <c r="KB25" s="63">
        <v>0</v>
      </c>
      <c r="KC25" s="60">
        <v>17</v>
      </c>
      <c r="KD25" s="61">
        <v>17</v>
      </c>
      <c r="KE25" s="62">
        <v>34</v>
      </c>
      <c r="KF25" s="231"/>
      <c r="KG25" s="61">
        <v>44</v>
      </c>
      <c r="KH25" s="61">
        <v>34</v>
      </c>
      <c r="KI25" s="61">
        <v>18</v>
      </c>
      <c r="KJ25" s="61">
        <v>20</v>
      </c>
      <c r="KK25" s="61">
        <v>4</v>
      </c>
      <c r="KL25" s="62">
        <v>120</v>
      </c>
      <c r="KM25" s="63">
        <v>154</v>
      </c>
    </row>
    <row r="26" spans="2:299" ht="21" customHeight="1" x14ac:dyDescent="0.2">
      <c r="B26" s="472" t="s">
        <v>23</v>
      </c>
      <c r="C26" s="293">
        <v>29</v>
      </c>
      <c r="D26" s="72">
        <v>30</v>
      </c>
      <c r="E26" s="73">
        <v>59</v>
      </c>
      <c r="F26" s="228"/>
      <c r="G26" s="72">
        <v>49</v>
      </c>
      <c r="H26" s="72">
        <v>37</v>
      </c>
      <c r="I26" s="72">
        <v>21</v>
      </c>
      <c r="J26" s="72">
        <v>20</v>
      </c>
      <c r="K26" s="72">
        <v>9</v>
      </c>
      <c r="L26" s="74">
        <v>136</v>
      </c>
      <c r="M26" s="75">
        <v>195</v>
      </c>
      <c r="N26" s="60">
        <v>0</v>
      </c>
      <c r="O26" s="61">
        <v>0</v>
      </c>
      <c r="P26" s="62">
        <v>0</v>
      </c>
      <c r="Q26" s="231"/>
      <c r="R26" s="61">
        <v>1</v>
      </c>
      <c r="S26" s="61">
        <v>1</v>
      </c>
      <c r="T26" s="61">
        <v>1</v>
      </c>
      <c r="U26" s="61">
        <v>0</v>
      </c>
      <c r="V26" s="61">
        <v>0</v>
      </c>
      <c r="W26" s="62">
        <v>3</v>
      </c>
      <c r="X26" s="63">
        <v>3</v>
      </c>
      <c r="Y26" s="60">
        <v>1</v>
      </c>
      <c r="Z26" s="61">
        <v>1</v>
      </c>
      <c r="AA26" s="62">
        <v>2</v>
      </c>
      <c r="AB26" s="231"/>
      <c r="AC26" s="61">
        <v>3</v>
      </c>
      <c r="AD26" s="61">
        <v>2</v>
      </c>
      <c r="AE26" s="61">
        <v>0</v>
      </c>
      <c r="AF26" s="61">
        <v>2</v>
      </c>
      <c r="AG26" s="61">
        <v>1</v>
      </c>
      <c r="AH26" s="62">
        <v>8</v>
      </c>
      <c r="AI26" s="63">
        <v>10</v>
      </c>
      <c r="AJ26" s="60">
        <v>5</v>
      </c>
      <c r="AK26" s="61">
        <v>2</v>
      </c>
      <c r="AL26" s="62">
        <v>7</v>
      </c>
      <c r="AM26" s="231"/>
      <c r="AN26" s="61">
        <v>7</v>
      </c>
      <c r="AO26" s="61">
        <v>4</v>
      </c>
      <c r="AP26" s="61">
        <v>2</v>
      </c>
      <c r="AQ26" s="61">
        <v>2</v>
      </c>
      <c r="AR26" s="61">
        <v>1</v>
      </c>
      <c r="AS26" s="62">
        <v>16</v>
      </c>
      <c r="AT26" s="63">
        <v>23</v>
      </c>
      <c r="AU26" s="60">
        <v>6</v>
      </c>
      <c r="AV26" s="61">
        <v>16</v>
      </c>
      <c r="AW26" s="62">
        <v>22</v>
      </c>
      <c r="AX26" s="231"/>
      <c r="AY26" s="61">
        <v>11</v>
      </c>
      <c r="AZ26" s="61">
        <v>10</v>
      </c>
      <c r="BA26" s="61">
        <v>6</v>
      </c>
      <c r="BB26" s="61">
        <v>5</v>
      </c>
      <c r="BC26" s="61">
        <v>1</v>
      </c>
      <c r="BD26" s="62">
        <v>33</v>
      </c>
      <c r="BE26" s="63">
        <v>55</v>
      </c>
      <c r="BF26" s="60">
        <v>11</v>
      </c>
      <c r="BG26" s="61">
        <v>9</v>
      </c>
      <c r="BH26" s="62">
        <v>20</v>
      </c>
      <c r="BI26" s="231"/>
      <c r="BJ26" s="61">
        <v>16</v>
      </c>
      <c r="BK26" s="61">
        <v>7</v>
      </c>
      <c r="BL26" s="61">
        <v>5</v>
      </c>
      <c r="BM26" s="61">
        <v>5</v>
      </c>
      <c r="BN26" s="61">
        <v>3</v>
      </c>
      <c r="BO26" s="62">
        <v>36</v>
      </c>
      <c r="BP26" s="63">
        <v>56</v>
      </c>
      <c r="BQ26" s="60">
        <v>6</v>
      </c>
      <c r="BR26" s="61">
        <v>2</v>
      </c>
      <c r="BS26" s="62">
        <v>8</v>
      </c>
      <c r="BT26" s="231"/>
      <c r="BU26" s="61">
        <v>11</v>
      </c>
      <c r="BV26" s="61">
        <v>13</v>
      </c>
      <c r="BW26" s="61">
        <v>7</v>
      </c>
      <c r="BX26" s="61">
        <v>6</v>
      </c>
      <c r="BY26" s="61">
        <v>3</v>
      </c>
      <c r="BZ26" s="62">
        <v>40</v>
      </c>
      <c r="CA26" s="63">
        <v>48</v>
      </c>
      <c r="CB26" s="60">
        <v>0</v>
      </c>
      <c r="CC26" s="61">
        <v>0</v>
      </c>
      <c r="CD26" s="62">
        <v>0</v>
      </c>
      <c r="CE26" s="231"/>
      <c r="CF26" s="61">
        <v>0</v>
      </c>
      <c r="CG26" s="61">
        <v>0</v>
      </c>
      <c r="CH26" s="61">
        <v>0</v>
      </c>
      <c r="CI26" s="61">
        <v>0</v>
      </c>
      <c r="CJ26" s="61">
        <v>0</v>
      </c>
      <c r="CK26" s="62">
        <v>0</v>
      </c>
      <c r="CL26" s="63">
        <v>0</v>
      </c>
      <c r="CM26" s="60">
        <v>29</v>
      </c>
      <c r="CN26" s="61">
        <v>30</v>
      </c>
      <c r="CO26" s="62">
        <v>59</v>
      </c>
      <c r="CP26" s="231"/>
      <c r="CQ26" s="61">
        <v>49</v>
      </c>
      <c r="CR26" s="61">
        <v>37</v>
      </c>
      <c r="CS26" s="61">
        <v>21</v>
      </c>
      <c r="CT26" s="61">
        <v>20</v>
      </c>
      <c r="CU26" s="61">
        <v>9</v>
      </c>
      <c r="CV26" s="62">
        <v>136</v>
      </c>
      <c r="CW26" s="63">
        <v>195</v>
      </c>
      <c r="CX26" s="113">
        <v>2</v>
      </c>
      <c r="CY26" s="72">
        <v>2</v>
      </c>
      <c r="CZ26" s="73">
        <v>4</v>
      </c>
      <c r="DA26" s="228"/>
      <c r="DB26" s="72">
        <v>7</v>
      </c>
      <c r="DC26" s="72">
        <v>4</v>
      </c>
      <c r="DD26" s="72">
        <v>1</v>
      </c>
      <c r="DE26" s="72">
        <v>5</v>
      </c>
      <c r="DF26" s="72">
        <v>1</v>
      </c>
      <c r="DG26" s="74">
        <v>18</v>
      </c>
      <c r="DH26" s="75">
        <v>22</v>
      </c>
      <c r="DI26" s="60">
        <v>0</v>
      </c>
      <c r="DJ26" s="61">
        <v>0</v>
      </c>
      <c r="DK26" s="62">
        <v>0</v>
      </c>
      <c r="DL26" s="231"/>
      <c r="DM26" s="61">
        <v>0</v>
      </c>
      <c r="DN26" s="61">
        <v>0</v>
      </c>
      <c r="DO26" s="61">
        <v>0</v>
      </c>
      <c r="DP26" s="61">
        <v>1</v>
      </c>
      <c r="DQ26" s="61">
        <v>0</v>
      </c>
      <c r="DR26" s="62">
        <v>1</v>
      </c>
      <c r="DS26" s="63">
        <v>1</v>
      </c>
      <c r="DT26" s="60">
        <v>1</v>
      </c>
      <c r="DU26" s="61">
        <v>1</v>
      </c>
      <c r="DV26" s="62">
        <v>2</v>
      </c>
      <c r="DW26" s="231"/>
      <c r="DX26" s="61">
        <v>1</v>
      </c>
      <c r="DY26" s="61">
        <v>2</v>
      </c>
      <c r="DZ26" s="61">
        <v>0</v>
      </c>
      <c r="EA26" s="61">
        <v>0</v>
      </c>
      <c r="EB26" s="61">
        <v>0</v>
      </c>
      <c r="EC26" s="62">
        <v>3</v>
      </c>
      <c r="ED26" s="63">
        <v>5</v>
      </c>
      <c r="EE26" s="60">
        <v>1</v>
      </c>
      <c r="EF26" s="61">
        <v>0</v>
      </c>
      <c r="EG26" s="62">
        <v>1</v>
      </c>
      <c r="EH26" s="231"/>
      <c r="EI26" s="61">
        <v>1</v>
      </c>
      <c r="EJ26" s="61">
        <v>0</v>
      </c>
      <c r="EK26" s="61">
        <v>0</v>
      </c>
      <c r="EL26" s="61">
        <v>1</v>
      </c>
      <c r="EM26" s="61">
        <v>0</v>
      </c>
      <c r="EN26" s="62">
        <v>2</v>
      </c>
      <c r="EO26" s="63">
        <v>3</v>
      </c>
      <c r="EP26" s="60">
        <v>0</v>
      </c>
      <c r="EQ26" s="61">
        <v>0</v>
      </c>
      <c r="ER26" s="62">
        <v>0</v>
      </c>
      <c r="ES26" s="231"/>
      <c r="ET26" s="61">
        <v>2</v>
      </c>
      <c r="EU26" s="61">
        <v>0</v>
      </c>
      <c r="EV26" s="61">
        <v>0</v>
      </c>
      <c r="EW26" s="61">
        <v>0</v>
      </c>
      <c r="EX26" s="61">
        <v>0</v>
      </c>
      <c r="EY26" s="62">
        <v>2</v>
      </c>
      <c r="EZ26" s="63">
        <v>2</v>
      </c>
      <c r="FA26" s="60">
        <v>0</v>
      </c>
      <c r="FB26" s="61">
        <v>1</v>
      </c>
      <c r="FC26" s="62">
        <v>1</v>
      </c>
      <c r="FD26" s="231"/>
      <c r="FE26" s="61">
        <v>3</v>
      </c>
      <c r="FF26" s="61">
        <v>2</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2</v>
      </c>
      <c r="GJ26" s="62">
        <v>4</v>
      </c>
      <c r="GK26" s="231"/>
      <c r="GL26" s="61">
        <v>7</v>
      </c>
      <c r="GM26" s="61">
        <v>4</v>
      </c>
      <c r="GN26" s="61">
        <v>1</v>
      </c>
      <c r="GO26" s="61">
        <v>5</v>
      </c>
      <c r="GP26" s="61">
        <v>1</v>
      </c>
      <c r="GQ26" s="62">
        <v>18</v>
      </c>
      <c r="GR26" s="63">
        <v>22</v>
      </c>
      <c r="GS26" s="113">
        <v>31</v>
      </c>
      <c r="GT26" s="72">
        <v>32</v>
      </c>
      <c r="GU26" s="73">
        <v>63</v>
      </c>
      <c r="GV26" s="228"/>
      <c r="GW26" s="72">
        <v>56</v>
      </c>
      <c r="GX26" s="72">
        <v>41</v>
      </c>
      <c r="GY26" s="72">
        <v>22</v>
      </c>
      <c r="GZ26" s="72">
        <v>25</v>
      </c>
      <c r="HA26" s="72">
        <v>10</v>
      </c>
      <c r="HB26" s="74">
        <v>154</v>
      </c>
      <c r="HC26" s="75">
        <v>217</v>
      </c>
      <c r="HD26" s="60">
        <v>0</v>
      </c>
      <c r="HE26" s="61">
        <v>0</v>
      </c>
      <c r="HF26" s="62">
        <v>0</v>
      </c>
      <c r="HG26" s="231"/>
      <c r="HH26" s="61">
        <v>1</v>
      </c>
      <c r="HI26" s="61">
        <v>1</v>
      </c>
      <c r="HJ26" s="61">
        <v>1</v>
      </c>
      <c r="HK26" s="61">
        <v>1</v>
      </c>
      <c r="HL26" s="61">
        <v>0</v>
      </c>
      <c r="HM26" s="62">
        <v>4</v>
      </c>
      <c r="HN26" s="63">
        <v>4</v>
      </c>
      <c r="HO26" s="60">
        <v>2</v>
      </c>
      <c r="HP26" s="61">
        <v>2</v>
      </c>
      <c r="HQ26" s="62">
        <v>4</v>
      </c>
      <c r="HR26" s="231"/>
      <c r="HS26" s="61">
        <v>4</v>
      </c>
      <c r="HT26" s="61">
        <v>4</v>
      </c>
      <c r="HU26" s="61">
        <v>0</v>
      </c>
      <c r="HV26" s="61">
        <v>2</v>
      </c>
      <c r="HW26" s="61">
        <v>1</v>
      </c>
      <c r="HX26" s="62">
        <v>11</v>
      </c>
      <c r="HY26" s="63">
        <v>15</v>
      </c>
      <c r="HZ26" s="60">
        <v>6</v>
      </c>
      <c r="IA26" s="61">
        <v>2</v>
      </c>
      <c r="IB26" s="62">
        <v>8</v>
      </c>
      <c r="IC26" s="231"/>
      <c r="ID26" s="61">
        <v>8</v>
      </c>
      <c r="IE26" s="61">
        <v>4</v>
      </c>
      <c r="IF26" s="61">
        <v>2</v>
      </c>
      <c r="IG26" s="61">
        <v>3</v>
      </c>
      <c r="IH26" s="61">
        <v>1</v>
      </c>
      <c r="II26" s="62">
        <v>18</v>
      </c>
      <c r="IJ26" s="63">
        <v>26</v>
      </c>
      <c r="IK26" s="60">
        <v>6</v>
      </c>
      <c r="IL26" s="61">
        <v>16</v>
      </c>
      <c r="IM26" s="62">
        <v>22</v>
      </c>
      <c r="IN26" s="231"/>
      <c r="IO26" s="61">
        <v>13</v>
      </c>
      <c r="IP26" s="61">
        <v>10</v>
      </c>
      <c r="IQ26" s="61">
        <v>6</v>
      </c>
      <c r="IR26" s="61">
        <v>5</v>
      </c>
      <c r="IS26" s="61">
        <v>1</v>
      </c>
      <c r="IT26" s="62">
        <v>35</v>
      </c>
      <c r="IU26" s="63">
        <v>57</v>
      </c>
      <c r="IV26" s="60">
        <v>11</v>
      </c>
      <c r="IW26" s="61">
        <v>10</v>
      </c>
      <c r="IX26" s="62">
        <v>21</v>
      </c>
      <c r="IY26" s="231"/>
      <c r="IZ26" s="61">
        <v>19</v>
      </c>
      <c r="JA26" s="61">
        <v>9</v>
      </c>
      <c r="JB26" s="61">
        <v>5</v>
      </c>
      <c r="JC26" s="61">
        <v>6</v>
      </c>
      <c r="JD26" s="61">
        <v>4</v>
      </c>
      <c r="JE26" s="62">
        <v>43</v>
      </c>
      <c r="JF26" s="63">
        <v>64</v>
      </c>
      <c r="JG26" s="60">
        <v>6</v>
      </c>
      <c r="JH26" s="61">
        <v>2</v>
      </c>
      <c r="JI26" s="62">
        <v>8</v>
      </c>
      <c r="JJ26" s="231"/>
      <c r="JK26" s="61">
        <v>11</v>
      </c>
      <c r="JL26" s="61">
        <v>13</v>
      </c>
      <c r="JM26" s="61">
        <v>8</v>
      </c>
      <c r="JN26" s="61">
        <v>8</v>
      </c>
      <c r="JO26" s="61">
        <v>3</v>
      </c>
      <c r="JP26" s="62">
        <v>43</v>
      </c>
      <c r="JQ26" s="63">
        <v>51</v>
      </c>
      <c r="JR26" s="60">
        <v>0</v>
      </c>
      <c r="JS26" s="61">
        <v>0</v>
      </c>
      <c r="JT26" s="62">
        <v>0</v>
      </c>
      <c r="JU26" s="231"/>
      <c r="JV26" s="61">
        <v>0</v>
      </c>
      <c r="JW26" s="61">
        <v>0</v>
      </c>
      <c r="JX26" s="61">
        <v>0</v>
      </c>
      <c r="JY26" s="61">
        <v>0</v>
      </c>
      <c r="JZ26" s="61">
        <v>0</v>
      </c>
      <c r="KA26" s="62">
        <v>0</v>
      </c>
      <c r="KB26" s="63">
        <v>0</v>
      </c>
      <c r="KC26" s="60">
        <v>31</v>
      </c>
      <c r="KD26" s="61">
        <v>32</v>
      </c>
      <c r="KE26" s="62">
        <v>63</v>
      </c>
      <c r="KF26" s="231"/>
      <c r="KG26" s="61">
        <v>56</v>
      </c>
      <c r="KH26" s="61">
        <v>41</v>
      </c>
      <c r="KI26" s="61">
        <v>22</v>
      </c>
      <c r="KJ26" s="61">
        <v>25</v>
      </c>
      <c r="KK26" s="61">
        <v>10</v>
      </c>
      <c r="KL26" s="62">
        <v>154</v>
      </c>
      <c r="KM26" s="63">
        <v>217</v>
      </c>
    </row>
    <row r="27" spans="2:299" ht="21" customHeight="1" x14ac:dyDescent="0.2">
      <c r="B27" s="472" t="s">
        <v>24</v>
      </c>
      <c r="C27" s="293">
        <v>35</v>
      </c>
      <c r="D27" s="72">
        <v>20</v>
      </c>
      <c r="E27" s="73">
        <v>55</v>
      </c>
      <c r="F27" s="228"/>
      <c r="G27" s="72">
        <v>39</v>
      </c>
      <c r="H27" s="72">
        <v>32</v>
      </c>
      <c r="I27" s="72">
        <v>15</v>
      </c>
      <c r="J27" s="72">
        <v>13</v>
      </c>
      <c r="K27" s="72">
        <v>8</v>
      </c>
      <c r="L27" s="74">
        <v>107</v>
      </c>
      <c r="M27" s="75">
        <v>162</v>
      </c>
      <c r="N27" s="60">
        <v>0</v>
      </c>
      <c r="O27" s="61">
        <v>0</v>
      </c>
      <c r="P27" s="62">
        <v>0</v>
      </c>
      <c r="Q27" s="231"/>
      <c r="R27" s="61">
        <v>1</v>
      </c>
      <c r="S27" s="61">
        <v>0</v>
      </c>
      <c r="T27" s="61">
        <v>0</v>
      </c>
      <c r="U27" s="61">
        <v>0</v>
      </c>
      <c r="V27" s="61">
        <v>0</v>
      </c>
      <c r="W27" s="62">
        <v>1</v>
      </c>
      <c r="X27" s="63">
        <v>1</v>
      </c>
      <c r="Y27" s="60">
        <v>0</v>
      </c>
      <c r="Z27" s="61">
        <v>1</v>
      </c>
      <c r="AA27" s="62">
        <v>1</v>
      </c>
      <c r="AB27" s="231"/>
      <c r="AC27" s="61">
        <v>2</v>
      </c>
      <c r="AD27" s="61">
        <v>1</v>
      </c>
      <c r="AE27" s="61">
        <v>1</v>
      </c>
      <c r="AF27" s="61">
        <v>0</v>
      </c>
      <c r="AG27" s="61">
        <v>1</v>
      </c>
      <c r="AH27" s="62">
        <v>5</v>
      </c>
      <c r="AI27" s="63">
        <v>6</v>
      </c>
      <c r="AJ27" s="60">
        <v>0</v>
      </c>
      <c r="AK27" s="61">
        <v>0</v>
      </c>
      <c r="AL27" s="62">
        <v>0</v>
      </c>
      <c r="AM27" s="231"/>
      <c r="AN27" s="61">
        <v>1</v>
      </c>
      <c r="AO27" s="61">
        <v>4</v>
      </c>
      <c r="AP27" s="61">
        <v>2</v>
      </c>
      <c r="AQ27" s="61">
        <v>2</v>
      </c>
      <c r="AR27" s="61">
        <v>0</v>
      </c>
      <c r="AS27" s="62">
        <v>9</v>
      </c>
      <c r="AT27" s="63">
        <v>9</v>
      </c>
      <c r="AU27" s="60">
        <v>6</v>
      </c>
      <c r="AV27" s="61">
        <v>5</v>
      </c>
      <c r="AW27" s="62">
        <v>11</v>
      </c>
      <c r="AX27" s="231"/>
      <c r="AY27" s="61">
        <v>8</v>
      </c>
      <c r="AZ27" s="61">
        <v>5</v>
      </c>
      <c r="BA27" s="61">
        <v>1</v>
      </c>
      <c r="BB27" s="61">
        <v>1</v>
      </c>
      <c r="BC27" s="61">
        <v>3</v>
      </c>
      <c r="BD27" s="62">
        <v>18</v>
      </c>
      <c r="BE27" s="63">
        <v>29</v>
      </c>
      <c r="BF27" s="60">
        <v>15</v>
      </c>
      <c r="BG27" s="61">
        <v>7</v>
      </c>
      <c r="BH27" s="62">
        <v>22</v>
      </c>
      <c r="BI27" s="231"/>
      <c r="BJ27" s="61">
        <v>13</v>
      </c>
      <c r="BK27" s="61">
        <v>10</v>
      </c>
      <c r="BL27" s="61">
        <v>4</v>
      </c>
      <c r="BM27" s="61">
        <v>7</v>
      </c>
      <c r="BN27" s="61">
        <v>2</v>
      </c>
      <c r="BO27" s="62">
        <v>36</v>
      </c>
      <c r="BP27" s="63">
        <v>58</v>
      </c>
      <c r="BQ27" s="60">
        <v>14</v>
      </c>
      <c r="BR27" s="61">
        <v>7</v>
      </c>
      <c r="BS27" s="62">
        <v>21</v>
      </c>
      <c r="BT27" s="231"/>
      <c r="BU27" s="61">
        <v>14</v>
      </c>
      <c r="BV27" s="61">
        <v>12</v>
      </c>
      <c r="BW27" s="61">
        <v>7</v>
      </c>
      <c r="BX27" s="61">
        <v>3</v>
      </c>
      <c r="BY27" s="61">
        <v>2</v>
      </c>
      <c r="BZ27" s="62">
        <v>38</v>
      </c>
      <c r="CA27" s="63">
        <v>59</v>
      </c>
      <c r="CB27" s="60">
        <v>0</v>
      </c>
      <c r="CC27" s="61">
        <v>0</v>
      </c>
      <c r="CD27" s="62">
        <v>0</v>
      </c>
      <c r="CE27" s="231"/>
      <c r="CF27" s="61">
        <v>0</v>
      </c>
      <c r="CG27" s="61">
        <v>0</v>
      </c>
      <c r="CH27" s="61">
        <v>0</v>
      </c>
      <c r="CI27" s="61">
        <v>0</v>
      </c>
      <c r="CJ27" s="61">
        <v>0</v>
      </c>
      <c r="CK27" s="62">
        <v>0</v>
      </c>
      <c r="CL27" s="63">
        <v>0</v>
      </c>
      <c r="CM27" s="60">
        <v>35</v>
      </c>
      <c r="CN27" s="61">
        <v>20</v>
      </c>
      <c r="CO27" s="62">
        <v>55</v>
      </c>
      <c r="CP27" s="231"/>
      <c r="CQ27" s="61">
        <v>39</v>
      </c>
      <c r="CR27" s="61">
        <v>32</v>
      </c>
      <c r="CS27" s="61">
        <v>15</v>
      </c>
      <c r="CT27" s="61">
        <v>13</v>
      </c>
      <c r="CU27" s="61">
        <v>8</v>
      </c>
      <c r="CV27" s="62">
        <v>107</v>
      </c>
      <c r="CW27" s="63">
        <v>162</v>
      </c>
      <c r="CX27" s="113">
        <v>3</v>
      </c>
      <c r="CY27" s="72">
        <v>2</v>
      </c>
      <c r="CZ27" s="73">
        <v>5</v>
      </c>
      <c r="DA27" s="228"/>
      <c r="DB27" s="72">
        <v>5</v>
      </c>
      <c r="DC27" s="72">
        <v>3</v>
      </c>
      <c r="DD27" s="72">
        <v>5</v>
      </c>
      <c r="DE27" s="72">
        <v>4</v>
      </c>
      <c r="DF27" s="72">
        <v>3</v>
      </c>
      <c r="DG27" s="74">
        <v>20</v>
      </c>
      <c r="DH27" s="75">
        <v>25</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1</v>
      </c>
      <c r="EL27" s="61">
        <v>0</v>
      </c>
      <c r="EM27" s="61">
        <v>0</v>
      </c>
      <c r="EN27" s="62">
        <v>1</v>
      </c>
      <c r="EO27" s="63">
        <v>1</v>
      </c>
      <c r="EP27" s="60">
        <v>0</v>
      </c>
      <c r="EQ27" s="61">
        <v>0</v>
      </c>
      <c r="ER27" s="62">
        <v>0</v>
      </c>
      <c r="ES27" s="231"/>
      <c r="ET27" s="61">
        <v>3</v>
      </c>
      <c r="EU27" s="61">
        <v>0</v>
      </c>
      <c r="EV27" s="61">
        <v>1</v>
      </c>
      <c r="EW27" s="61">
        <v>1</v>
      </c>
      <c r="EX27" s="61">
        <v>1</v>
      </c>
      <c r="EY27" s="62">
        <v>6</v>
      </c>
      <c r="EZ27" s="63">
        <v>6</v>
      </c>
      <c r="FA27" s="60">
        <v>2</v>
      </c>
      <c r="FB27" s="61">
        <v>2</v>
      </c>
      <c r="FC27" s="62">
        <v>4</v>
      </c>
      <c r="FD27" s="231"/>
      <c r="FE27" s="61">
        <v>0</v>
      </c>
      <c r="FF27" s="61">
        <v>2</v>
      </c>
      <c r="FG27" s="61">
        <v>1</v>
      </c>
      <c r="FH27" s="61">
        <v>2</v>
      </c>
      <c r="FI27" s="61">
        <v>0</v>
      </c>
      <c r="FJ27" s="62">
        <v>5</v>
      </c>
      <c r="FK27" s="63">
        <v>9</v>
      </c>
      <c r="FL27" s="60">
        <v>1</v>
      </c>
      <c r="FM27" s="61">
        <v>0</v>
      </c>
      <c r="FN27" s="62">
        <v>1</v>
      </c>
      <c r="FO27" s="231"/>
      <c r="FP27" s="61">
        <v>2</v>
      </c>
      <c r="FQ27" s="61">
        <v>1</v>
      </c>
      <c r="FR27" s="61">
        <v>2</v>
      </c>
      <c r="FS27" s="61">
        <v>1</v>
      </c>
      <c r="FT27" s="61">
        <v>2</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5</v>
      </c>
      <c r="GM27" s="61">
        <v>3</v>
      </c>
      <c r="GN27" s="61">
        <v>5</v>
      </c>
      <c r="GO27" s="61">
        <v>4</v>
      </c>
      <c r="GP27" s="61">
        <v>3</v>
      </c>
      <c r="GQ27" s="62">
        <v>20</v>
      </c>
      <c r="GR27" s="63">
        <v>25</v>
      </c>
      <c r="GS27" s="113">
        <v>38</v>
      </c>
      <c r="GT27" s="72">
        <v>22</v>
      </c>
      <c r="GU27" s="73">
        <v>60</v>
      </c>
      <c r="GV27" s="228"/>
      <c r="GW27" s="72">
        <v>44</v>
      </c>
      <c r="GX27" s="72">
        <v>35</v>
      </c>
      <c r="GY27" s="72">
        <v>20</v>
      </c>
      <c r="GZ27" s="72">
        <v>17</v>
      </c>
      <c r="HA27" s="72">
        <v>11</v>
      </c>
      <c r="HB27" s="74">
        <v>127</v>
      </c>
      <c r="HC27" s="75">
        <v>187</v>
      </c>
      <c r="HD27" s="60">
        <v>0</v>
      </c>
      <c r="HE27" s="61">
        <v>0</v>
      </c>
      <c r="HF27" s="62">
        <v>0</v>
      </c>
      <c r="HG27" s="231"/>
      <c r="HH27" s="61">
        <v>1</v>
      </c>
      <c r="HI27" s="61">
        <v>0</v>
      </c>
      <c r="HJ27" s="61">
        <v>0</v>
      </c>
      <c r="HK27" s="61">
        <v>0</v>
      </c>
      <c r="HL27" s="61">
        <v>0</v>
      </c>
      <c r="HM27" s="62">
        <v>1</v>
      </c>
      <c r="HN27" s="63">
        <v>1</v>
      </c>
      <c r="HO27" s="60">
        <v>0</v>
      </c>
      <c r="HP27" s="61">
        <v>1</v>
      </c>
      <c r="HQ27" s="62">
        <v>1</v>
      </c>
      <c r="HR27" s="231"/>
      <c r="HS27" s="61">
        <v>2</v>
      </c>
      <c r="HT27" s="61">
        <v>1</v>
      </c>
      <c r="HU27" s="61">
        <v>1</v>
      </c>
      <c r="HV27" s="61">
        <v>0</v>
      </c>
      <c r="HW27" s="61">
        <v>1</v>
      </c>
      <c r="HX27" s="62">
        <v>5</v>
      </c>
      <c r="HY27" s="63">
        <v>6</v>
      </c>
      <c r="HZ27" s="60">
        <v>0</v>
      </c>
      <c r="IA27" s="61">
        <v>0</v>
      </c>
      <c r="IB27" s="62">
        <v>0</v>
      </c>
      <c r="IC27" s="231"/>
      <c r="ID27" s="61">
        <v>1</v>
      </c>
      <c r="IE27" s="61">
        <v>4</v>
      </c>
      <c r="IF27" s="61">
        <v>3</v>
      </c>
      <c r="IG27" s="61">
        <v>2</v>
      </c>
      <c r="IH27" s="61">
        <v>0</v>
      </c>
      <c r="II27" s="62">
        <v>10</v>
      </c>
      <c r="IJ27" s="63">
        <v>10</v>
      </c>
      <c r="IK27" s="60">
        <v>6</v>
      </c>
      <c r="IL27" s="61">
        <v>5</v>
      </c>
      <c r="IM27" s="62">
        <v>11</v>
      </c>
      <c r="IN27" s="231"/>
      <c r="IO27" s="61">
        <v>11</v>
      </c>
      <c r="IP27" s="61">
        <v>5</v>
      </c>
      <c r="IQ27" s="61">
        <v>2</v>
      </c>
      <c r="IR27" s="61">
        <v>2</v>
      </c>
      <c r="IS27" s="61">
        <v>4</v>
      </c>
      <c r="IT27" s="62">
        <v>24</v>
      </c>
      <c r="IU27" s="63">
        <v>35</v>
      </c>
      <c r="IV27" s="60">
        <v>17</v>
      </c>
      <c r="IW27" s="61">
        <v>9</v>
      </c>
      <c r="IX27" s="62">
        <v>26</v>
      </c>
      <c r="IY27" s="231"/>
      <c r="IZ27" s="61">
        <v>13</v>
      </c>
      <c r="JA27" s="61">
        <v>12</v>
      </c>
      <c r="JB27" s="61">
        <v>5</v>
      </c>
      <c r="JC27" s="61">
        <v>9</v>
      </c>
      <c r="JD27" s="61">
        <v>2</v>
      </c>
      <c r="JE27" s="62">
        <v>41</v>
      </c>
      <c r="JF27" s="63">
        <v>67</v>
      </c>
      <c r="JG27" s="60">
        <v>15</v>
      </c>
      <c r="JH27" s="61">
        <v>7</v>
      </c>
      <c r="JI27" s="62">
        <v>22</v>
      </c>
      <c r="JJ27" s="231"/>
      <c r="JK27" s="61">
        <v>16</v>
      </c>
      <c r="JL27" s="61">
        <v>13</v>
      </c>
      <c r="JM27" s="61">
        <v>9</v>
      </c>
      <c r="JN27" s="61">
        <v>4</v>
      </c>
      <c r="JO27" s="61">
        <v>4</v>
      </c>
      <c r="JP27" s="62">
        <v>46</v>
      </c>
      <c r="JQ27" s="63">
        <v>68</v>
      </c>
      <c r="JR27" s="60">
        <v>0</v>
      </c>
      <c r="JS27" s="61">
        <v>0</v>
      </c>
      <c r="JT27" s="62">
        <v>0</v>
      </c>
      <c r="JU27" s="231"/>
      <c r="JV27" s="61">
        <v>0</v>
      </c>
      <c r="JW27" s="61">
        <v>0</v>
      </c>
      <c r="JX27" s="61">
        <v>0</v>
      </c>
      <c r="JY27" s="61">
        <v>0</v>
      </c>
      <c r="JZ27" s="61">
        <v>0</v>
      </c>
      <c r="KA27" s="62">
        <v>0</v>
      </c>
      <c r="KB27" s="63">
        <v>0</v>
      </c>
      <c r="KC27" s="60">
        <v>38</v>
      </c>
      <c r="KD27" s="61">
        <v>22</v>
      </c>
      <c r="KE27" s="62">
        <v>60</v>
      </c>
      <c r="KF27" s="231"/>
      <c r="KG27" s="61">
        <v>44</v>
      </c>
      <c r="KH27" s="61">
        <v>35</v>
      </c>
      <c r="KI27" s="61">
        <v>20</v>
      </c>
      <c r="KJ27" s="61">
        <v>17</v>
      </c>
      <c r="KK27" s="61">
        <v>11</v>
      </c>
      <c r="KL27" s="62">
        <v>127</v>
      </c>
      <c r="KM27" s="63">
        <v>187</v>
      </c>
    </row>
    <row r="28" spans="2:299" ht="21" customHeight="1" x14ac:dyDescent="0.2">
      <c r="B28" s="472" t="s">
        <v>25</v>
      </c>
      <c r="C28" s="293">
        <v>19</v>
      </c>
      <c r="D28" s="72">
        <v>19</v>
      </c>
      <c r="E28" s="73">
        <v>38</v>
      </c>
      <c r="F28" s="228"/>
      <c r="G28" s="72">
        <v>28</v>
      </c>
      <c r="H28" s="72">
        <v>10</v>
      </c>
      <c r="I28" s="72">
        <v>16</v>
      </c>
      <c r="J28" s="72">
        <v>14</v>
      </c>
      <c r="K28" s="72">
        <v>8</v>
      </c>
      <c r="L28" s="74">
        <v>76</v>
      </c>
      <c r="M28" s="75">
        <v>114</v>
      </c>
      <c r="N28" s="60">
        <v>0</v>
      </c>
      <c r="O28" s="61">
        <v>0</v>
      </c>
      <c r="P28" s="62">
        <v>0</v>
      </c>
      <c r="Q28" s="231"/>
      <c r="R28" s="61">
        <v>0</v>
      </c>
      <c r="S28" s="61">
        <v>0</v>
      </c>
      <c r="T28" s="61">
        <v>1</v>
      </c>
      <c r="U28" s="61">
        <v>1</v>
      </c>
      <c r="V28" s="61">
        <v>0</v>
      </c>
      <c r="W28" s="62">
        <v>2</v>
      </c>
      <c r="X28" s="63">
        <v>2</v>
      </c>
      <c r="Y28" s="60">
        <v>2</v>
      </c>
      <c r="Z28" s="61">
        <v>3</v>
      </c>
      <c r="AA28" s="62">
        <v>5</v>
      </c>
      <c r="AB28" s="231"/>
      <c r="AC28" s="61">
        <v>4</v>
      </c>
      <c r="AD28" s="61">
        <v>0</v>
      </c>
      <c r="AE28" s="61">
        <v>1</v>
      </c>
      <c r="AF28" s="61">
        <v>2</v>
      </c>
      <c r="AG28" s="61">
        <v>0</v>
      </c>
      <c r="AH28" s="62">
        <v>7</v>
      </c>
      <c r="AI28" s="63">
        <v>12</v>
      </c>
      <c r="AJ28" s="60">
        <v>1</v>
      </c>
      <c r="AK28" s="61">
        <v>4</v>
      </c>
      <c r="AL28" s="62">
        <v>5</v>
      </c>
      <c r="AM28" s="231"/>
      <c r="AN28" s="61">
        <v>4</v>
      </c>
      <c r="AO28" s="61">
        <v>0</v>
      </c>
      <c r="AP28" s="61">
        <v>0</v>
      </c>
      <c r="AQ28" s="61">
        <v>1</v>
      </c>
      <c r="AR28" s="61">
        <v>1</v>
      </c>
      <c r="AS28" s="62">
        <v>6</v>
      </c>
      <c r="AT28" s="63">
        <v>11</v>
      </c>
      <c r="AU28" s="60">
        <v>4</v>
      </c>
      <c r="AV28" s="61">
        <v>5</v>
      </c>
      <c r="AW28" s="62">
        <v>9</v>
      </c>
      <c r="AX28" s="231"/>
      <c r="AY28" s="61">
        <v>4</v>
      </c>
      <c r="AZ28" s="61">
        <v>2</v>
      </c>
      <c r="BA28" s="61">
        <v>5</v>
      </c>
      <c r="BB28" s="61">
        <v>2</v>
      </c>
      <c r="BC28" s="61">
        <v>2</v>
      </c>
      <c r="BD28" s="62">
        <v>15</v>
      </c>
      <c r="BE28" s="63">
        <v>24</v>
      </c>
      <c r="BF28" s="60">
        <v>5</v>
      </c>
      <c r="BG28" s="61">
        <v>4</v>
      </c>
      <c r="BH28" s="62">
        <v>9</v>
      </c>
      <c r="BI28" s="231"/>
      <c r="BJ28" s="61">
        <v>9</v>
      </c>
      <c r="BK28" s="61">
        <v>4</v>
      </c>
      <c r="BL28" s="61">
        <v>5</v>
      </c>
      <c r="BM28" s="61">
        <v>3</v>
      </c>
      <c r="BN28" s="61">
        <v>3</v>
      </c>
      <c r="BO28" s="62">
        <v>24</v>
      </c>
      <c r="BP28" s="63">
        <v>33</v>
      </c>
      <c r="BQ28" s="60">
        <v>7</v>
      </c>
      <c r="BR28" s="61">
        <v>3</v>
      </c>
      <c r="BS28" s="62">
        <v>10</v>
      </c>
      <c r="BT28" s="231"/>
      <c r="BU28" s="61">
        <v>7</v>
      </c>
      <c r="BV28" s="61">
        <v>4</v>
      </c>
      <c r="BW28" s="61">
        <v>4</v>
      </c>
      <c r="BX28" s="61">
        <v>5</v>
      </c>
      <c r="BY28" s="61">
        <v>2</v>
      </c>
      <c r="BZ28" s="62">
        <v>22</v>
      </c>
      <c r="CA28" s="63">
        <v>32</v>
      </c>
      <c r="CB28" s="60">
        <v>0</v>
      </c>
      <c r="CC28" s="61">
        <v>0</v>
      </c>
      <c r="CD28" s="62">
        <v>0</v>
      </c>
      <c r="CE28" s="231"/>
      <c r="CF28" s="61">
        <v>0</v>
      </c>
      <c r="CG28" s="61">
        <v>0</v>
      </c>
      <c r="CH28" s="61">
        <v>0</v>
      </c>
      <c r="CI28" s="61">
        <v>0</v>
      </c>
      <c r="CJ28" s="61">
        <v>0</v>
      </c>
      <c r="CK28" s="62">
        <v>0</v>
      </c>
      <c r="CL28" s="63">
        <v>0</v>
      </c>
      <c r="CM28" s="60">
        <v>19</v>
      </c>
      <c r="CN28" s="61">
        <v>19</v>
      </c>
      <c r="CO28" s="62">
        <v>38</v>
      </c>
      <c r="CP28" s="231"/>
      <c r="CQ28" s="61">
        <v>28</v>
      </c>
      <c r="CR28" s="61">
        <v>10</v>
      </c>
      <c r="CS28" s="61">
        <v>16</v>
      </c>
      <c r="CT28" s="61">
        <v>14</v>
      </c>
      <c r="CU28" s="61">
        <v>8</v>
      </c>
      <c r="CV28" s="62">
        <v>76</v>
      </c>
      <c r="CW28" s="63">
        <v>114</v>
      </c>
      <c r="CX28" s="113">
        <v>2</v>
      </c>
      <c r="CY28" s="72">
        <v>4</v>
      </c>
      <c r="CZ28" s="73">
        <v>6</v>
      </c>
      <c r="DA28" s="228"/>
      <c r="DB28" s="72">
        <v>3</v>
      </c>
      <c r="DC28" s="72">
        <v>1</v>
      </c>
      <c r="DD28" s="72">
        <v>0</v>
      </c>
      <c r="DE28" s="72">
        <v>0</v>
      </c>
      <c r="DF28" s="72">
        <v>0</v>
      </c>
      <c r="DG28" s="74">
        <v>4</v>
      </c>
      <c r="DH28" s="75">
        <v>10</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0</v>
      </c>
      <c r="EN28" s="62">
        <v>0</v>
      </c>
      <c r="EO28" s="63">
        <v>0</v>
      </c>
      <c r="EP28" s="60">
        <v>0</v>
      </c>
      <c r="EQ28" s="61">
        <v>1</v>
      </c>
      <c r="ER28" s="62">
        <v>1</v>
      </c>
      <c r="ES28" s="231"/>
      <c r="ET28" s="61">
        <v>0</v>
      </c>
      <c r="EU28" s="61">
        <v>1</v>
      </c>
      <c r="EV28" s="61">
        <v>0</v>
      </c>
      <c r="EW28" s="61">
        <v>0</v>
      </c>
      <c r="EX28" s="61">
        <v>0</v>
      </c>
      <c r="EY28" s="62">
        <v>1</v>
      </c>
      <c r="EZ28" s="63">
        <v>2</v>
      </c>
      <c r="FA28" s="60">
        <v>0</v>
      </c>
      <c r="FB28" s="61">
        <v>2</v>
      </c>
      <c r="FC28" s="62">
        <v>2</v>
      </c>
      <c r="FD28" s="231"/>
      <c r="FE28" s="61">
        <v>1</v>
      </c>
      <c r="FF28" s="61">
        <v>0</v>
      </c>
      <c r="FG28" s="61">
        <v>0</v>
      </c>
      <c r="FH28" s="61">
        <v>0</v>
      </c>
      <c r="FI28" s="61">
        <v>0</v>
      </c>
      <c r="FJ28" s="62">
        <v>1</v>
      </c>
      <c r="FK28" s="63">
        <v>3</v>
      </c>
      <c r="FL28" s="60">
        <v>2</v>
      </c>
      <c r="FM28" s="61">
        <v>1</v>
      </c>
      <c r="FN28" s="62">
        <v>3</v>
      </c>
      <c r="FO28" s="231"/>
      <c r="FP28" s="61">
        <v>2</v>
      </c>
      <c r="FQ28" s="61">
        <v>0</v>
      </c>
      <c r="FR28" s="61">
        <v>0</v>
      </c>
      <c r="FS28" s="61">
        <v>0</v>
      </c>
      <c r="FT28" s="61">
        <v>0</v>
      </c>
      <c r="FU28" s="62">
        <v>2</v>
      </c>
      <c r="FV28" s="63">
        <v>5</v>
      </c>
      <c r="FW28" s="60">
        <v>0</v>
      </c>
      <c r="FX28" s="61">
        <v>0</v>
      </c>
      <c r="FY28" s="62">
        <v>0</v>
      </c>
      <c r="FZ28" s="231"/>
      <c r="GA28" s="61">
        <v>0</v>
      </c>
      <c r="GB28" s="61">
        <v>0</v>
      </c>
      <c r="GC28" s="61">
        <v>0</v>
      </c>
      <c r="GD28" s="61">
        <v>0</v>
      </c>
      <c r="GE28" s="61">
        <v>0</v>
      </c>
      <c r="GF28" s="62">
        <v>0</v>
      </c>
      <c r="GG28" s="63">
        <v>0</v>
      </c>
      <c r="GH28" s="60">
        <v>2</v>
      </c>
      <c r="GI28" s="61">
        <v>4</v>
      </c>
      <c r="GJ28" s="62">
        <v>6</v>
      </c>
      <c r="GK28" s="231"/>
      <c r="GL28" s="61">
        <v>3</v>
      </c>
      <c r="GM28" s="61">
        <v>1</v>
      </c>
      <c r="GN28" s="61">
        <v>0</v>
      </c>
      <c r="GO28" s="61">
        <v>0</v>
      </c>
      <c r="GP28" s="61">
        <v>0</v>
      </c>
      <c r="GQ28" s="62">
        <v>4</v>
      </c>
      <c r="GR28" s="63">
        <v>10</v>
      </c>
      <c r="GS28" s="113">
        <v>21</v>
      </c>
      <c r="GT28" s="72">
        <v>23</v>
      </c>
      <c r="GU28" s="73">
        <v>44</v>
      </c>
      <c r="GV28" s="228"/>
      <c r="GW28" s="72">
        <v>31</v>
      </c>
      <c r="GX28" s="72">
        <v>11</v>
      </c>
      <c r="GY28" s="72">
        <v>16</v>
      </c>
      <c r="GZ28" s="72">
        <v>14</v>
      </c>
      <c r="HA28" s="72">
        <v>8</v>
      </c>
      <c r="HB28" s="74">
        <v>80</v>
      </c>
      <c r="HC28" s="75">
        <v>124</v>
      </c>
      <c r="HD28" s="60">
        <v>0</v>
      </c>
      <c r="HE28" s="61">
        <v>0</v>
      </c>
      <c r="HF28" s="62">
        <v>0</v>
      </c>
      <c r="HG28" s="231"/>
      <c r="HH28" s="61">
        <v>0</v>
      </c>
      <c r="HI28" s="61">
        <v>0</v>
      </c>
      <c r="HJ28" s="61">
        <v>1</v>
      </c>
      <c r="HK28" s="61">
        <v>1</v>
      </c>
      <c r="HL28" s="61">
        <v>0</v>
      </c>
      <c r="HM28" s="62">
        <v>2</v>
      </c>
      <c r="HN28" s="63">
        <v>2</v>
      </c>
      <c r="HO28" s="60">
        <v>2</v>
      </c>
      <c r="HP28" s="61">
        <v>3</v>
      </c>
      <c r="HQ28" s="62">
        <v>5</v>
      </c>
      <c r="HR28" s="231"/>
      <c r="HS28" s="61">
        <v>4</v>
      </c>
      <c r="HT28" s="61">
        <v>0</v>
      </c>
      <c r="HU28" s="61">
        <v>1</v>
      </c>
      <c r="HV28" s="61">
        <v>2</v>
      </c>
      <c r="HW28" s="61">
        <v>0</v>
      </c>
      <c r="HX28" s="62">
        <v>7</v>
      </c>
      <c r="HY28" s="63">
        <v>12</v>
      </c>
      <c r="HZ28" s="60">
        <v>1</v>
      </c>
      <c r="IA28" s="61">
        <v>4</v>
      </c>
      <c r="IB28" s="62">
        <v>5</v>
      </c>
      <c r="IC28" s="231"/>
      <c r="ID28" s="61">
        <v>4</v>
      </c>
      <c r="IE28" s="61">
        <v>0</v>
      </c>
      <c r="IF28" s="61">
        <v>0</v>
      </c>
      <c r="IG28" s="61">
        <v>1</v>
      </c>
      <c r="IH28" s="61">
        <v>1</v>
      </c>
      <c r="II28" s="62">
        <v>6</v>
      </c>
      <c r="IJ28" s="63">
        <v>11</v>
      </c>
      <c r="IK28" s="60">
        <v>4</v>
      </c>
      <c r="IL28" s="61">
        <v>6</v>
      </c>
      <c r="IM28" s="62">
        <v>10</v>
      </c>
      <c r="IN28" s="231"/>
      <c r="IO28" s="61">
        <v>4</v>
      </c>
      <c r="IP28" s="61">
        <v>3</v>
      </c>
      <c r="IQ28" s="61">
        <v>5</v>
      </c>
      <c r="IR28" s="61">
        <v>2</v>
      </c>
      <c r="IS28" s="61">
        <v>2</v>
      </c>
      <c r="IT28" s="62">
        <v>16</v>
      </c>
      <c r="IU28" s="63">
        <v>26</v>
      </c>
      <c r="IV28" s="60">
        <v>5</v>
      </c>
      <c r="IW28" s="61">
        <v>6</v>
      </c>
      <c r="IX28" s="62">
        <v>11</v>
      </c>
      <c r="IY28" s="231"/>
      <c r="IZ28" s="61">
        <v>10</v>
      </c>
      <c r="JA28" s="61">
        <v>4</v>
      </c>
      <c r="JB28" s="61">
        <v>5</v>
      </c>
      <c r="JC28" s="61">
        <v>3</v>
      </c>
      <c r="JD28" s="61">
        <v>3</v>
      </c>
      <c r="JE28" s="62">
        <v>25</v>
      </c>
      <c r="JF28" s="63">
        <v>36</v>
      </c>
      <c r="JG28" s="60">
        <v>9</v>
      </c>
      <c r="JH28" s="61">
        <v>4</v>
      </c>
      <c r="JI28" s="62">
        <v>13</v>
      </c>
      <c r="JJ28" s="231"/>
      <c r="JK28" s="61">
        <v>9</v>
      </c>
      <c r="JL28" s="61">
        <v>4</v>
      </c>
      <c r="JM28" s="61">
        <v>4</v>
      </c>
      <c r="JN28" s="61">
        <v>5</v>
      </c>
      <c r="JO28" s="61">
        <v>2</v>
      </c>
      <c r="JP28" s="62">
        <v>24</v>
      </c>
      <c r="JQ28" s="63">
        <v>37</v>
      </c>
      <c r="JR28" s="60">
        <v>0</v>
      </c>
      <c r="JS28" s="61">
        <v>0</v>
      </c>
      <c r="JT28" s="62">
        <v>0</v>
      </c>
      <c r="JU28" s="231"/>
      <c r="JV28" s="61">
        <v>0</v>
      </c>
      <c r="JW28" s="61">
        <v>0</v>
      </c>
      <c r="JX28" s="61">
        <v>0</v>
      </c>
      <c r="JY28" s="61">
        <v>0</v>
      </c>
      <c r="JZ28" s="61">
        <v>0</v>
      </c>
      <c r="KA28" s="62">
        <v>0</v>
      </c>
      <c r="KB28" s="63">
        <v>0</v>
      </c>
      <c r="KC28" s="60">
        <v>21</v>
      </c>
      <c r="KD28" s="61">
        <v>23</v>
      </c>
      <c r="KE28" s="62">
        <v>44</v>
      </c>
      <c r="KF28" s="231"/>
      <c r="KG28" s="61">
        <v>31</v>
      </c>
      <c r="KH28" s="61">
        <v>11</v>
      </c>
      <c r="KI28" s="61">
        <v>16</v>
      </c>
      <c r="KJ28" s="61">
        <v>14</v>
      </c>
      <c r="KK28" s="61">
        <v>8</v>
      </c>
      <c r="KL28" s="62">
        <v>80</v>
      </c>
      <c r="KM28" s="63">
        <v>124</v>
      </c>
    </row>
    <row r="29" spans="2:299" ht="21" customHeight="1" x14ac:dyDescent="0.2">
      <c r="B29" s="472" t="s">
        <v>26</v>
      </c>
      <c r="C29" s="293">
        <v>20</v>
      </c>
      <c r="D29" s="72">
        <v>14</v>
      </c>
      <c r="E29" s="73">
        <v>34</v>
      </c>
      <c r="F29" s="228"/>
      <c r="G29" s="72">
        <v>23</v>
      </c>
      <c r="H29" s="72">
        <v>21</v>
      </c>
      <c r="I29" s="72">
        <v>20</v>
      </c>
      <c r="J29" s="72">
        <v>9</v>
      </c>
      <c r="K29" s="72">
        <v>4</v>
      </c>
      <c r="L29" s="74">
        <v>77</v>
      </c>
      <c r="M29" s="75">
        <v>111</v>
      </c>
      <c r="N29" s="60">
        <v>0</v>
      </c>
      <c r="O29" s="61">
        <v>0</v>
      </c>
      <c r="P29" s="62">
        <v>0</v>
      </c>
      <c r="Q29" s="231"/>
      <c r="R29" s="61">
        <v>0</v>
      </c>
      <c r="S29" s="61">
        <v>0</v>
      </c>
      <c r="T29" s="61">
        <v>0</v>
      </c>
      <c r="U29" s="61">
        <v>0</v>
      </c>
      <c r="V29" s="61">
        <v>0</v>
      </c>
      <c r="W29" s="62">
        <v>0</v>
      </c>
      <c r="X29" s="63">
        <v>0</v>
      </c>
      <c r="Y29" s="60">
        <v>1</v>
      </c>
      <c r="Z29" s="61">
        <v>0</v>
      </c>
      <c r="AA29" s="62">
        <v>1</v>
      </c>
      <c r="AB29" s="231"/>
      <c r="AC29" s="61">
        <v>0</v>
      </c>
      <c r="AD29" s="61">
        <v>1</v>
      </c>
      <c r="AE29" s="61">
        <v>1</v>
      </c>
      <c r="AF29" s="61">
        <v>0</v>
      </c>
      <c r="AG29" s="61">
        <v>0</v>
      </c>
      <c r="AH29" s="62">
        <v>2</v>
      </c>
      <c r="AI29" s="63">
        <v>3</v>
      </c>
      <c r="AJ29" s="60">
        <v>1</v>
      </c>
      <c r="AK29" s="61">
        <v>2</v>
      </c>
      <c r="AL29" s="62">
        <v>3</v>
      </c>
      <c r="AM29" s="231"/>
      <c r="AN29" s="61">
        <v>2</v>
      </c>
      <c r="AO29" s="61">
        <v>1</v>
      </c>
      <c r="AP29" s="61">
        <v>2</v>
      </c>
      <c r="AQ29" s="61">
        <v>1</v>
      </c>
      <c r="AR29" s="61">
        <v>0</v>
      </c>
      <c r="AS29" s="62">
        <v>6</v>
      </c>
      <c r="AT29" s="63">
        <v>9</v>
      </c>
      <c r="AU29" s="60">
        <v>1</v>
      </c>
      <c r="AV29" s="61">
        <v>3</v>
      </c>
      <c r="AW29" s="62">
        <v>4</v>
      </c>
      <c r="AX29" s="231"/>
      <c r="AY29" s="61">
        <v>10</v>
      </c>
      <c r="AZ29" s="61">
        <v>6</v>
      </c>
      <c r="BA29" s="61">
        <v>5</v>
      </c>
      <c r="BB29" s="61">
        <v>2</v>
      </c>
      <c r="BC29" s="61">
        <v>0</v>
      </c>
      <c r="BD29" s="62">
        <v>23</v>
      </c>
      <c r="BE29" s="63">
        <v>27</v>
      </c>
      <c r="BF29" s="60">
        <v>6</v>
      </c>
      <c r="BG29" s="61">
        <v>4</v>
      </c>
      <c r="BH29" s="62">
        <v>10</v>
      </c>
      <c r="BI29" s="231"/>
      <c r="BJ29" s="61">
        <v>6</v>
      </c>
      <c r="BK29" s="61">
        <v>7</v>
      </c>
      <c r="BL29" s="61">
        <v>8</v>
      </c>
      <c r="BM29" s="61">
        <v>3</v>
      </c>
      <c r="BN29" s="61">
        <v>2</v>
      </c>
      <c r="BO29" s="62">
        <v>26</v>
      </c>
      <c r="BP29" s="63">
        <v>36</v>
      </c>
      <c r="BQ29" s="60">
        <v>11</v>
      </c>
      <c r="BR29" s="61">
        <v>5</v>
      </c>
      <c r="BS29" s="62">
        <v>16</v>
      </c>
      <c r="BT29" s="231"/>
      <c r="BU29" s="61">
        <v>5</v>
      </c>
      <c r="BV29" s="61">
        <v>6</v>
      </c>
      <c r="BW29" s="61">
        <v>4</v>
      </c>
      <c r="BX29" s="61">
        <v>3</v>
      </c>
      <c r="BY29" s="61">
        <v>2</v>
      </c>
      <c r="BZ29" s="62">
        <v>20</v>
      </c>
      <c r="CA29" s="63">
        <v>36</v>
      </c>
      <c r="CB29" s="60">
        <v>0</v>
      </c>
      <c r="CC29" s="61">
        <v>0</v>
      </c>
      <c r="CD29" s="62">
        <v>0</v>
      </c>
      <c r="CE29" s="231"/>
      <c r="CF29" s="61">
        <v>0</v>
      </c>
      <c r="CG29" s="61">
        <v>0</v>
      </c>
      <c r="CH29" s="61">
        <v>0</v>
      </c>
      <c r="CI29" s="61">
        <v>0</v>
      </c>
      <c r="CJ29" s="61">
        <v>0</v>
      </c>
      <c r="CK29" s="62">
        <v>0</v>
      </c>
      <c r="CL29" s="63">
        <v>0</v>
      </c>
      <c r="CM29" s="60">
        <v>20</v>
      </c>
      <c r="CN29" s="61">
        <v>14</v>
      </c>
      <c r="CO29" s="62">
        <v>34</v>
      </c>
      <c r="CP29" s="231"/>
      <c r="CQ29" s="61">
        <v>23</v>
      </c>
      <c r="CR29" s="61">
        <v>21</v>
      </c>
      <c r="CS29" s="61">
        <v>20</v>
      </c>
      <c r="CT29" s="61">
        <v>9</v>
      </c>
      <c r="CU29" s="61">
        <v>4</v>
      </c>
      <c r="CV29" s="62">
        <v>77</v>
      </c>
      <c r="CW29" s="63">
        <v>111</v>
      </c>
      <c r="CX29" s="113">
        <v>4</v>
      </c>
      <c r="CY29" s="72">
        <v>3</v>
      </c>
      <c r="CZ29" s="73">
        <v>7</v>
      </c>
      <c r="DA29" s="228"/>
      <c r="DB29" s="72">
        <v>3</v>
      </c>
      <c r="DC29" s="72">
        <v>3</v>
      </c>
      <c r="DD29" s="72">
        <v>2</v>
      </c>
      <c r="DE29" s="72">
        <v>1</v>
      </c>
      <c r="DF29" s="72">
        <v>0</v>
      </c>
      <c r="DG29" s="74">
        <v>9</v>
      </c>
      <c r="DH29" s="75">
        <v>16</v>
      </c>
      <c r="DI29" s="60">
        <v>0</v>
      </c>
      <c r="DJ29" s="61">
        <v>0</v>
      </c>
      <c r="DK29" s="62">
        <v>0</v>
      </c>
      <c r="DL29" s="231"/>
      <c r="DM29" s="61">
        <v>0</v>
      </c>
      <c r="DN29" s="61">
        <v>0</v>
      </c>
      <c r="DO29" s="61">
        <v>0</v>
      </c>
      <c r="DP29" s="61">
        <v>1</v>
      </c>
      <c r="DQ29" s="61">
        <v>0</v>
      </c>
      <c r="DR29" s="62">
        <v>1</v>
      </c>
      <c r="DS29" s="63">
        <v>1</v>
      </c>
      <c r="DT29" s="60">
        <v>2</v>
      </c>
      <c r="DU29" s="61">
        <v>0</v>
      </c>
      <c r="DV29" s="62">
        <v>2</v>
      </c>
      <c r="DW29" s="231"/>
      <c r="DX29" s="61">
        <v>0</v>
      </c>
      <c r="DY29" s="61">
        <v>0</v>
      </c>
      <c r="DZ29" s="61">
        <v>0</v>
      </c>
      <c r="EA29" s="61">
        <v>0</v>
      </c>
      <c r="EB29" s="61">
        <v>0</v>
      </c>
      <c r="EC29" s="62">
        <v>0</v>
      </c>
      <c r="ED29" s="63">
        <v>2</v>
      </c>
      <c r="EE29" s="60">
        <v>1</v>
      </c>
      <c r="EF29" s="61">
        <v>0</v>
      </c>
      <c r="EG29" s="62">
        <v>1</v>
      </c>
      <c r="EH29" s="231"/>
      <c r="EI29" s="61">
        <v>0</v>
      </c>
      <c r="EJ29" s="61">
        <v>0</v>
      </c>
      <c r="EK29" s="61">
        <v>0</v>
      </c>
      <c r="EL29" s="61">
        <v>0</v>
      </c>
      <c r="EM29" s="61">
        <v>0</v>
      </c>
      <c r="EN29" s="62">
        <v>0</v>
      </c>
      <c r="EO29" s="63">
        <v>1</v>
      </c>
      <c r="EP29" s="60">
        <v>0</v>
      </c>
      <c r="EQ29" s="61">
        <v>0</v>
      </c>
      <c r="ER29" s="62">
        <v>0</v>
      </c>
      <c r="ES29" s="231"/>
      <c r="ET29" s="61">
        <v>1</v>
      </c>
      <c r="EU29" s="61">
        <v>0</v>
      </c>
      <c r="EV29" s="61">
        <v>0</v>
      </c>
      <c r="EW29" s="61">
        <v>0</v>
      </c>
      <c r="EX29" s="61">
        <v>0</v>
      </c>
      <c r="EY29" s="62">
        <v>1</v>
      </c>
      <c r="EZ29" s="63">
        <v>1</v>
      </c>
      <c r="FA29" s="60">
        <v>0</v>
      </c>
      <c r="FB29" s="61">
        <v>1</v>
      </c>
      <c r="FC29" s="62">
        <v>1</v>
      </c>
      <c r="FD29" s="231"/>
      <c r="FE29" s="61">
        <v>1</v>
      </c>
      <c r="FF29" s="61">
        <v>1</v>
      </c>
      <c r="FG29" s="61">
        <v>0</v>
      </c>
      <c r="FH29" s="61">
        <v>0</v>
      </c>
      <c r="FI29" s="61">
        <v>0</v>
      </c>
      <c r="FJ29" s="62">
        <v>2</v>
      </c>
      <c r="FK29" s="63">
        <v>3</v>
      </c>
      <c r="FL29" s="60">
        <v>1</v>
      </c>
      <c r="FM29" s="61">
        <v>2</v>
      </c>
      <c r="FN29" s="62">
        <v>3</v>
      </c>
      <c r="FO29" s="231"/>
      <c r="FP29" s="61">
        <v>1</v>
      </c>
      <c r="FQ29" s="61">
        <v>2</v>
      </c>
      <c r="FR29" s="61">
        <v>2</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3</v>
      </c>
      <c r="GJ29" s="62">
        <v>7</v>
      </c>
      <c r="GK29" s="231"/>
      <c r="GL29" s="61">
        <v>3</v>
      </c>
      <c r="GM29" s="61">
        <v>3</v>
      </c>
      <c r="GN29" s="61">
        <v>2</v>
      </c>
      <c r="GO29" s="61">
        <v>1</v>
      </c>
      <c r="GP29" s="61">
        <v>0</v>
      </c>
      <c r="GQ29" s="62">
        <v>9</v>
      </c>
      <c r="GR29" s="63">
        <v>16</v>
      </c>
      <c r="GS29" s="113">
        <v>24</v>
      </c>
      <c r="GT29" s="72">
        <v>17</v>
      </c>
      <c r="GU29" s="73">
        <v>41</v>
      </c>
      <c r="GV29" s="228"/>
      <c r="GW29" s="72">
        <v>26</v>
      </c>
      <c r="GX29" s="72">
        <v>24</v>
      </c>
      <c r="GY29" s="72">
        <v>22</v>
      </c>
      <c r="GZ29" s="72">
        <v>10</v>
      </c>
      <c r="HA29" s="72">
        <v>4</v>
      </c>
      <c r="HB29" s="74">
        <v>86</v>
      </c>
      <c r="HC29" s="75">
        <v>127</v>
      </c>
      <c r="HD29" s="60">
        <v>0</v>
      </c>
      <c r="HE29" s="61">
        <v>0</v>
      </c>
      <c r="HF29" s="62">
        <v>0</v>
      </c>
      <c r="HG29" s="231"/>
      <c r="HH29" s="61">
        <v>0</v>
      </c>
      <c r="HI29" s="61">
        <v>0</v>
      </c>
      <c r="HJ29" s="61">
        <v>0</v>
      </c>
      <c r="HK29" s="61">
        <v>1</v>
      </c>
      <c r="HL29" s="61">
        <v>0</v>
      </c>
      <c r="HM29" s="62">
        <v>1</v>
      </c>
      <c r="HN29" s="63">
        <v>1</v>
      </c>
      <c r="HO29" s="60">
        <v>3</v>
      </c>
      <c r="HP29" s="61">
        <v>0</v>
      </c>
      <c r="HQ29" s="62">
        <v>3</v>
      </c>
      <c r="HR29" s="231"/>
      <c r="HS29" s="61">
        <v>0</v>
      </c>
      <c r="HT29" s="61">
        <v>1</v>
      </c>
      <c r="HU29" s="61">
        <v>1</v>
      </c>
      <c r="HV29" s="61">
        <v>0</v>
      </c>
      <c r="HW29" s="61">
        <v>0</v>
      </c>
      <c r="HX29" s="62">
        <v>2</v>
      </c>
      <c r="HY29" s="63">
        <v>5</v>
      </c>
      <c r="HZ29" s="60">
        <v>2</v>
      </c>
      <c r="IA29" s="61">
        <v>2</v>
      </c>
      <c r="IB29" s="62">
        <v>4</v>
      </c>
      <c r="IC29" s="231"/>
      <c r="ID29" s="61">
        <v>2</v>
      </c>
      <c r="IE29" s="61">
        <v>1</v>
      </c>
      <c r="IF29" s="61">
        <v>2</v>
      </c>
      <c r="IG29" s="61">
        <v>1</v>
      </c>
      <c r="IH29" s="61">
        <v>0</v>
      </c>
      <c r="II29" s="62">
        <v>6</v>
      </c>
      <c r="IJ29" s="63">
        <v>10</v>
      </c>
      <c r="IK29" s="60">
        <v>1</v>
      </c>
      <c r="IL29" s="61">
        <v>3</v>
      </c>
      <c r="IM29" s="62">
        <v>4</v>
      </c>
      <c r="IN29" s="231"/>
      <c r="IO29" s="61">
        <v>11</v>
      </c>
      <c r="IP29" s="61">
        <v>6</v>
      </c>
      <c r="IQ29" s="61">
        <v>5</v>
      </c>
      <c r="IR29" s="61">
        <v>2</v>
      </c>
      <c r="IS29" s="61">
        <v>0</v>
      </c>
      <c r="IT29" s="62">
        <v>24</v>
      </c>
      <c r="IU29" s="63">
        <v>28</v>
      </c>
      <c r="IV29" s="60">
        <v>6</v>
      </c>
      <c r="IW29" s="61">
        <v>5</v>
      </c>
      <c r="IX29" s="62">
        <v>11</v>
      </c>
      <c r="IY29" s="231"/>
      <c r="IZ29" s="61">
        <v>7</v>
      </c>
      <c r="JA29" s="61">
        <v>8</v>
      </c>
      <c r="JB29" s="61">
        <v>8</v>
      </c>
      <c r="JC29" s="61">
        <v>3</v>
      </c>
      <c r="JD29" s="61">
        <v>2</v>
      </c>
      <c r="JE29" s="62">
        <v>28</v>
      </c>
      <c r="JF29" s="63">
        <v>39</v>
      </c>
      <c r="JG29" s="60">
        <v>12</v>
      </c>
      <c r="JH29" s="61">
        <v>7</v>
      </c>
      <c r="JI29" s="62">
        <v>19</v>
      </c>
      <c r="JJ29" s="231"/>
      <c r="JK29" s="61">
        <v>6</v>
      </c>
      <c r="JL29" s="61">
        <v>8</v>
      </c>
      <c r="JM29" s="61">
        <v>6</v>
      </c>
      <c r="JN29" s="61">
        <v>3</v>
      </c>
      <c r="JO29" s="61">
        <v>2</v>
      </c>
      <c r="JP29" s="62">
        <v>25</v>
      </c>
      <c r="JQ29" s="63">
        <v>44</v>
      </c>
      <c r="JR29" s="60">
        <v>0</v>
      </c>
      <c r="JS29" s="61">
        <v>0</v>
      </c>
      <c r="JT29" s="62">
        <v>0</v>
      </c>
      <c r="JU29" s="231"/>
      <c r="JV29" s="61">
        <v>0</v>
      </c>
      <c r="JW29" s="61">
        <v>0</v>
      </c>
      <c r="JX29" s="61">
        <v>0</v>
      </c>
      <c r="JY29" s="61">
        <v>0</v>
      </c>
      <c r="JZ29" s="61">
        <v>0</v>
      </c>
      <c r="KA29" s="62">
        <v>0</v>
      </c>
      <c r="KB29" s="63">
        <v>0</v>
      </c>
      <c r="KC29" s="60">
        <v>24</v>
      </c>
      <c r="KD29" s="61">
        <v>17</v>
      </c>
      <c r="KE29" s="62">
        <v>41</v>
      </c>
      <c r="KF29" s="231"/>
      <c r="KG29" s="61">
        <v>26</v>
      </c>
      <c r="KH29" s="61">
        <v>24</v>
      </c>
      <c r="KI29" s="61">
        <v>22</v>
      </c>
      <c r="KJ29" s="61">
        <v>10</v>
      </c>
      <c r="KK29" s="61">
        <v>4</v>
      </c>
      <c r="KL29" s="62">
        <v>86</v>
      </c>
      <c r="KM29" s="63">
        <v>127</v>
      </c>
    </row>
    <row r="30" spans="2:299" ht="21" customHeight="1" x14ac:dyDescent="0.2">
      <c r="B30" s="472" t="s">
        <v>27</v>
      </c>
      <c r="C30" s="293">
        <v>19</v>
      </c>
      <c r="D30" s="72">
        <v>22</v>
      </c>
      <c r="E30" s="73">
        <v>41</v>
      </c>
      <c r="F30" s="228"/>
      <c r="G30" s="72">
        <v>16</v>
      </c>
      <c r="H30" s="72">
        <v>21</v>
      </c>
      <c r="I30" s="72">
        <v>13</v>
      </c>
      <c r="J30" s="72">
        <v>9</v>
      </c>
      <c r="K30" s="72">
        <v>7</v>
      </c>
      <c r="L30" s="74">
        <v>66</v>
      </c>
      <c r="M30" s="75">
        <v>107</v>
      </c>
      <c r="N30" s="60">
        <v>0</v>
      </c>
      <c r="O30" s="61">
        <v>0</v>
      </c>
      <c r="P30" s="62">
        <v>0</v>
      </c>
      <c r="Q30" s="231"/>
      <c r="R30" s="61">
        <v>0</v>
      </c>
      <c r="S30" s="61">
        <v>1</v>
      </c>
      <c r="T30" s="61">
        <v>0</v>
      </c>
      <c r="U30" s="61">
        <v>0</v>
      </c>
      <c r="V30" s="61">
        <v>0</v>
      </c>
      <c r="W30" s="62">
        <v>1</v>
      </c>
      <c r="X30" s="63">
        <v>1</v>
      </c>
      <c r="Y30" s="60">
        <v>0</v>
      </c>
      <c r="Z30" s="61">
        <v>2</v>
      </c>
      <c r="AA30" s="62">
        <v>2</v>
      </c>
      <c r="AB30" s="231"/>
      <c r="AC30" s="61">
        <v>1</v>
      </c>
      <c r="AD30" s="61">
        <v>1</v>
      </c>
      <c r="AE30" s="61">
        <v>0</v>
      </c>
      <c r="AF30" s="61">
        <v>0</v>
      </c>
      <c r="AG30" s="61">
        <v>0</v>
      </c>
      <c r="AH30" s="62">
        <v>2</v>
      </c>
      <c r="AI30" s="63">
        <v>4</v>
      </c>
      <c r="AJ30" s="60">
        <v>2</v>
      </c>
      <c r="AK30" s="61">
        <v>3</v>
      </c>
      <c r="AL30" s="62">
        <v>5</v>
      </c>
      <c r="AM30" s="231"/>
      <c r="AN30" s="61">
        <v>0</v>
      </c>
      <c r="AO30" s="61">
        <v>0</v>
      </c>
      <c r="AP30" s="61">
        <v>1</v>
      </c>
      <c r="AQ30" s="61">
        <v>0</v>
      </c>
      <c r="AR30" s="61">
        <v>1</v>
      </c>
      <c r="AS30" s="62">
        <v>2</v>
      </c>
      <c r="AT30" s="63">
        <v>7</v>
      </c>
      <c r="AU30" s="60">
        <v>6</v>
      </c>
      <c r="AV30" s="61">
        <v>3</v>
      </c>
      <c r="AW30" s="62">
        <v>9</v>
      </c>
      <c r="AX30" s="231"/>
      <c r="AY30" s="61">
        <v>5</v>
      </c>
      <c r="AZ30" s="61">
        <v>4</v>
      </c>
      <c r="BA30" s="61">
        <v>3</v>
      </c>
      <c r="BB30" s="61">
        <v>0</v>
      </c>
      <c r="BC30" s="61">
        <v>2</v>
      </c>
      <c r="BD30" s="62">
        <v>14</v>
      </c>
      <c r="BE30" s="63">
        <v>23</v>
      </c>
      <c r="BF30" s="60">
        <v>5</v>
      </c>
      <c r="BG30" s="61">
        <v>6</v>
      </c>
      <c r="BH30" s="62">
        <v>11</v>
      </c>
      <c r="BI30" s="231"/>
      <c r="BJ30" s="61">
        <v>3</v>
      </c>
      <c r="BK30" s="61">
        <v>5</v>
      </c>
      <c r="BL30" s="61">
        <v>6</v>
      </c>
      <c r="BM30" s="61">
        <v>2</v>
      </c>
      <c r="BN30" s="61">
        <v>2</v>
      </c>
      <c r="BO30" s="62">
        <v>18</v>
      </c>
      <c r="BP30" s="63">
        <v>29</v>
      </c>
      <c r="BQ30" s="60">
        <v>6</v>
      </c>
      <c r="BR30" s="61">
        <v>8</v>
      </c>
      <c r="BS30" s="62">
        <v>14</v>
      </c>
      <c r="BT30" s="231"/>
      <c r="BU30" s="61">
        <v>7</v>
      </c>
      <c r="BV30" s="61">
        <v>10</v>
      </c>
      <c r="BW30" s="61">
        <v>3</v>
      </c>
      <c r="BX30" s="61">
        <v>7</v>
      </c>
      <c r="BY30" s="61">
        <v>2</v>
      </c>
      <c r="BZ30" s="62">
        <v>29</v>
      </c>
      <c r="CA30" s="63">
        <v>43</v>
      </c>
      <c r="CB30" s="60">
        <v>0</v>
      </c>
      <c r="CC30" s="61">
        <v>0</v>
      </c>
      <c r="CD30" s="62">
        <v>0</v>
      </c>
      <c r="CE30" s="231"/>
      <c r="CF30" s="61">
        <v>0</v>
      </c>
      <c r="CG30" s="61">
        <v>0</v>
      </c>
      <c r="CH30" s="61">
        <v>0</v>
      </c>
      <c r="CI30" s="61">
        <v>0</v>
      </c>
      <c r="CJ30" s="61">
        <v>0</v>
      </c>
      <c r="CK30" s="62">
        <v>0</v>
      </c>
      <c r="CL30" s="63">
        <v>0</v>
      </c>
      <c r="CM30" s="60">
        <v>19</v>
      </c>
      <c r="CN30" s="61">
        <v>22</v>
      </c>
      <c r="CO30" s="62">
        <v>41</v>
      </c>
      <c r="CP30" s="231"/>
      <c r="CQ30" s="61">
        <v>16</v>
      </c>
      <c r="CR30" s="61">
        <v>21</v>
      </c>
      <c r="CS30" s="61">
        <v>13</v>
      </c>
      <c r="CT30" s="61">
        <v>9</v>
      </c>
      <c r="CU30" s="61">
        <v>7</v>
      </c>
      <c r="CV30" s="62">
        <v>66</v>
      </c>
      <c r="CW30" s="63">
        <v>107</v>
      </c>
      <c r="CX30" s="113">
        <v>1</v>
      </c>
      <c r="CY30" s="72">
        <v>5</v>
      </c>
      <c r="CZ30" s="73">
        <v>6</v>
      </c>
      <c r="DA30" s="228"/>
      <c r="DB30" s="72">
        <v>3</v>
      </c>
      <c r="DC30" s="72">
        <v>3</v>
      </c>
      <c r="DD30" s="72">
        <v>3</v>
      </c>
      <c r="DE30" s="72">
        <v>2</v>
      </c>
      <c r="DF30" s="72">
        <v>0</v>
      </c>
      <c r="DG30" s="74">
        <v>11</v>
      </c>
      <c r="DH30" s="75">
        <v>17</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0</v>
      </c>
      <c r="EQ30" s="61">
        <v>0</v>
      </c>
      <c r="ER30" s="62">
        <v>0</v>
      </c>
      <c r="ES30" s="231"/>
      <c r="ET30" s="61">
        <v>1</v>
      </c>
      <c r="EU30" s="61">
        <v>0</v>
      </c>
      <c r="EV30" s="61">
        <v>0</v>
      </c>
      <c r="EW30" s="61">
        <v>0</v>
      </c>
      <c r="EX30" s="61">
        <v>0</v>
      </c>
      <c r="EY30" s="62">
        <v>1</v>
      </c>
      <c r="EZ30" s="63">
        <v>1</v>
      </c>
      <c r="FA30" s="60">
        <v>0</v>
      </c>
      <c r="FB30" s="61">
        <v>1</v>
      </c>
      <c r="FC30" s="62">
        <v>1</v>
      </c>
      <c r="FD30" s="231"/>
      <c r="FE30" s="61">
        <v>2</v>
      </c>
      <c r="FF30" s="61">
        <v>2</v>
      </c>
      <c r="FG30" s="61">
        <v>0</v>
      </c>
      <c r="FH30" s="61">
        <v>0</v>
      </c>
      <c r="FI30" s="61">
        <v>0</v>
      </c>
      <c r="FJ30" s="62">
        <v>4</v>
      </c>
      <c r="FK30" s="63">
        <v>5</v>
      </c>
      <c r="FL30" s="60">
        <v>1</v>
      </c>
      <c r="FM30" s="61">
        <v>4</v>
      </c>
      <c r="FN30" s="62">
        <v>5</v>
      </c>
      <c r="FO30" s="231"/>
      <c r="FP30" s="61">
        <v>0</v>
      </c>
      <c r="FQ30" s="61">
        <v>1</v>
      </c>
      <c r="FR30" s="61">
        <v>2</v>
      </c>
      <c r="FS30" s="61">
        <v>2</v>
      </c>
      <c r="FT30" s="61">
        <v>0</v>
      </c>
      <c r="FU30" s="62">
        <v>5</v>
      </c>
      <c r="FV30" s="63">
        <v>10</v>
      </c>
      <c r="FW30" s="60">
        <v>0</v>
      </c>
      <c r="FX30" s="61">
        <v>0</v>
      </c>
      <c r="FY30" s="62">
        <v>0</v>
      </c>
      <c r="FZ30" s="231"/>
      <c r="GA30" s="61">
        <v>0</v>
      </c>
      <c r="GB30" s="61">
        <v>0</v>
      </c>
      <c r="GC30" s="61">
        <v>0</v>
      </c>
      <c r="GD30" s="61">
        <v>0</v>
      </c>
      <c r="GE30" s="61">
        <v>0</v>
      </c>
      <c r="GF30" s="62">
        <v>0</v>
      </c>
      <c r="GG30" s="63">
        <v>0</v>
      </c>
      <c r="GH30" s="60">
        <v>1</v>
      </c>
      <c r="GI30" s="61">
        <v>5</v>
      </c>
      <c r="GJ30" s="62">
        <v>6</v>
      </c>
      <c r="GK30" s="231"/>
      <c r="GL30" s="61">
        <v>3</v>
      </c>
      <c r="GM30" s="61">
        <v>3</v>
      </c>
      <c r="GN30" s="61">
        <v>3</v>
      </c>
      <c r="GO30" s="61">
        <v>2</v>
      </c>
      <c r="GP30" s="61">
        <v>0</v>
      </c>
      <c r="GQ30" s="62">
        <v>11</v>
      </c>
      <c r="GR30" s="63">
        <v>17</v>
      </c>
      <c r="GS30" s="113">
        <v>20</v>
      </c>
      <c r="GT30" s="72">
        <v>27</v>
      </c>
      <c r="GU30" s="73">
        <v>47</v>
      </c>
      <c r="GV30" s="228"/>
      <c r="GW30" s="72">
        <v>19</v>
      </c>
      <c r="GX30" s="72">
        <v>24</v>
      </c>
      <c r="GY30" s="72">
        <v>16</v>
      </c>
      <c r="GZ30" s="72">
        <v>11</v>
      </c>
      <c r="HA30" s="72">
        <v>7</v>
      </c>
      <c r="HB30" s="74">
        <v>77</v>
      </c>
      <c r="HC30" s="75">
        <v>124</v>
      </c>
      <c r="HD30" s="60">
        <v>0</v>
      </c>
      <c r="HE30" s="61">
        <v>0</v>
      </c>
      <c r="HF30" s="62">
        <v>0</v>
      </c>
      <c r="HG30" s="231"/>
      <c r="HH30" s="61">
        <v>0</v>
      </c>
      <c r="HI30" s="61">
        <v>1</v>
      </c>
      <c r="HJ30" s="61">
        <v>0</v>
      </c>
      <c r="HK30" s="61">
        <v>0</v>
      </c>
      <c r="HL30" s="61">
        <v>0</v>
      </c>
      <c r="HM30" s="62">
        <v>1</v>
      </c>
      <c r="HN30" s="63">
        <v>1</v>
      </c>
      <c r="HO30" s="60">
        <v>0</v>
      </c>
      <c r="HP30" s="61">
        <v>2</v>
      </c>
      <c r="HQ30" s="62">
        <v>2</v>
      </c>
      <c r="HR30" s="231"/>
      <c r="HS30" s="61">
        <v>1</v>
      </c>
      <c r="HT30" s="61">
        <v>1</v>
      </c>
      <c r="HU30" s="61">
        <v>1</v>
      </c>
      <c r="HV30" s="61">
        <v>0</v>
      </c>
      <c r="HW30" s="61">
        <v>0</v>
      </c>
      <c r="HX30" s="62">
        <v>3</v>
      </c>
      <c r="HY30" s="63">
        <v>5</v>
      </c>
      <c r="HZ30" s="60">
        <v>2</v>
      </c>
      <c r="IA30" s="61">
        <v>3</v>
      </c>
      <c r="IB30" s="62">
        <v>5</v>
      </c>
      <c r="IC30" s="231"/>
      <c r="ID30" s="61">
        <v>0</v>
      </c>
      <c r="IE30" s="61">
        <v>0</v>
      </c>
      <c r="IF30" s="61">
        <v>1</v>
      </c>
      <c r="IG30" s="61">
        <v>0</v>
      </c>
      <c r="IH30" s="61">
        <v>1</v>
      </c>
      <c r="II30" s="62">
        <v>2</v>
      </c>
      <c r="IJ30" s="63">
        <v>7</v>
      </c>
      <c r="IK30" s="60">
        <v>6</v>
      </c>
      <c r="IL30" s="61">
        <v>3</v>
      </c>
      <c r="IM30" s="62">
        <v>9</v>
      </c>
      <c r="IN30" s="231"/>
      <c r="IO30" s="61">
        <v>6</v>
      </c>
      <c r="IP30" s="61">
        <v>4</v>
      </c>
      <c r="IQ30" s="61">
        <v>3</v>
      </c>
      <c r="IR30" s="61">
        <v>0</v>
      </c>
      <c r="IS30" s="61">
        <v>2</v>
      </c>
      <c r="IT30" s="62">
        <v>15</v>
      </c>
      <c r="IU30" s="63">
        <v>24</v>
      </c>
      <c r="IV30" s="60">
        <v>5</v>
      </c>
      <c r="IW30" s="61">
        <v>7</v>
      </c>
      <c r="IX30" s="62">
        <v>12</v>
      </c>
      <c r="IY30" s="231"/>
      <c r="IZ30" s="61">
        <v>5</v>
      </c>
      <c r="JA30" s="61">
        <v>7</v>
      </c>
      <c r="JB30" s="61">
        <v>6</v>
      </c>
      <c r="JC30" s="61">
        <v>2</v>
      </c>
      <c r="JD30" s="61">
        <v>2</v>
      </c>
      <c r="JE30" s="62">
        <v>22</v>
      </c>
      <c r="JF30" s="63">
        <v>34</v>
      </c>
      <c r="JG30" s="60">
        <v>7</v>
      </c>
      <c r="JH30" s="61">
        <v>12</v>
      </c>
      <c r="JI30" s="62">
        <v>19</v>
      </c>
      <c r="JJ30" s="231"/>
      <c r="JK30" s="61">
        <v>7</v>
      </c>
      <c r="JL30" s="61">
        <v>11</v>
      </c>
      <c r="JM30" s="61">
        <v>5</v>
      </c>
      <c r="JN30" s="61">
        <v>9</v>
      </c>
      <c r="JO30" s="61">
        <v>2</v>
      </c>
      <c r="JP30" s="62">
        <v>34</v>
      </c>
      <c r="JQ30" s="63">
        <v>53</v>
      </c>
      <c r="JR30" s="60">
        <v>0</v>
      </c>
      <c r="JS30" s="61">
        <v>0</v>
      </c>
      <c r="JT30" s="62">
        <v>0</v>
      </c>
      <c r="JU30" s="231"/>
      <c r="JV30" s="61">
        <v>0</v>
      </c>
      <c r="JW30" s="61">
        <v>0</v>
      </c>
      <c r="JX30" s="61">
        <v>0</v>
      </c>
      <c r="JY30" s="61">
        <v>0</v>
      </c>
      <c r="JZ30" s="61">
        <v>0</v>
      </c>
      <c r="KA30" s="62">
        <v>0</v>
      </c>
      <c r="KB30" s="63">
        <v>0</v>
      </c>
      <c r="KC30" s="60">
        <v>20</v>
      </c>
      <c r="KD30" s="61">
        <v>27</v>
      </c>
      <c r="KE30" s="62">
        <v>47</v>
      </c>
      <c r="KF30" s="231"/>
      <c r="KG30" s="61">
        <v>19</v>
      </c>
      <c r="KH30" s="61">
        <v>24</v>
      </c>
      <c r="KI30" s="61">
        <v>16</v>
      </c>
      <c r="KJ30" s="61">
        <v>11</v>
      </c>
      <c r="KK30" s="61">
        <v>7</v>
      </c>
      <c r="KL30" s="62">
        <v>77</v>
      </c>
      <c r="KM30" s="63">
        <v>124</v>
      </c>
    </row>
    <row r="31" spans="2:299" ht="21" customHeight="1" x14ac:dyDescent="0.2">
      <c r="B31" s="472" t="s">
        <v>28</v>
      </c>
      <c r="C31" s="293">
        <v>1</v>
      </c>
      <c r="D31" s="72">
        <v>3</v>
      </c>
      <c r="E31" s="73">
        <v>4</v>
      </c>
      <c r="F31" s="228"/>
      <c r="G31" s="72">
        <v>10</v>
      </c>
      <c r="H31" s="72">
        <v>9</v>
      </c>
      <c r="I31" s="72">
        <v>3</v>
      </c>
      <c r="J31" s="72">
        <v>0</v>
      </c>
      <c r="K31" s="72">
        <v>3</v>
      </c>
      <c r="L31" s="74">
        <v>25</v>
      </c>
      <c r="M31" s="75">
        <v>29</v>
      </c>
      <c r="N31" s="60">
        <v>0</v>
      </c>
      <c r="O31" s="61">
        <v>0</v>
      </c>
      <c r="P31" s="62">
        <v>0</v>
      </c>
      <c r="Q31" s="231"/>
      <c r="R31" s="61">
        <v>0</v>
      </c>
      <c r="S31" s="61">
        <v>0</v>
      </c>
      <c r="T31" s="61">
        <v>0</v>
      </c>
      <c r="U31" s="61">
        <v>0</v>
      </c>
      <c r="V31" s="61">
        <v>0</v>
      </c>
      <c r="W31" s="62">
        <v>0</v>
      </c>
      <c r="X31" s="63">
        <v>0</v>
      </c>
      <c r="Y31" s="60">
        <v>0</v>
      </c>
      <c r="Z31" s="61">
        <v>0</v>
      </c>
      <c r="AA31" s="62">
        <v>0</v>
      </c>
      <c r="AB31" s="231"/>
      <c r="AC31" s="61">
        <v>1</v>
      </c>
      <c r="AD31" s="61">
        <v>0</v>
      </c>
      <c r="AE31" s="61">
        <v>0</v>
      </c>
      <c r="AF31" s="61">
        <v>0</v>
      </c>
      <c r="AG31" s="61">
        <v>0</v>
      </c>
      <c r="AH31" s="62">
        <v>1</v>
      </c>
      <c r="AI31" s="63">
        <v>1</v>
      </c>
      <c r="AJ31" s="60">
        <v>0</v>
      </c>
      <c r="AK31" s="61">
        <v>0</v>
      </c>
      <c r="AL31" s="62">
        <v>0</v>
      </c>
      <c r="AM31" s="231"/>
      <c r="AN31" s="61">
        <v>2</v>
      </c>
      <c r="AO31" s="61">
        <v>1</v>
      </c>
      <c r="AP31" s="61">
        <v>0</v>
      </c>
      <c r="AQ31" s="61">
        <v>0</v>
      </c>
      <c r="AR31" s="61">
        <v>0</v>
      </c>
      <c r="AS31" s="62">
        <v>3</v>
      </c>
      <c r="AT31" s="63">
        <v>3</v>
      </c>
      <c r="AU31" s="60">
        <v>1</v>
      </c>
      <c r="AV31" s="61">
        <v>1</v>
      </c>
      <c r="AW31" s="62">
        <v>2</v>
      </c>
      <c r="AX31" s="231"/>
      <c r="AY31" s="61">
        <v>3</v>
      </c>
      <c r="AZ31" s="61">
        <v>4</v>
      </c>
      <c r="BA31" s="61">
        <v>0</v>
      </c>
      <c r="BB31" s="61">
        <v>0</v>
      </c>
      <c r="BC31" s="61">
        <v>1</v>
      </c>
      <c r="BD31" s="62">
        <v>8</v>
      </c>
      <c r="BE31" s="63">
        <v>10</v>
      </c>
      <c r="BF31" s="60">
        <v>0</v>
      </c>
      <c r="BG31" s="61">
        <v>2</v>
      </c>
      <c r="BH31" s="62">
        <v>2</v>
      </c>
      <c r="BI31" s="231"/>
      <c r="BJ31" s="61">
        <v>2</v>
      </c>
      <c r="BK31" s="61">
        <v>3</v>
      </c>
      <c r="BL31" s="61">
        <v>1</v>
      </c>
      <c r="BM31" s="61">
        <v>0</v>
      </c>
      <c r="BN31" s="61">
        <v>0</v>
      </c>
      <c r="BO31" s="62">
        <v>6</v>
      </c>
      <c r="BP31" s="63">
        <v>8</v>
      </c>
      <c r="BQ31" s="60">
        <v>0</v>
      </c>
      <c r="BR31" s="61">
        <v>0</v>
      </c>
      <c r="BS31" s="62">
        <v>0</v>
      </c>
      <c r="BT31" s="231"/>
      <c r="BU31" s="61">
        <v>2</v>
      </c>
      <c r="BV31" s="61">
        <v>1</v>
      </c>
      <c r="BW31" s="61">
        <v>2</v>
      </c>
      <c r="BX31" s="61">
        <v>0</v>
      </c>
      <c r="BY31" s="61">
        <v>2</v>
      </c>
      <c r="BZ31" s="62">
        <v>7</v>
      </c>
      <c r="CA31" s="63">
        <v>7</v>
      </c>
      <c r="CB31" s="60">
        <v>0</v>
      </c>
      <c r="CC31" s="61">
        <v>0</v>
      </c>
      <c r="CD31" s="62">
        <v>0</v>
      </c>
      <c r="CE31" s="231"/>
      <c r="CF31" s="61">
        <v>0</v>
      </c>
      <c r="CG31" s="61">
        <v>0</v>
      </c>
      <c r="CH31" s="61">
        <v>0</v>
      </c>
      <c r="CI31" s="61">
        <v>0</v>
      </c>
      <c r="CJ31" s="61">
        <v>0</v>
      </c>
      <c r="CK31" s="62">
        <v>0</v>
      </c>
      <c r="CL31" s="63">
        <v>0</v>
      </c>
      <c r="CM31" s="60">
        <v>1</v>
      </c>
      <c r="CN31" s="61">
        <v>3</v>
      </c>
      <c r="CO31" s="62">
        <v>4</v>
      </c>
      <c r="CP31" s="231"/>
      <c r="CQ31" s="61">
        <v>10</v>
      </c>
      <c r="CR31" s="61">
        <v>9</v>
      </c>
      <c r="CS31" s="61">
        <v>3</v>
      </c>
      <c r="CT31" s="61">
        <v>0</v>
      </c>
      <c r="CU31" s="61">
        <v>3</v>
      </c>
      <c r="CV31" s="62">
        <v>25</v>
      </c>
      <c r="CW31" s="63">
        <v>29</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3</v>
      </c>
      <c r="GU31" s="73">
        <v>4</v>
      </c>
      <c r="GV31" s="228"/>
      <c r="GW31" s="72">
        <v>12</v>
      </c>
      <c r="GX31" s="72">
        <v>10</v>
      </c>
      <c r="GY31" s="72">
        <v>3</v>
      </c>
      <c r="GZ31" s="72">
        <v>1</v>
      </c>
      <c r="HA31" s="72">
        <v>4</v>
      </c>
      <c r="HB31" s="74">
        <v>30</v>
      </c>
      <c r="HC31" s="75">
        <v>34</v>
      </c>
      <c r="HD31" s="60">
        <v>0</v>
      </c>
      <c r="HE31" s="61">
        <v>0</v>
      </c>
      <c r="HF31" s="62">
        <v>0</v>
      </c>
      <c r="HG31" s="231"/>
      <c r="HH31" s="61">
        <v>0</v>
      </c>
      <c r="HI31" s="61">
        <v>0</v>
      </c>
      <c r="HJ31" s="61">
        <v>0</v>
      </c>
      <c r="HK31" s="61">
        <v>0</v>
      </c>
      <c r="HL31" s="61">
        <v>0</v>
      </c>
      <c r="HM31" s="62">
        <v>0</v>
      </c>
      <c r="HN31" s="63">
        <v>0</v>
      </c>
      <c r="HO31" s="60">
        <v>0</v>
      </c>
      <c r="HP31" s="61">
        <v>0</v>
      </c>
      <c r="HQ31" s="62">
        <v>0</v>
      </c>
      <c r="HR31" s="231"/>
      <c r="HS31" s="61">
        <v>1</v>
      </c>
      <c r="HT31" s="61">
        <v>0</v>
      </c>
      <c r="HU31" s="61">
        <v>0</v>
      </c>
      <c r="HV31" s="61">
        <v>0</v>
      </c>
      <c r="HW31" s="61">
        <v>0</v>
      </c>
      <c r="HX31" s="62">
        <v>1</v>
      </c>
      <c r="HY31" s="63">
        <v>1</v>
      </c>
      <c r="HZ31" s="60">
        <v>0</v>
      </c>
      <c r="IA31" s="61">
        <v>0</v>
      </c>
      <c r="IB31" s="62">
        <v>0</v>
      </c>
      <c r="IC31" s="231"/>
      <c r="ID31" s="61">
        <v>2</v>
      </c>
      <c r="IE31" s="61">
        <v>1</v>
      </c>
      <c r="IF31" s="61">
        <v>0</v>
      </c>
      <c r="IG31" s="61">
        <v>0</v>
      </c>
      <c r="IH31" s="61">
        <v>0</v>
      </c>
      <c r="II31" s="62">
        <v>3</v>
      </c>
      <c r="IJ31" s="63">
        <v>3</v>
      </c>
      <c r="IK31" s="60">
        <v>1</v>
      </c>
      <c r="IL31" s="61">
        <v>1</v>
      </c>
      <c r="IM31" s="62">
        <v>2</v>
      </c>
      <c r="IN31" s="231"/>
      <c r="IO31" s="61">
        <v>3</v>
      </c>
      <c r="IP31" s="61">
        <v>4</v>
      </c>
      <c r="IQ31" s="61">
        <v>0</v>
      </c>
      <c r="IR31" s="61">
        <v>0</v>
      </c>
      <c r="IS31" s="61">
        <v>1</v>
      </c>
      <c r="IT31" s="62">
        <v>8</v>
      </c>
      <c r="IU31" s="63">
        <v>10</v>
      </c>
      <c r="IV31" s="60">
        <v>0</v>
      </c>
      <c r="IW31" s="61">
        <v>2</v>
      </c>
      <c r="IX31" s="62">
        <v>2</v>
      </c>
      <c r="IY31" s="231"/>
      <c r="IZ31" s="61">
        <v>3</v>
      </c>
      <c r="JA31" s="61">
        <v>4</v>
      </c>
      <c r="JB31" s="61">
        <v>1</v>
      </c>
      <c r="JC31" s="61">
        <v>0</v>
      </c>
      <c r="JD31" s="61">
        <v>1</v>
      </c>
      <c r="JE31" s="62">
        <v>9</v>
      </c>
      <c r="JF31" s="63">
        <v>11</v>
      </c>
      <c r="JG31" s="60">
        <v>0</v>
      </c>
      <c r="JH31" s="61">
        <v>0</v>
      </c>
      <c r="JI31" s="62">
        <v>0</v>
      </c>
      <c r="JJ31" s="231"/>
      <c r="JK31" s="61">
        <v>3</v>
      </c>
      <c r="JL31" s="61">
        <v>1</v>
      </c>
      <c r="JM31" s="61">
        <v>2</v>
      </c>
      <c r="JN31" s="61">
        <v>1</v>
      </c>
      <c r="JO31" s="61">
        <v>2</v>
      </c>
      <c r="JP31" s="62">
        <v>9</v>
      </c>
      <c r="JQ31" s="63">
        <v>9</v>
      </c>
      <c r="JR31" s="60">
        <v>0</v>
      </c>
      <c r="JS31" s="61">
        <v>0</v>
      </c>
      <c r="JT31" s="62">
        <v>0</v>
      </c>
      <c r="JU31" s="231"/>
      <c r="JV31" s="61">
        <v>0</v>
      </c>
      <c r="JW31" s="61">
        <v>0</v>
      </c>
      <c r="JX31" s="61">
        <v>0</v>
      </c>
      <c r="JY31" s="61">
        <v>0</v>
      </c>
      <c r="JZ31" s="61">
        <v>0</v>
      </c>
      <c r="KA31" s="62">
        <v>0</v>
      </c>
      <c r="KB31" s="63">
        <v>0</v>
      </c>
      <c r="KC31" s="60">
        <v>1</v>
      </c>
      <c r="KD31" s="61">
        <v>3</v>
      </c>
      <c r="KE31" s="62">
        <v>4</v>
      </c>
      <c r="KF31" s="231"/>
      <c r="KG31" s="61">
        <v>12</v>
      </c>
      <c r="KH31" s="61">
        <v>10</v>
      </c>
      <c r="KI31" s="61">
        <v>3</v>
      </c>
      <c r="KJ31" s="61">
        <v>1</v>
      </c>
      <c r="KK31" s="61">
        <v>4</v>
      </c>
      <c r="KL31" s="62">
        <v>30</v>
      </c>
      <c r="KM31" s="63">
        <v>34</v>
      </c>
    </row>
    <row r="32" spans="2:299" ht="21" customHeight="1" x14ac:dyDescent="0.2">
      <c r="B32" s="472" t="s">
        <v>29</v>
      </c>
      <c r="C32" s="293">
        <v>3</v>
      </c>
      <c r="D32" s="72">
        <v>3</v>
      </c>
      <c r="E32" s="73">
        <v>6</v>
      </c>
      <c r="F32" s="228"/>
      <c r="G32" s="72">
        <v>4</v>
      </c>
      <c r="H32" s="72">
        <v>7</v>
      </c>
      <c r="I32" s="72">
        <v>4</v>
      </c>
      <c r="J32" s="72">
        <v>5</v>
      </c>
      <c r="K32" s="72">
        <v>1</v>
      </c>
      <c r="L32" s="74">
        <v>21</v>
      </c>
      <c r="M32" s="75">
        <v>27</v>
      </c>
      <c r="N32" s="60">
        <v>0</v>
      </c>
      <c r="O32" s="61">
        <v>0</v>
      </c>
      <c r="P32" s="62">
        <v>0</v>
      </c>
      <c r="Q32" s="231"/>
      <c r="R32" s="61">
        <v>0</v>
      </c>
      <c r="S32" s="61">
        <v>0</v>
      </c>
      <c r="T32" s="61">
        <v>0</v>
      </c>
      <c r="U32" s="61">
        <v>0</v>
      </c>
      <c r="V32" s="61">
        <v>0</v>
      </c>
      <c r="W32" s="62">
        <v>0</v>
      </c>
      <c r="X32" s="63">
        <v>0</v>
      </c>
      <c r="Y32" s="60">
        <v>0</v>
      </c>
      <c r="Z32" s="61">
        <v>0</v>
      </c>
      <c r="AA32" s="62">
        <v>0</v>
      </c>
      <c r="AB32" s="231"/>
      <c r="AC32" s="61">
        <v>0</v>
      </c>
      <c r="AD32" s="61">
        <v>0</v>
      </c>
      <c r="AE32" s="61">
        <v>0</v>
      </c>
      <c r="AF32" s="61">
        <v>0</v>
      </c>
      <c r="AG32" s="61">
        <v>0</v>
      </c>
      <c r="AH32" s="62">
        <v>0</v>
      </c>
      <c r="AI32" s="63">
        <v>0</v>
      </c>
      <c r="AJ32" s="60">
        <v>1</v>
      </c>
      <c r="AK32" s="61">
        <v>0</v>
      </c>
      <c r="AL32" s="62">
        <v>1</v>
      </c>
      <c r="AM32" s="231"/>
      <c r="AN32" s="61">
        <v>1</v>
      </c>
      <c r="AO32" s="61">
        <v>0</v>
      </c>
      <c r="AP32" s="61">
        <v>1</v>
      </c>
      <c r="AQ32" s="61">
        <v>1</v>
      </c>
      <c r="AR32" s="61">
        <v>1</v>
      </c>
      <c r="AS32" s="62">
        <v>4</v>
      </c>
      <c r="AT32" s="63">
        <v>5</v>
      </c>
      <c r="AU32" s="60">
        <v>2</v>
      </c>
      <c r="AV32" s="61">
        <v>2</v>
      </c>
      <c r="AW32" s="62">
        <v>4</v>
      </c>
      <c r="AX32" s="231"/>
      <c r="AY32" s="61">
        <v>1</v>
      </c>
      <c r="AZ32" s="61">
        <v>1</v>
      </c>
      <c r="BA32" s="61">
        <v>0</v>
      </c>
      <c r="BB32" s="61">
        <v>1</v>
      </c>
      <c r="BC32" s="61">
        <v>0</v>
      </c>
      <c r="BD32" s="62">
        <v>3</v>
      </c>
      <c r="BE32" s="63">
        <v>7</v>
      </c>
      <c r="BF32" s="60">
        <v>0</v>
      </c>
      <c r="BG32" s="61">
        <v>1</v>
      </c>
      <c r="BH32" s="62">
        <v>1</v>
      </c>
      <c r="BI32" s="231"/>
      <c r="BJ32" s="61">
        <v>1</v>
      </c>
      <c r="BK32" s="61">
        <v>2</v>
      </c>
      <c r="BL32" s="61">
        <v>1</v>
      </c>
      <c r="BM32" s="61">
        <v>1</v>
      </c>
      <c r="BN32" s="61">
        <v>0</v>
      </c>
      <c r="BO32" s="62">
        <v>5</v>
      </c>
      <c r="BP32" s="63">
        <v>6</v>
      </c>
      <c r="BQ32" s="60">
        <v>0</v>
      </c>
      <c r="BR32" s="61">
        <v>0</v>
      </c>
      <c r="BS32" s="62">
        <v>0</v>
      </c>
      <c r="BT32" s="231"/>
      <c r="BU32" s="61">
        <v>1</v>
      </c>
      <c r="BV32" s="61">
        <v>4</v>
      </c>
      <c r="BW32" s="61">
        <v>2</v>
      </c>
      <c r="BX32" s="61">
        <v>2</v>
      </c>
      <c r="BY32" s="61">
        <v>0</v>
      </c>
      <c r="BZ32" s="62">
        <v>9</v>
      </c>
      <c r="CA32" s="63">
        <v>9</v>
      </c>
      <c r="CB32" s="60">
        <v>0</v>
      </c>
      <c r="CC32" s="61">
        <v>0</v>
      </c>
      <c r="CD32" s="62">
        <v>0</v>
      </c>
      <c r="CE32" s="231"/>
      <c r="CF32" s="61">
        <v>0</v>
      </c>
      <c r="CG32" s="61">
        <v>0</v>
      </c>
      <c r="CH32" s="61">
        <v>0</v>
      </c>
      <c r="CI32" s="61">
        <v>0</v>
      </c>
      <c r="CJ32" s="61">
        <v>0</v>
      </c>
      <c r="CK32" s="62">
        <v>0</v>
      </c>
      <c r="CL32" s="63">
        <v>0</v>
      </c>
      <c r="CM32" s="60">
        <v>3</v>
      </c>
      <c r="CN32" s="61">
        <v>3</v>
      </c>
      <c r="CO32" s="62">
        <v>6</v>
      </c>
      <c r="CP32" s="231"/>
      <c r="CQ32" s="61">
        <v>4</v>
      </c>
      <c r="CR32" s="61">
        <v>7</v>
      </c>
      <c r="CS32" s="61">
        <v>4</v>
      </c>
      <c r="CT32" s="61">
        <v>5</v>
      </c>
      <c r="CU32" s="61">
        <v>1</v>
      </c>
      <c r="CV32" s="62">
        <v>21</v>
      </c>
      <c r="CW32" s="63">
        <v>27</v>
      </c>
      <c r="CX32" s="113">
        <v>2</v>
      </c>
      <c r="CY32" s="72">
        <v>0</v>
      </c>
      <c r="CZ32" s="73">
        <v>2</v>
      </c>
      <c r="DA32" s="228"/>
      <c r="DB32" s="72">
        <v>0</v>
      </c>
      <c r="DC32" s="72">
        <v>2</v>
      </c>
      <c r="DD32" s="72">
        <v>0</v>
      </c>
      <c r="DE32" s="72">
        <v>1</v>
      </c>
      <c r="DF32" s="72">
        <v>1</v>
      </c>
      <c r="DG32" s="74">
        <v>4</v>
      </c>
      <c r="DH32" s="75">
        <v>6</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0</v>
      </c>
      <c r="FQ32" s="61">
        <v>1</v>
      </c>
      <c r="FR32" s="61">
        <v>0</v>
      </c>
      <c r="FS32" s="61">
        <v>1</v>
      </c>
      <c r="FT32" s="61">
        <v>0</v>
      </c>
      <c r="FU32" s="62">
        <v>2</v>
      </c>
      <c r="FV32" s="63">
        <v>2</v>
      </c>
      <c r="FW32" s="60">
        <v>0</v>
      </c>
      <c r="FX32" s="61">
        <v>0</v>
      </c>
      <c r="FY32" s="62">
        <v>0</v>
      </c>
      <c r="FZ32" s="231"/>
      <c r="GA32" s="61">
        <v>0</v>
      </c>
      <c r="GB32" s="61">
        <v>0</v>
      </c>
      <c r="GC32" s="61">
        <v>0</v>
      </c>
      <c r="GD32" s="61">
        <v>0</v>
      </c>
      <c r="GE32" s="61">
        <v>0</v>
      </c>
      <c r="GF32" s="62">
        <v>0</v>
      </c>
      <c r="GG32" s="63">
        <v>0</v>
      </c>
      <c r="GH32" s="60">
        <v>2</v>
      </c>
      <c r="GI32" s="61">
        <v>0</v>
      </c>
      <c r="GJ32" s="62">
        <v>2</v>
      </c>
      <c r="GK32" s="231"/>
      <c r="GL32" s="61">
        <v>0</v>
      </c>
      <c r="GM32" s="61">
        <v>2</v>
      </c>
      <c r="GN32" s="61">
        <v>0</v>
      </c>
      <c r="GO32" s="61">
        <v>1</v>
      </c>
      <c r="GP32" s="61">
        <v>1</v>
      </c>
      <c r="GQ32" s="62">
        <v>4</v>
      </c>
      <c r="GR32" s="63">
        <v>6</v>
      </c>
      <c r="GS32" s="113">
        <v>5</v>
      </c>
      <c r="GT32" s="72">
        <v>3</v>
      </c>
      <c r="GU32" s="73">
        <v>8</v>
      </c>
      <c r="GV32" s="228"/>
      <c r="GW32" s="72">
        <v>4</v>
      </c>
      <c r="GX32" s="72">
        <v>9</v>
      </c>
      <c r="GY32" s="72">
        <v>4</v>
      </c>
      <c r="GZ32" s="72">
        <v>6</v>
      </c>
      <c r="HA32" s="72">
        <v>2</v>
      </c>
      <c r="HB32" s="74">
        <v>25</v>
      </c>
      <c r="HC32" s="75">
        <v>33</v>
      </c>
      <c r="HD32" s="60">
        <v>0</v>
      </c>
      <c r="HE32" s="61">
        <v>0</v>
      </c>
      <c r="HF32" s="62">
        <v>0</v>
      </c>
      <c r="HG32" s="231"/>
      <c r="HH32" s="61">
        <v>0</v>
      </c>
      <c r="HI32" s="61">
        <v>0</v>
      </c>
      <c r="HJ32" s="61">
        <v>0</v>
      </c>
      <c r="HK32" s="61">
        <v>0</v>
      </c>
      <c r="HL32" s="61">
        <v>0</v>
      </c>
      <c r="HM32" s="62">
        <v>0</v>
      </c>
      <c r="HN32" s="63">
        <v>0</v>
      </c>
      <c r="HO32" s="60">
        <v>0</v>
      </c>
      <c r="HP32" s="61">
        <v>0</v>
      </c>
      <c r="HQ32" s="62">
        <v>0</v>
      </c>
      <c r="HR32" s="231"/>
      <c r="HS32" s="61">
        <v>0</v>
      </c>
      <c r="HT32" s="61">
        <v>1</v>
      </c>
      <c r="HU32" s="61">
        <v>0</v>
      </c>
      <c r="HV32" s="61">
        <v>0</v>
      </c>
      <c r="HW32" s="61">
        <v>0</v>
      </c>
      <c r="HX32" s="62">
        <v>1</v>
      </c>
      <c r="HY32" s="63">
        <v>1</v>
      </c>
      <c r="HZ32" s="60">
        <v>1</v>
      </c>
      <c r="IA32" s="61">
        <v>0</v>
      </c>
      <c r="IB32" s="62">
        <v>1</v>
      </c>
      <c r="IC32" s="231"/>
      <c r="ID32" s="61">
        <v>1</v>
      </c>
      <c r="IE32" s="61">
        <v>0</v>
      </c>
      <c r="IF32" s="61">
        <v>1</v>
      </c>
      <c r="IG32" s="61">
        <v>1</v>
      </c>
      <c r="IH32" s="61">
        <v>1</v>
      </c>
      <c r="II32" s="62">
        <v>4</v>
      </c>
      <c r="IJ32" s="63">
        <v>5</v>
      </c>
      <c r="IK32" s="60">
        <v>4</v>
      </c>
      <c r="IL32" s="61">
        <v>2</v>
      </c>
      <c r="IM32" s="62">
        <v>6</v>
      </c>
      <c r="IN32" s="231"/>
      <c r="IO32" s="61">
        <v>1</v>
      </c>
      <c r="IP32" s="61">
        <v>1</v>
      </c>
      <c r="IQ32" s="61">
        <v>0</v>
      </c>
      <c r="IR32" s="61">
        <v>1</v>
      </c>
      <c r="IS32" s="61">
        <v>0</v>
      </c>
      <c r="IT32" s="62">
        <v>3</v>
      </c>
      <c r="IU32" s="63">
        <v>9</v>
      </c>
      <c r="IV32" s="60">
        <v>0</v>
      </c>
      <c r="IW32" s="61">
        <v>1</v>
      </c>
      <c r="IX32" s="62">
        <v>1</v>
      </c>
      <c r="IY32" s="231"/>
      <c r="IZ32" s="61">
        <v>1</v>
      </c>
      <c r="JA32" s="61">
        <v>2</v>
      </c>
      <c r="JB32" s="61">
        <v>1</v>
      </c>
      <c r="JC32" s="61">
        <v>1</v>
      </c>
      <c r="JD32" s="61">
        <v>1</v>
      </c>
      <c r="JE32" s="62">
        <v>6</v>
      </c>
      <c r="JF32" s="63">
        <v>7</v>
      </c>
      <c r="JG32" s="60">
        <v>0</v>
      </c>
      <c r="JH32" s="61">
        <v>0</v>
      </c>
      <c r="JI32" s="62">
        <v>0</v>
      </c>
      <c r="JJ32" s="231"/>
      <c r="JK32" s="61">
        <v>1</v>
      </c>
      <c r="JL32" s="61">
        <v>5</v>
      </c>
      <c r="JM32" s="61">
        <v>2</v>
      </c>
      <c r="JN32" s="61">
        <v>3</v>
      </c>
      <c r="JO32" s="61">
        <v>0</v>
      </c>
      <c r="JP32" s="62">
        <v>11</v>
      </c>
      <c r="JQ32" s="63">
        <v>11</v>
      </c>
      <c r="JR32" s="60">
        <v>0</v>
      </c>
      <c r="JS32" s="61">
        <v>0</v>
      </c>
      <c r="JT32" s="62">
        <v>0</v>
      </c>
      <c r="JU32" s="231"/>
      <c r="JV32" s="61">
        <v>0</v>
      </c>
      <c r="JW32" s="61">
        <v>0</v>
      </c>
      <c r="JX32" s="61">
        <v>0</v>
      </c>
      <c r="JY32" s="61">
        <v>0</v>
      </c>
      <c r="JZ32" s="61">
        <v>0</v>
      </c>
      <c r="KA32" s="62">
        <v>0</v>
      </c>
      <c r="KB32" s="63">
        <v>0</v>
      </c>
      <c r="KC32" s="60">
        <v>5</v>
      </c>
      <c r="KD32" s="61">
        <v>3</v>
      </c>
      <c r="KE32" s="62">
        <v>8</v>
      </c>
      <c r="KF32" s="231"/>
      <c r="KG32" s="61">
        <v>4</v>
      </c>
      <c r="KH32" s="61">
        <v>9</v>
      </c>
      <c r="KI32" s="61">
        <v>4</v>
      </c>
      <c r="KJ32" s="61">
        <v>6</v>
      </c>
      <c r="KK32" s="61">
        <v>2</v>
      </c>
      <c r="KL32" s="62">
        <v>25</v>
      </c>
      <c r="KM32" s="63">
        <v>33</v>
      </c>
    </row>
    <row r="33" spans="2:299" ht="21" customHeight="1" x14ac:dyDescent="0.2">
      <c r="B33" s="472" t="s">
        <v>30</v>
      </c>
      <c r="C33" s="293">
        <v>3</v>
      </c>
      <c r="D33" s="72">
        <v>4</v>
      </c>
      <c r="E33" s="73">
        <v>7</v>
      </c>
      <c r="F33" s="228"/>
      <c r="G33" s="72">
        <v>5</v>
      </c>
      <c r="H33" s="72">
        <v>1</v>
      </c>
      <c r="I33" s="72">
        <v>2</v>
      </c>
      <c r="J33" s="72">
        <v>7</v>
      </c>
      <c r="K33" s="72">
        <v>1</v>
      </c>
      <c r="L33" s="74">
        <v>16</v>
      </c>
      <c r="M33" s="75">
        <v>23</v>
      </c>
      <c r="N33" s="60">
        <v>0</v>
      </c>
      <c r="O33" s="61">
        <v>0</v>
      </c>
      <c r="P33" s="62">
        <v>0</v>
      </c>
      <c r="Q33" s="231"/>
      <c r="R33" s="61">
        <v>0</v>
      </c>
      <c r="S33" s="61">
        <v>0</v>
      </c>
      <c r="T33" s="61">
        <v>0</v>
      </c>
      <c r="U33" s="61">
        <v>0</v>
      </c>
      <c r="V33" s="61">
        <v>0</v>
      </c>
      <c r="W33" s="62">
        <v>0</v>
      </c>
      <c r="X33" s="63">
        <v>0</v>
      </c>
      <c r="Y33" s="60">
        <v>0</v>
      </c>
      <c r="Z33" s="61">
        <v>1</v>
      </c>
      <c r="AA33" s="62">
        <v>1</v>
      </c>
      <c r="AB33" s="231"/>
      <c r="AC33" s="61">
        <v>0</v>
      </c>
      <c r="AD33" s="61">
        <v>0</v>
      </c>
      <c r="AE33" s="61">
        <v>0</v>
      </c>
      <c r="AF33" s="61">
        <v>0</v>
      </c>
      <c r="AG33" s="61">
        <v>1</v>
      </c>
      <c r="AH33" s="62">
        <v>1</v>
      </c>
      <c r="AI33" s="63">
        <v>2</v>
      </c>
      <c r="AJ33" s="60">
        <v>0</v>
      </c>
      <c r="AK33" s="61">
        <v>0</v>
      </c>
      <c r="AL33" s="62">
        <v>0</v>
      </c>
      <c r="AM33" s="231"/>
      <c r="AN33" s="61">
        <v>0</v>
      </c>
      <c r="AO33" s="61">
        <v>0</v>
      </c>
      <c r="AP33" s="61">
        <v>0</v>
      </c>
      <c r="AQ33" s="61">
        <v>0</v>
      </c>
      <c r="AR33" s="61">
        <v>0</v>
      </c>
      <c r="AS33" s="62">
        <v>0</v>
      </c>
      <c r="AT33" s="63">
        <v>0</v>
      </c>
      <c r="AU33" s="60">
        <v>0</v>
      </c>
      <c r="AV33" s="61">
        <v>1</v>
      </c>
      <c r="AW33" s="62">
        <v>1</v>
      </c>
      <c r="AX33" s="231"/>
      <c r="AY33" s="61">
        <v>1</v>
      </c>
      <c r="AZ33" s="61">
        <v>0</v>
      </c>
      <c r="BA33" s="61">
        <v>0</v>
      </c>
      <c r="BB33" s="61">
        <v>1</v>
      </c>
      <c r="BC33" s="61">
        <v>0</v>
      </c>
      <c r="BD33" s="62">
        <v>2</v>
      </c>
      <c r="BE33" s="63">
        <v>3</v>
      </c>
      <c r="BF33" s="60">
        <v>2</v>
      </c>
      <c r="BG33" s="61">
        <v>1</v>
      </c>
      <c r="BH33" s="62">
        <v>3</v>
      </c>
      <c r="BI33" s="231"/>
      <c r="BJ33" s="61">
        <v>2</v>
      </c>
      <c r="BK33" s="61">
        <v>0</v>
      </c>
      <c r="BL33" s="61">
        <v>0</v>
      </c>
      <c r="BM33" s="61">
        <v>1</v>
      </c>
      <c r="BN33" s="61">
        <v>0</v>
      </c>
      <c r="BO33" s="62">
        <v>3</v>
      </c>
      <c r="BP33" s="63">
        <v>6</v>
      </c>
      <c r="BQ33" s="60">
        <v>1</v>
      </c>
      <c r="BR33" s="61">
        <v>1</v>
      </c>
      <c r="BS33" s="62">
        <v>2</v>
      </c>
      <c r="BT33" s="231"/>
      <c r="BU33" s="61">
        <v>2</v>
      </c>
      <c r="BV33" s="61">
        <v>1</v>
      </c>
      <c r="BW33" s="61">
        <v>2</v>
      </c>
      <c r="BX33" s="61">
        <v>5</v>
      </c>
      <c r="BY33" s="61">
        <v>0</v>
      </c>
      <c r="BZ33" s="62">
        <v>10</v>
      </c>
      <c r="CA33" s="63">
        <v>12</v>
      </c>
      <c r="CB33" s="60">
        <v>0</v>
      </c>
      <c r="CC33" s="61">
        <v>0</v>
      </c>
      <c r="CD33" s="62">
        <v>0</v>
      </c>
      <c r="CE33" s="231"/>
      <c r="CF33" s="61">
        <v>0</v>
      </c>
      <c r="CG33" s="61">
        <v>0</v>
      </c>
      <c r="CH33" s="61">
        <v>0</v>
      </c>
      <c r="CI33" s="61">
        <v>0</v>
      </c>
      <c r="CJ33" s="61">
        <v>0</v>
      </c>
      <c r="CK33" s="62">
        <v>0</v>
      </c>
      <c r="CL33" s="63">
        <v>0</v>
      </c>
      <c r="CM33" s="60">
        <v>3</v>
      </c>
      <c r="CN33" s="61">
        <v>4</v>
      </c>
      <c r="CO33" s="62">
        <v>7</v>
      </c>
      <c r="CP33" s="231"/>
      <c r="CQ33" s="61">
        <v>5</v>
      </c>
      <c r="CR33" s="61">
        <v>1</v>
      </c>
      <c r="CS33" s="61">
        <v>2</v>
      </c>
      <c r="CT33" s="61">
        <v>7</v>
      </c>
      <c r="CU33" s="61">
        <v>1</v>
      </c>
      <c r="CV33" s="62">
        <v>16</v>
      </c>
      <c r="CW33" s="63">
        <v>23</v>
      </c>
      <c r="CX33" s="113">
        <v>0</v>
      </c>
      <c r="CY33" s="72">
        <v>1</v>
      </c>
      <c r="CZ33" s="73">
        <v>1</v>
      </c>
      <c r="DA33" s="228"/>
      <c r="DB33" s="72">
        <v>2</v>
      </c>
      <c r="DC33" s="72">
        <v>1</v>
      </c>
      <c r="DD33" s="72">
        <v>1</v>
      </c>
      <c r="DE33" s="72">
        <v>2</v>
      </c>
      <c r="DF33" s="72">
        <v>0</v>
      </c>
      <c r="DG33" s="74">
        <v>6</v>
      </c>
      <c r="DH33" s="75">
        <v>7</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1</v>
      </c>
      <c r="FC33" s="62">
        <v>1</v>
      </c>
      <c r="FD33" s="231"/>
      <c r="FE33" s="61">
        <v>1</v>
      </c>
      <c r="FF33" s="61">
        <v>0</v>
      </c>
      <c r="FG33" s="61">
        <v>0</v>
      </c>
      <c r="FH33" s="61">
        <v>1</v>
      </c>
      <c r="FI33" s="61">
        <v>0</v>
      </c>
      <c r="FJ33" s="62">
        <v>2</v>
      </c>
      <c r="FK33" s="63">
        <v>3</v>
      </c>
      <c r="FL33" s="60">
        <v>0</v>
      </c>
      <c r="FM33" s="61">
        <v>0</v>
      </c>
      <c r="FN33" s="62">
        <v>0</v>
      </c>
      <c r="FO33" s="231"/>
      <c r="FP33" s="61">
        <v>0</v>
      </c>
      <c r="FQ33" s="61">
        <v>0</v>
      </c>
      <c r="FR33" s="61">
        <v>1</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1</v>
      </c>
      <c r="GJ33" s="62">
        <v>1</v>
      </c>
      <c r="GK33" s="231"/>
      <c r="GL33" s="61">
        <v>2</v>
      </c>
      <c r="GM33" s="61">
        <v>1</v>
      </c>
      <c r="GN33" s="61">
        <v>1</v>
      </c>
      <c r="GO33" s="61">
        <v>2</v>
      </c>
      <c r="GP33" s="61">
        <v>0</v>
      </c>
      <c r="GQ33" s="62">
        <v>6</v>
      </c>
      <c r="GR33" s="63">
        <v>7</v>
      </c>
      <c r="GS33" s="113">
        <v>3</v>
      </c>
      <c r="GT33" s="72">
        <v>5</v>
      </c>
      <c r="GU33" s="73">
        <v>8</v>
      </c>
      <c r="GV33" s="228"/>
      <c r="GW33" s="72">
        <v>7</v>
      </c>
      <c r="GX33" s="72">
        <v>2</v>
      </c>
      <c r="GY33" s="72">
        <v>3</v>
      </c>
      <c r="GZ33" s="72">
        <v>9</v>
      </c>
      <c r="HA33" s="72">
        <v>1</v>
      </c>
      <c r="HB33" s="74">
        <v>22</v>
      </c>
      <c r="HC33" s="75">
        <v>30</v>
      </c>
      <c r="HD33" s="60">
        <v>0</v>
      </c>
      <c r="HE33" s="61">
        <v>0</v>
      </c>
      <c r="HF33" s="62">
        <v>0</v>
      </c>
      <c r="HG33" s="231"/>
      <c r="HH33" s="61">
        <v>0</v>
      </c>
      <c r="HI33" s="61">
        <v>0</v>
      </c>
      <c r="HJ33" s="61">
        <v>0</v>
      </c>
      <c r="HK33" s="61">
        <v>0</v>
      </c>
      <c r="HL33" s="61">
        <v>0</v>
      </c>
      <c r="HM33" s="62">
        <v>0</v>
      </c>
      <c r="HN33" s="63">
        <v>0</v>
      </c>
      <c r="HO33" s="60">
        <v>0</v>
      </c>
      <c r="HP33" s="61">
        <v>1</v>
      </c>
      <c r="HQ33" s="62">
        <v>1</v>
      </c>
      <c r="HR33" s="231"/>
      <c r="HS33" s="61">
        <v>0</v>
      </c>
      <c r="HT33" s="61">
        <v>0</v>
      </c>
      <c r="HU33" s="61">
        <v>0</v>
      </c>
      <c r="HV33" s="61">
        <v>0</v>
      </c>
      <c r="HW33" s="61">
        <v>1</v>
      </c>
      <c r="HX33" s="62">
        <v>1</v>
      </c>
      <c r="HY33" s="63">
        <v>2</v>
      </c>
      <c r="HZ33" s="60">
        <v>0</v>
      </c>
      <c r="IA33" s="61">
        <v>0</v>
      </c>
      <c r="IB33" s="62">
        <v>0</v>
      </c>
      <c r="IC33" s="231"/>
      <c r="ID33" s="61">
        <v>0</v>
      </c>
      <c r="IE33" s="61">
        <v>0</v>
      </c>
      <c r="IF33" s="61">
        <v>0</v>
      </c>
      <c r="IG33" s="61">
        <v>0</v>
      </c>
      <c r="IH33" s="61">
        <v>0</v>
      </c>
      <c r="II33" s="62">
        <v>0</v>
      </c>
      <c r="IJ33" s="63">
        <v>0</v>
      </c>
      <c r="IK33" s="60">
        <v>0</v>
      </c>
      <c r="IL33" s="61">
        <v>1</v>
      </c>
      <c r="IM33" s="62">
        <v>1</v>
      </c>
      <c r="IN33" s="231"/>
      <c r="IO33" s="61">
        <v>2</v>
      </c>
      <c r="IP33" s="61">
        <v>1</v>
      </c>
      <c r="IQ33" s="61">
        <v>0</v>
      </c>
      <c r="IR33" s="61">
        <v>1</v>
      </c>
      <c r="IS33" s="61">
        <v>0</v>
      </c>
      <c r="IT33" s="62">
        <v>4</v>
      </c>
      <c r="IU33" s="63">
        <v>5</v>
      </c>
      <c r="IV33" s="60">
        <v>2</v>
      </c>
      <c r="IW33" s="61">
        <v>2</v>
      </c>
      <c r="IX33" s="62">
        <v>4</v>
      </c>
      <c r="IY33" s="231"/>
      <c r="IZ33" s="61">
        <v>3</v>
      </c>
      <c r="JA33" s="61">
        <v>0</v>
      </c>
      <c r="JB33" s="61">
        <v>0</v>
      </c>
      <c r="JC33" s="61">
        <v>2</v>
      </c>
      <c r="JD33" s="61">
        <v>0</v>
      </c>
      <c r="JE33" s="62">
        <v>5</v>
      </c>
      <c r="JF33" s="63">
        <v>9</v>
      </c>
      <c r="JG33" s="60">
        <v>1</v>
      </c>
      <c r="JH33" s="61">
        <v>1</v>
      </c>
      <c r="JI33" s="62">
        <v>2</v>
      </c>
      <c r="JJ33" s="231"/>
      <c r="JK33" s="61">
        <v>2</v>
      </c>
      <c r="JL33" s="61">
        <v>1</v>
      </c>
      <c r="JM33" s="61">
        <v>3</v>
      </c>
      <c r="JN33" s="61">
        <v>6</v>
      </c>
      <c r="JO33" s="61">
        <v>0</v>
      </c>
      <c r="JP33" s="62">
        <v>12</v>
      </c>
      <c r="JQ33" s="63">
        <v>14</v>
      </c>
      <c r="JR33" s="60">
        <v>0</v>
      </c>
      <c r="JS33" s="61">
        <v>0</v>
      </c>
      <c r="JT33" s="62">
        <v>0</v>
      </c>
      <c r="JU33" s="231"/>
      <c r="JV33" s="61">
        <v>0</v>
      </c>
      <c r="JW33" s="61">
        <v>0</v>
      </c>
      <c r="JX33" s="61">
        <v>0</v>
      </c>
      <c r="JY33" s="61">
        <v>0</v>
      </c>
      <c r="JZ33" s="61">
        <v>0</v>
      </c>
      <c r="KA33" s="62">
        <v>0</v>
      </c>
      <c r="KB33" s="63">
        <v>0</v>
      </c>
      <c r="KC33" s="60">
        <v>3</v>
      </c>
      <c r="KD33" s="61">
        <v>5</v>
      </c>
      <c r="KE33" s="62">
        <v>8</v>
      </c>
      <c r="KF33" s="231"/>
      <c r="KG33" s="61">
        <v>7</v>
      </c>
      <c r="KH33" s="61">
        <v>2</v>
      </c>
      <c r="KI33" s="61">
        <v>3</v>
      </c>
      <c r="KJ33" s="61">
        <v>9</v>
      </c>
      <c r="KK33" s="61">
        <v>1</v>
      </c>
      <c r="KL33" s="62">
        <v>22</v>
      </c>
      <c r="KM33" s="63">
        <v>30</v>
      </c>
    </row>
    <row r="34" spans="2:299" ht="21" customHeight="1" x14ac:dyDescent="0.2">
      <c r="B34" s="472" t="s">
        <v>31</v>
      </c>
      <c r="C34" s="293">
        <v>5</v>
      </c>
      <c r="D34" s="72">
        <v>5</v>
      </c>
      <c r="E34" s="73">
        <v>10</v>
      </c>
      <c r="F34" s="228"/>
      <c r="G34" s="72">
        <v>6</v>
      </c>
      <c r="H34" s="72">
        <v>6</v>
      </c>
      <c r="I34" s="72">
        <v>8</v>
      </c>
      <c r="J34" s="72">
        <v>2</v>
      </c>
      <c r="K34" s="72">
        <v>0</v>
      </c>
      <c r="L34" s="74">
        <v>22</v>
      </c>
      <c r="M34" s="75">
        <v>32</v>
      </c>
      <c r="N34" s="60">
        <v>0</v>
      </c>
      <c r="O34" s="61">
        <v>0</v>
      </c>
      <c r="P34" s="62">
        <v>0</v>
      </c>
      <c r="Q34" s="231"/>
      <c r="R34" s="61">
        <v>0</v>
      </c>
      <c r="S34" s="61">
        <v>0</v>
      </c>
      <c r="T34" s="61">
        <v>0</v>
      </c>
      <c r="U34" s="61">
        <v>0</v>
      </c>
      <c r="V34" s="61">
        <v>0</v>
      </c>
      <c r="W34" s="62">
        <v>0</v>
      </c>
      <c r="X34" s="63">
        <v>0</v>
      </c>
      <c r="Y34" s="60">
        <v>0</v>
      </c>
      <c r="Z34" s="61">
        <v>0</v>
      </c>
      <c r="AA34" s="62">
        <v>0</v>
      </c>
      <c r="AB34" s="231"/>
      <c r="AC34" s="61">
        <v>0</v>
      </c>
      <c r="AD34" s="61">
        <v>0</v>
      </c>
      <c r="AE34" s="61">
        <v>0</v>
      </c>
      <c r="AF34" s="61">
        <v>0</v>
      </c>
      <c r="AG34" s="61">
        <v>0</v>
      </c>
      <c r="AH34" s="62">
        <v>0</v>
      </c>
      <c r="AI34" s="63">
        <v>0</v>
      </c>
      <c r="AJ34" s="60">
        <v>0</v>
      </c>
      <c r="AK34" s="61">
        <v>1</v>
      </c>
      <c r="AL34" s="62">
        <v>1</v>
      </c>
      <c r="AM34" s="231"/>
      <c r="AN34" s="61">
        <v>0</v>
      </c>
      <c r="AO34" s="61">
        <v>0</v>
      </c>
      <c r="AP34" s="61">
        <v>1</v>
      </c>
      <c r="AQ34" s="61">
        <v>0</v>
      </c>
      <c r="AR34" s="61">
        <v>0</v>
      </c>
      <c r="AS34" s="62">
        <v>1</v>
      </c>
      <c r="AT34" s="63">
        <v>2</v>
      </c>
      <c r="AU34" s="60">
        <v>0</v>
      </c>
      <c r="AV34" s="61">
        <v>1</v>
      </c>
      <c r="AW34" s="62">
        <v>1</v>
      </c>
      <c r="AX34" s="231"/>
      <c r="AY34" s="61">
        <v>1</v>
      </c>
      <c r="AZ34" s="61">
        <v>1</v>
      </c>
      <c r="BA34" s="61">
        <v>1</v>
      </c>
      <c r="BB34" s="61">
        <v>1</v>
      </c>
      <c r="BC34" s="61">
        <v>0</v>
      </c>
      <c r="BD34" s="62">
        <v>4</v>
      </c>
      <c r="BE34" s="63">
        <v>5</v>
      </c>
      <c r="BF34" s="60">
        <v>1</v>
      </c>
      <c r="BG34" s="61">
        <v>2</v>
      </c>
      <c r="BH34" s="62">
        <v>3</v>
      </c>
      <c r="BI34" s="231"/>
      <c r="BJ34" s="61">
        <v>3</v>
      </c>
      <c r="BK34" s="61">
        <v>2</v>
      </c>
      <c r="BL34" s="61">
        <v>1</v>
      </c>
      <c r="BM34" s="61">
        <v>1</v>
      </c>
      <c r="BN34" s="61">
        <v>0</v>
      </c>
      <c r="BO34" s="62">
        <v>7</v>
      </c>
      <c r="BP34" s="63">
        <v>10</v>
      </c>
      <c r="BQ34" s="60">
        <v>4</v>
      </c>
      <c r="BR34" s="61">
        <v>1</v>
      </c>
      <c r="BS34" s="62">
        <v>5</v>
      </c>
      <c r="BT34" s="231"/>
      <c r="BU34" s="61">
        <v>2</v>
      </c>
      <c r="BV34" s="61">
        <v>3</v>
      </c>
      <c r="BW34" s="61">
        <v>5</v>
      </c>
      <c r="BX34" s="61">
        <v>0</v>
      </c>
      <c r="BY34" s="61">
        <v>0</v>
      </c>
      <c r="BZ34" s="62">
        <v>10</v>
      </c>
      <c r="CA34" s="63">
        <v>15</v>
      </c>
      <c r="CB34" s="60">
        <v>0</v>
      </c>
      <c r="CC34" s="61">
        <v>0</v>
      </c>
      <c r="CD34" s="62">
        <v>0</v>
      </c>
      <c r="CE34" s="231"/>
      <c r="CF34" s="61">
        <v>0</v>
      </c>
      <c r="CG34" s="61">
        <v>0</v>
      </c>
      <c r="CH34" s="61">
        <v>0</v>
      </c>
      <c r="CI34" s="61">
        <v>0</v>
      </c>
      <c r="CJ34" s="61">
        <v>0</v>
      </c>
      <c r="CK34" s="62">
        <v>0</v>
      </c>
      <c r="CL34" s="63">
        <v>0</v>
      </c>
      <c r="CM34" s="60">
        <v>5</v>
      </c>
      <c r="CN34" s="61">
        <v>5</v>
      </c>
      <c r="CO34" s="62">
        <v>10</v>
      </c>
      <c r="CP34" s="231"/>
      <c r="CQ34" s="61">
        <v>6</v>
      </c>
      <c r="CR34" s="61">
        <v>6</v>
      </c>
      <c r="CS34" s="61">
        <v>8</v>
      </c>
      <c r="CT34" s="61">
        <v>2</v>
      </c>
      <c r="CU34" s="61">
        <v>0</v>
      </c>
      <c r="CV34" s="62">
        <v>22</v>
      </c>
      <c r="CW34" s="63">
        <v>32</v>
      </c>
      <c r="CX34" s="113">
        <v>3</v>
      </c>
      <c r="CY34" s="72">
        <v>0</v>
      </c>
      <c r="CZ34" s="73">
        <v>3</v>
      </c>
      <c r="DA34" s="228"/>
      <c r="DB34" s="72">
        <v>0</v>
      </c>
      <c r="DC34" s="72">
        <v>1</v>
      </c>
      <c r="DD34" s="72">
        <v>0</v>
      </c>
      <c r="DE34" s="72">
        <v>1</v>
      </c>
      <c r="DF34" s="72">
        <v>1</v>
      </c>
      <c r="DG34" s="74">
        <v>3</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1</v>
      </c>
      <c r="FM34" s="61">
        <v>0</v>
      </c>
      <c r="FN34" s="62">
        <v>1</v>
      </c>
      <c r="FO34" s="231"/>
      <c r="FP34" s="61">
        <v>0</v>
      </c>
      <c r="FQ34" s="61">
        <v>0</v>
      </c>
      <c r="FR34" s="61">
        <v>0</v>
      </c>
      <c r="FS34" s="61">
        <v>1</v>
      </c>
      <c r="FT34" s="61">
        <v>1</v>
      </c>
      <c r="FU34" s="62">
        <v>2</v>
      </c>
      <c r="FV34" s="63">
        <v>3</v>
      </c>
      <c r="FW34" s="60">
        <v>0</v>
      </c>
      <c r="FX34" s="61">
        <v>0</v>
      </c>
      <c r="FY34" s="62">
        <v>0</v>
      </c>
      <c r="FZ34" s="231"/>
      <c r="GA34" s="61">
        <v>0</v>
      </c>
      <c r="GB34" s="61">
        <v>0</v>
      </c>
      <c r="GC34" s="61">
        <v>0</v>
      </c>
      <c r="GD34" s="61">
        <v>0</v>
      </c>
      <c r="GE34" s="61">
        <v>0</v>
      </c>
      <c r="GF34" s="62">
        <v>0</v>
      </c>
      <c r="GG34" s="63">
        <v>0</v>
      </c>
      <c r="GH34" s="60">
        <v>3</v>
      </c>
      <c r="GI34" s="61">
        <v>0</v>
      </c>
      <c r="GJ34" s="62">
        <v>3</v>
      </c>
      <c r="GK34" s="231"/>
      <c r="GL34" s="61">
        <v>0</v>
      </c>
      <c r="GM34" s="61">
        <v>1</v>
      </c>
      <c r="GN34" s="61">
        <v>0</v>
      </c>
      <c r="GO34" s="61">
        <v>1</v>
      </c>
      <c r="GP34" s="61">
        <v>1</v>
      </c>
      <c r="GQ34" s="62">
        <v>3</v>
      </c>
      <c r="GR34" s="63">
        <v>6</v>
      </c>
      <c r="GS34" s="113">
        <v>8</v>
      </c>
      <c r="GT34" s="72">
        <v>5</v>
      </c>
      <c r="GU34" s="73">
        <v>13</v>
      </c>
      <c r="GV34" s="228"/>
      <c r="GW34" s="72">
        <v>6</v>
      </c>
      <c r="GX34" s="72">
        <v>7</v>
      </c>
      <c r="GY34" s="72">
        <v>8</v>
      </c>
      <c r="GZ34" s="72">
        <v>3</v>
      </c>
      <c r="HA34" s="72">
        <v>1</v>
      </c>
      <c r="HB34" s="74">
        <v>25</v>
      </c>
      <c r="HC34" s="75">
        <v>38</v>
      </c>
      <c r="HD34" s="60">
        <v>0</v>
      </c>
      <c r="HE34" s="61">
        <v>0</v>
      </c>
      <c r="HF34" s="62">
        <v>0</v>
      </c>
      <c r="HG34" s="231"/>
      <c r="HH34" s="61">
        <v>0</v>
      </c>
      <c r="HI34" s="61">
        <v>0</v>
      </c>
      <c r="HJ34" s="61">
        <v>0</v>
      </c>
      <c r="HK34" s="61">
        <v>0</v>
      </c>
      <c r="HL34" s="61">
        <v>0</v>
      </c>
      <c r="HM34" s="62">
        <v>0</v>
      </c>
      <c r="HN34" s="63">
        <v>0</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1</v>
      </c>
      <c r="IP34" s="61">
        <v>2</v>
      </c>
      <c r="IQ34" s="61">
        <v>1</v>
      </c>
      <c r="IR34" s="61">
        <v>1</v>
      </c>
      <c r="IS34" s="61">
        <v>0</v>
      </c>
      <c r="IT34" s="62">
        <v>5</v>
      </c>
      <c r="IU34" s="63">
        <v>7</v>
      </c>
      <c r="IV34" s="60">
        <v>2</v>
      </c>
      <c r="IW34" s="61">
        <v>2</v>
      </c>
      <c r="IX34" s="62">
        <v>4</v>
      </c>
      <c r="IY34" s="231"/>
      <c r="IZ34" s="61">
        <v>3</v>
      </c>
      <c r="JA34" s="61">
        <v>2</v>
      </c>
      <c r="JB34" s="61">
        <v>1</v>
      </c>
      <c r="JC34" s="61">
        <v>1</v>
      </c>
      <c r="JD34" s="61">
        <v>0</v>
      </c>
      <c r="JE34" s="62">
        <v>7</v>
      </c>
      <c r="JF34" s="63">
        <v>11</v>
      </c>
      <c r="JG34" s="60">
        <v>5</v>
      </c>
      <c r="JH34" s="61">
        <v>1</v>
      </c>
      <c r="JI34" s="62">
        <v>6</v>
      </c>
      <c r="JJ34" s="231"/>
      <c r="JK34" s="61">
        <v>2</v>
      </c>
      <c r="JL34" s="61">
        <v>3</v>
      </c>
      <c r="JM34" s="61">
        <v>5</v>
      </c>
      <c r="JN34" s="61">
        <v>1</v>
      </c>
      <c r="JO34" s="61">
        <v>1</v>
      </c>
      <c r="JP34" s="62">
        <v>12</v>
      </c>
      <c r="JQ34" s="63">
        <v>18</v>
      </c>
      <c r="JR34" s="60">
        <v>0</v>
      </c>
      <c r="JS34" s="61">
        <v>0</v>
      </c>
      <c r="JT34" s="62">
        <v>0</v>
      </c>
      <c r="JU34" s="231"/>
      <c r="JV34" s="61">
        <v>0</v>
      </c>
      <c r="JW34" s="61">
        <v>0</v>
      </c>
      <c r="JX34" s="61">
        <v>0</v>
      </c>
      <c r="JY34" s="61">
        <v>0</v>
      </c>
      <c r="JZ34" s="61">
        <v>0</v>
      </c>
      <c r="KA34" s="62">
        <v>0</v>
      </c>
      <c r="KB34" s="63">
        <v>0</v>
      </c>
      <c r="KC34" s="60">
        <v>8</v>
      </c>
      <c r="KD34" s="61">
        <v>5</v>
      </c>
      <c r="KE34" s="62">
        <v>13</v>
      </c>
      <c r="KF34" s="231"/>
      <c r="KG34" s="61">
        <v>6</v>
      </c>
      <c r="KH34" s="61">
        <v>7</v>
      </c>
      <c r="KI34" s="61">
        <v>8</v>
      </c>
      <c r="KJ34" s="61">
        <v>3</v>
      </c>
      <c r="KK34" s="61">
        <v>1</v>
      </c>
      <c r="KL34" s="62">
        <v>25</v>
      </c>
      <c r="KM34" s="63">
        <v>38</v>
      </c>
    </row>
    <row r="35" spans="2:299" ht="21" customHeight="1" x14ac:dyDescent="0.2">
      <c r="B35" s="472" t="s">
        <v>32</v>
      </c>
      <c r="C35" s="293">
        <v>2</v>
      </c>
      <c r="D35" s="72">
        <v>5</v>
      </c>
      <c r="E35" s="73">
        <v>7</v>
      </c>
      <c r="F35" s="228"/>
      <c r="G35" s="72">
        <v>11</v>
      </c>
      <c r="H35" s="72">
        <v>11</v>
      </c>
      <c r="I35" s="72">
        <v>8</v>
      </c>
      <c r="J35" s="72">
        <v>4</v>
      </c>
      <c r="K35" s="72">
        <v>1</v>
      </c>
      <c r="L35" s="74">
        <v>35</v>
      </c>
      <c r="M35" s="75">
        <v>42</v>
      </c>
      <c r="N35" s="60">
        <v>1</v>
      </c>
      <c r="O35" s="61">
        <v>0</v>
      </c>
      <c r="P35" s="62">
        <v>1</v>
      </c>
      <c r="Q35" s="231"/>
      <c r="R35" s="61">
        <v>0</v>
      </c>
      <c r="S35" s="61">
        <v>0</v>
      </c>
      <c r="T35" s="61">
        <v>0</v>
      </c>
      <c r="U35" s="61">
        <v>0</v>
      </c>
      <c r="V35" s="61">
        <v>0</v>
      </c>
      <c r="W35" s="62">
        <v>0</v>
      </c>
      <c r="X35" s="63">
        <v>1</v>
      </c>
      <c r="Y35" s="60">
        <v>0</v>
      </c>
      <c r="Z35" s="61">
        <v>0</v>
      </c>
      <c r="AA35" s="62">
        <v>0</v>
      </c>
      <c r="AB35" s="231"/>
      <c r="AC35" s="61">
        <v>0</v>
      </c>
      <c r="AD35" s="61">
        <v>0</v>
      </c>
      <c r="AE35" s="61">
        <v>0</v>
      </c>
      <c r="AF35" s="61">
        <v>0</v>
      </c>
      <c r="AG35" s="61">
        <v>0</v>
      </c>
      <c r="AH35" s="62">
        <v>0</v>
      </c>
      <c r="AI35" s="63">
        <v>0</v>
      </c>
      <c r="AJ35" s="60">
        <v>0</v>
      </c>
      <c r="AK35" s="61">
        <v>0</v>
      </c>
      <c r="AL35" s="62">
        <v>0</v>
      </c>
      <c r="AM35" s="231"/>
      <c r="AN35" s="61">
        <v>0</v>
      </c>
      <c r="AO35" s="61">
        <v>3</v>
      </c>
      <c r="AP35" s="61">
        <v>0</v>
      </c>
      <c r="AQ35" s="61">
        <v>0</v>
      </c>
      <c r="AR35" s="61">
        <v>0</v>
      </c>
      <c r="AS35" s="62">
        <v>3</v>
      </c>
      <c r="AT35" s="63">
        <v>3</v>
      </c>
      <c r="AU35" s="60">
        <v>0</v>
      </c>
      <c r="AV35" s="61">
        <v>2</v>
      </c>
      <c r="AW35" s="62">
        <v>2</v>
      </c>
      <c r="AX35" s="231"/>
      <c r="AY35" s="61">
        <v>2</v>
      </c>
      <c r="AZ35" s="61">
        <v>0</v>
      </c>
      <c r="BA35" s="61">
        <v>3</v>
      </c>
      <c r="BB35" s="61">
        <v>1</v>
      </c>
      <c r="BC35" s="61">
        <v>0</v>
      </c>
      <c r="BD35" s="62">
        <v>6</v>
      </c>
      <c r="BE35" s="63">
        <v>8</v>
      </c>
      <c r="BF35" s="60">
        <v>0</v>
      </c>
      <c r="BG35" s="61">
        <v>1</v>
      </c>
      <c r="BH35" s="62">
        <v>1</v>
      </c>
      <c r="BI35" s="231"/>
      <c r="BJ35" s="61">
        <v>5</v>
      </c>
      <c r="BK35" s="61">
        <v>3</v>
      </c>
      <c r="BL35" s="61">
        <v>4</v>
      </c>
      <c r="BM35" s="61">
        <v>2</v>
      </c>
      <c r="BN35" s="61">
        <v>1</v>
      </c>
      <c r="BO35" s="62">
        <v>15</v>
      </c>
      <c r="BP35" s="63">
        <v>16</v>
      </c>
      <c r="BQ35" s="60">
        <v>1</v>
      </c>
      <c r="BR35" s="61">
        <v>2</v>
      </c>
      <c r="BS35" s="62">
        <v>3</v>
      </c>
      <c r="BT35" s="231"/>
      <c r="BU35" s="61">
        <v>4</v>
      </c>
      <c r="BV35" s="61">
        <v>5</v>
      </c>
      <c r="BW35" s="61">
        <v>1</v>
      </c>
      <c r="BX35" s="61">
        <v>1</v>
      </c>
      <c r="BY35" s="61">
        <v>0</v>
      </c>
      <c r="BZ35" s="62">
        <v>11</v>
      </c>
      <c r="CA35" s="63">
        <v>14</v>
      </c>
      <c r="CB35" s="60">
        <v>0</v>
      </c>
      <c r="CC35" s="61">
        <v>0</v>
      </c>
      <c r="CD35" s="62">
        <v>0</v>
      </c>
      <c r="CE35" s="231"/>
      <c r="CF35" s="61">
        <v>0</v>
      </c>
      <c r="CG35" s="61">
        <v>0</v>
      </c>
      <c r="CH35" s="61">
        <v>0</v>
      </c>
      <c r="CI35" s="61">
        <v>0</v>
      </c>
      <c r="CJ35" s="61">
        <v>0</v>
      </c>
      <c r="CK35" s="62">
        <v>0</v>
      </c>
      <c r="CL35" s="63">
        <v>0</v>
      </c>
      <c r="CM35" s="60">
        <v>2</v>
      </c>
      <c r="CN35" s="61">
        <v>5</v>
      </c>
      <c r="CO35" s="62">
        <v>7</v>
      </c>
      <c r="CP35" s="231"/>
      <c r="CQ35" s="61">
        <v>11</v>
      </c>
      <c r="CR35" s="61">
        <v>11</v>
      </c>
      <c r="CS35" s="61">
        <v>8</v>
      </c>
      <c r="CT35" s="61">
        <v>4</v>
      </c>
      <c r="CU35" s="61">
        <v>1</v>
      </c>
      <c r="CV35" s="62">
        <v>35</v>
      </c>
      <c r="CW35" s="63">
        <v>42</v>
      </c>
      <c r="CX35" s="113">
        <v>0</v>
      </c>
      <c r="CY35" s="72">
        <v>0</v>
      </c>
      <c r="CZ35" s="73">
        <v>0</v>
      </c>
      <c r="DA35" s="228"/>
      <c r="DB35" s="72">
        <v>1</v>
      </c>
      <c r="DC35" s="72">
        <v>4</v>
      </c>
      <c r="DD35" s="72">
        <v>2</v>
      </c>
      <c r="DE35" s="72">
        <v>2</v>
      </c>
      <c r="DF35" s="72">
        <v>3</v>
      </c>
      <c r="DG35" s="74">
        <v>12</v>
      </c>
      <c r="DH35" s="75">
        <v>12</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2</v>
      </c>
      <c r="FG35" s="61">
        <v>1</v>
      </c>
      <c r="FH35" s="61">
        <v>1</v>
      </c>
      <c r="FI35" s="61">
        <v>1</v>
      </c>
      <c r="FJ35" s="62">
        <v>5</v>
      </c>
      <c r="FK35" s="63">
        <v>5</v>
      </c>
      <c r="FL35" s="60">
        <v>0</v>
      </c>
      <c r="FM35" s="61">
        <v>0</v>
      </c>
      <c r="FN35" s="62">
        <v>0</v>
      </c>
      <c r="FO35" s="231"/>
      <c r="FP35" s="61">
        <v>0</v>
      </c>
      <c r="FQ35" s="61">
        <v>1</v>
      </c>
      <c r="FR35" s="61">
        <v>1</v>
      </c>
      <c r="FS35" s="61">
        <v>1</v>
      </c>
      <c r="FT35" s="61">
        <v>2</v>
      </c>
      <c r="FU35" s="62">
        <v>5</v>
      </c>
      <c r="FV35" s="63">
        <v>5</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4</v>
      </c>
      <c r="GN35" s="61">
        <v>2</v>
      </c>
      <c r="GO35" s="61">
        <v>2</v>
      </c>
      <c r="GP35" s="61">
        <v>3</v>
      </c>
      <c r="GQ35" s="62">
        <v>12</v>
      </c>
      <c r="GR35" s="63">
        <v>12</v>
      </c>
      <c r="GS35" s="113">
        <v>2</v>
      </c>
      <c r="GT35" s="72">
        <v>5</v>
      </c>
      <c r="GU35" s="73">
        <v>7</v>
      </c>
      <c r="GV35" s="228"/>
      <c r="GW35" s="72">
        <v>12</v>
      </c>
      <c r="GX35" s="72">
        <v>15</v>
      </c>
      <c r="GY35" s="72">
        <v>10</v>
      </c>
      <c r="GZ35" s="72">
        <v>6</v>
      </c>
      <c r="HA35" s="72">
        <v>4</v>
      </c>
      <c r="HB35" s="74">
        <v>47</v>
      </c>
      <c r="HC35" s="75">
        <v>54</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3</v>
      </c>
      <c r="IF35" s="61">
        <v>0</v>
      </c>
      <c r="IG35" s="61">
        <v>0</v>
      </c>
      <c r="IH35" s="61">
        <v>0</v>
      </c>
      <c r="II35" s="62">
        <v>3</v>
      </c>
      <c r="IJ35" s="63">
        <v>3</v>
      </c>
      <c r="IK35" s="60">
        <v>0</v>
      </c>
      <c r="IL35" s="61">
        <v>2</v>
      </c>
      <c r="IM35" s="62">
        <v>2</v>
      </c>
      <c r="IN35" s="231"/>
      <c r="IO35" s="61">
        <v>2</v>
      </c>
      <c r="IP35" s="61">
        <v>1</v>
      </c>
      <c r="IQ35" s="61">
        <v>3</v>
      </c>
      <c r="IR35" s="61">
        <v>1</v>
      </c>
      <c r="IS35" s="61">
        <v>0</v>
      </c>
      <c r="IT35" s="62">
        <v>7</v>
      </c>
      <c r="IU35" s="63">
        <v>9</v>
      </c>
      <c r="IV35" s="60">
        <v>0</v>
      </c>
      <c r="IW35" s="61">
        <v>1</v>
      </c>
      <c r="IX35" s="62">
        <v>1</v>
      </c>
      <c r="IY35" s="231"/>
      <c r="IZ35" s="61">
        <v>5</v>
      </c>
      <c r="JA35" s="61">
        <v>5</v>
      </c>
      <c r="JB35" s="61">
        <v>5</v>
      </c>
      <c r="JC35" s="61">
        <v>3</v>
      </c>
      <c r="JD35" s="61">
        <v>2</v>
      </c>
      <c r="JE35" s="62">
        <v>20</v>
      </c>
      <c r="JF35" s="63">
        <v>21</v>
      </c>
      <c r="JG35" s="60">
        <v>1</v>
      </c>
      <c r="JH35" s="61">
        <v>2</v>
      </c>
      <c r="JI35" s="62">
        <v>3</v>
      </c>
      <c r="JJ35" s="231"/>
      <c r="JK35" s="61">
        <v>4</v>
      </c>
      <c r="JL35" s="61">
        <v>6</v>
      </c>
      <c r="JM35" s="61">
        <v>2</v>
      </c>
      <c r="JN35" s="61">
        <v>2</v>
      </c>
      <c r="JO35" s="61">
        <v>2</v>
      </c>
      <c r="JP35" s="62">
        <v>16</v>
      </c>
      <c r="JQ35" s="63">
        <v>19</v>
      </c>
      <c r="JR35" s="60">
        <v>0</v>
      </c>
      <c r="JS35" s="61">
        <v>0</v>
      </c>
      <c r="JT35" s="62">
        <v>0</v>
      </c>
      <c r="JU35" s="231"/>
      <c r="JV35" s="61">
        <v>0</v>
      </c>
      <c r="JW35" s="61">
        <v>0</v>
      </c>
      <c r="JX35" s="61">
        <v>0</v>
      </c>
      <c r="JY35" s="61">
        <v>0</v>
      </c>
      <c r="JZ35" s="61">
        <v>0</v>
      </c>
      <c r="KA35" s="62">
        <v>0</v>
      </c>
      <c r="KB35" s="63">
        <v>0</v>
      </c>
      <c r="KC35" s="60">
        <v>2</v>
      </c>
      <c r="KD35" s="61">
        <v>5</v>
      </c>
      <c r="KE35" s="62">
        <v>7</v>
      </c>
      <c r="KF35" s="231"/>
      <c r="KG35" s="61">
        <v>12</v>
      </c>
      <c r="KH35" s="61">
        <v>15</v>
      </c>
      <c r="KI35" s="61">
        <v>10</v>
      </c>
      <c r="KJ35" s="61">
        <v>6</v>
      </c>
      <c r="KK35" s="61">
        <v>4</v>
      </c>
      <c r="KL35" s="62">
        <v>47</v>
      </c>
      <c r="KM35" s="63">
        <v>54</v>
      </c>
    </row>
    <row r="36" spans="2:299" ht="21" customHeight="1" x14ac:dyDescent="0.2">
      <c r="B36" s="472" t="s">
        <v>33</v>
      </c>
      <c r="C36" s="293">
        <v>5</v>
      </c>
      <c r="D36" s="72">
        <v>4</v>
      </c>
      <c r="E36" s="73">
        <v>9</v>
      </c>
      <c r="F36" s="228"/>
      <c r="G36" s="72">
        <v>5</v>
      </c>
      <c r="H36" s="72">
        <v>2</v>
      </c>
      <c r="I36" s="72">
        <v>3</v>
      </c>
      <c r="J36" s="72">
        <v>0</v>
      </c>
      <c r="K36" s="72">
        <v>2</v>
      </c>
      <c r="L36" s="74">
        <v>12</v>
      </c>
      <c r="M36" s="75">
        <v>21</v>
      </c>
      <c r="N36" s="60">
        <v>0</v>
      </c>
      <c r="O36" s="61">
        <v>0</v>
      </c>
      <c r="P36" s="62">
        <v>0</v>
      </c>
      <c r="Q36" s="231"/>
      <c r="R36" s="61">
        <v>0</v>
      </c>
      <c r="S36" s="61">
        <v>0</v>
      </c>
      <c r="T36" s="61">
        <v>0</v>
      </c>
      <c r="U36" s="61">
        <v>0</v>
      </c>
      <c r="V36" s="61">
        <v>0</v>
      </c>
      <c r="W36" s="62">
        <v>0</v>
      </c>
      <c r="X36" s="63">
        <v>0</v>
      </c>
      <c r="Y36" s="60">
        <v>0</v>
      </c>
      <c r="Z36" s="61">
        <v>0</v>
      </c>
      <c r="AA36" s="62">
        <v>0</v>
      </c>
      <c r="AB36" s="231"/>
      <c r="AC36" s="61">
        <v>1</v>
      </c>
      <c r="AD36" s="61">
        <v>0</v>
      </c>
      <c r="AE36" s="61">
        <v>0</v>
      </c>
      <c r="AF36" s="61">
        <v>0</v>
      </c>
      <c r="AG36" s="61">
        <v>0</v>
      </c>
      <c r="AH36" s="62">
        <v>1</v>
      </c>
      <c r="AI36" s="63">
        <v>1</v>
      </c>
      <c r="AJ36" s="60">
        <v>1</v>
      </c>
      <c r="AK36" s="61">
        <v>0</v>
      </c>
      <c r="AL36" s="62">
        <v>1</v>
      </c>
      <c r="AM36" s="231"/>
      <c r="AN36" s="61">
        <v>0</v>
      </c>
      <c r="AO36" s="61">
        <v>0</v>
      </c>
      <c r="AP36" s="61">
        <v>0</v>
      </c>
      <c r="AQ36" s="61">
        <v>0</v>
      </c>
      <c r="AR36" s="61">
        <v>1</v>
      </c>
      <c r="AS36" s="62">
        <v>1</v>
      </c>
      <c r="AT36" s="63">
        <v>2</v>
      </c>
      <c r="AU36" s="60">
        <v>1</v>
      </c>
      <c r="AV36" s="61">
        <v>1</v>
      </c>
      <c r="AW36" s="62">
        <v>2</v>
      </c>
      <c r="AX36" s="231"/>
      <c r="AY36" s="61">
        <v>0</v>
      </c>
      <c r="AZ36" s="61">
        <v>1</v>
      </c>
      <c r="BA36" s="61">
        <v>1</v>
      </c>
      <c r="BB36" s="61">
        <v>0</v>
      </c>
      <c r="BC36" s="61">
        <v>0</v>
      </c>
      <c r="BD36" s="62">
        <v>2</v>
      </c>
      <c r="BE36" s="63">
        <v>4</v>
      </c>
      <c r="BF36" s="60">
        <v>1</v>
      </c>
      <c r="BG36" s="61">
        <v>2</v>
      </c>
      <c r="BH36" s="62">
        <v>3</v>
      </c>
      <c r="BI36" s="231"/>
      <c r="BJ36" s="61">
        <v>0</v>
      </c>
      <c r="BK36" s="61">
        <v>0</v>
      </c>
      <c r="BL36" s="61">
        <v>2</v>
      </c>
      <c r="BM36" s="61">
        <v>0</v>
      </c>
      <c r="BN36" s="61">
        <v>1</v>
      </c>
      <c r="BO36" s="62">
        <v>3</v>
      </c>
      <c r="BP36" s="63">
        <v>6</v>
      </c>
      <c r="BQ36" s="60">
        <v>2</v>
      </c>
      <c r="BR36" s="61">
        <v>1</v>
      </c>
      <c r="BS36" s="62">
        <v>3</v>
      </c>
      <c r="BT36" s="231"/>
      <c r="BU36" s="61">
        <v>4</v>
      </c>
      <c r="BV36" s="61">
        <v>1</v>
      </c>
      <c r="BW36" s="61">
        <v>0</v>
      </c>
      <c r="BX36" s="61">
        <v>0</v>
      </c>
      <c r="BY36" s="61">
        <v>0</v>
      </c>
      <c r="BZ36" s="62">
        <v>5</v>
      </c>
      <c r="CA36" s="63">
        <v>8</v>
      </c>
      <c r="CB36" s="60">
        <v>0</v>
      </c>
      <c r="CC36" s="61">
        <v>0</v>
      </c>
      <c r="CD36" s="62">
        <v>0</v>
      </c>
      <c r="CE36" s="231"/>
      <c r="CF36" s="61">
        <v>0</v>
      </c>
      <c r="CG36" s="61">
        <v>0</v>
      </c>
      <c r="CH36" s="61">
        <v>0</v>
      </c>
      <c r="CI36" s="61">
        <v>0</v>
      </c>
      <c r="CJ36" s="61">
        <v>0</v>
      </c>
      <c r="CK36" s="62">
        <v>0</v>
      </c>
      <c r="CL36" s="63">
        <v>0</v>
      </c>
      <c r="CM36" s="60">
        <v>5</v>
      </c>
      <c r="CN36" s="61">
        <v>4</v>
      </c>
      <c r="CO36" s="62">
        <v>9</v>
      </c>
      <c r="CP36" s="231"/>
      <c r="CQ36" s="61">
        <v>5</v>
      </c>
      <c r="CR36" s="61">
        <v>2</v>
      </c>
      <c r="CS36" s="61">
        <v>3</v>
      </c>
      <c r="CT36" s="61">
        <v>0</v>
      </c>
      <c r="CU36" s="61">
        <v>2</v>
      </c>
      <c r="CV36" s="62">
        <v>12</v>
      </c>
      <c r="CW36" s="63">
        <v>21</v>
      </c>
      <c r="CX36" s="113">
        <v>1</v>
      </c>
      <c r="CY36" s="72">
        <v>3</v>
      </c>
      <c r="CZ36" s="73">
        <v>4</v>
      </c>
      <c r="DA36" s="228"/>
      <c r="DB36" s="72">
        <v>0</v>
      </c>
      <c r="DC36" s="72">
        <v>2</v>
      </c>
      <c r="DD36" s="72">
        <v>0</v>
      </c>
      <c r="DE36" s="72">
        <v>0</v>
      </c>
      <c r="DF36" s="72">
        <v>0</v>
      </c>
      <c r="DG36" s="74">
        <v>2</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1</v>
      </c>
      <c r="FC36" s="62">
        <v>1</v>
      </c>
      <c r="FD36" s="231"/>
      <c r="FE36" s="61">
        <v>0</v>
      </c>
      <c r="FF36" s="61">
        <v>0</v>
      </c>
      <c r="FG36" s="61">
        <v>0</v>
      </c>
      <c r="FH36" s="61">
        <v>0</v>
      </c>
      <c r="FI36" s="61">
        <v>0</v>
      </c>
      <c r="FJ36" s="62">
        <v>0</v>
      </c>
      <c r="FK36" s="63">
        <v>1</v>
      </c>
      <c r="FL36" s="60">
        <v>1</v>
      </c>
      <c r="FM36" s="61">
        <v>1</v>
      </c>
      <c r="FN36" s="62">
        <v>2</v>
      </c>
      <c r="FO36" s="231"/>
      <c r="FP36" s="61">
        <v>0</v>
      </c>
      <c r="FQ36" s="61">
        <v>2</v>
      </c>
      <c r="FR36" s="61">
        <v>0</v>
      </c>
      <c r="FS36" s="61">
        <v>0</v>
      </c>
      <c r="FT36" s="61">
        <v>0</v>
      </c>
      <c r="FU36" s="62">
        <v>2</v>
      </c>
      <c r="FV36" s="63">
        <v>4</v>
      </c>
      <c r="FW36" s="60">
        <v>0</v>
      </c>
      <c r="FX36" s="61">
        <v>0</v>
      </c>
      <c r="FY36" s="62">
        <v>0</v>
      </c>
      <c r="FZ36" s="231"/>
      <c r="GA36" s="61">
        <v>0</v>
      </c>
      <c r="GB36" s="61">
        <v>0</v>
      </c>
      <c r="GC36" s="61">
        <v>0</v>
      </c>
      <c r="GD36" s="61">
        <v>0</v>
      </c>
      <c r="GE36" s="61">
        <v>0</v>
      </c>
      <c r="GF36" s="62">
        <v>0</v>
      </c>
      <c r="GG36" s="63">
        <v>0</v>
      </c>
      <c r="GH36" s="60">
        <v>1</v>
      </c>
      <c r="GI36" s="61">
        <v>3</v>
      </c>
      <c r="GJ36" s="62">
        <v>4</v>
      </c>
      <c r="GK36" s="231"/>
      <c r="GL36" s="61">
        <v>0</v>
      </c>
      <c r="GM36" s="61">
        <v>2</v>
      </c>
      <c r="GN36" s="61">
        <v>0</v>
      </c>
      <c r="GO36" s="61">
        <v>0</v>
      </c>
      <c r="GP36" s="61">
        <v>0</v>
      </c>
      <c r="GQ36" s="62">
        <v>2</v>
      </c>
      <c r="GR36" s="63">
        <v>6</v>
      </c>
      <c r="GS36" s="113">
        <v>6</v>
      </c>
      <c r="GT36" s="72">
        <v>7</v>
      </c>
      <c r="GU36" s="73">
        <v>13</v>
      </c>
      <c r="GV36" s="228"/>
      <c r="GW36" s="72">
        <v>5</v>
      </c>
      <c r="GX36" s="72">
        <v>4</v>
      </c>
      <c r="GY36" s="72">
        <v>3</v>
      </c>
      <c r="GZ36" s="72">
        <v>0</v>
      </c>
      <c r="HA36" s="72">
        <v>2</v>
      </c>
      <c r="HB36" s="74">
        <v>14</v>
      </c>
      <c r="HC36" s="75">
        <v>27</v>
      </c>
      <c r="HD36" s="60">
        <v>0</v>
      </c>
      <c r="HE36" s="61">
        <v>0</v>
      </c>
      <c r="HF36" s="62">
        <v>0</v>
      </c>
      <c r="HG36" s="231"/>
      <c r="HH36" s="61">
        <v>0</v>
      </c>
      <c r="HI36" s="61">
        <v>0</v>
      </c>
      <c r="HJ36" s="61">
        <v>0</v>
      </c>
      <c r="HK36" s="61">
        <v>0</v>
      </c>
      <c r="HL36" s="61">
        <v>0</v>
      </c>
      <c r="HM36" s="62">
        <v>0</v>
      </c>
      <c r="HN36" s="63">
        <v>0</v>
      </c>
      <c r="HO36" s="60">
        <v>0</v>
      </c>
      <c r="HP36" s="61">
        <v>1</v>
      </c>
      <c r="HQ36" s="62">
        <v>1</v>
      </c>
      <c r="HR36" s="231"/>
      <c r="HS36" s="61">
        <v>1</v>
      </c>
      <c r="HT36" s="61">
        <v>0</v>
      </c>
      <c r="HU36" s="61">
        <v>0</v>
      </c>
      <c r="HV36" s="61">
        <v>0</v>
      </c>
      <c r="HW36" s="61">
        <v>0</v>
      </c>
      <c r="HX36" s="62">
        <v>1</v>
      </c>
      <c r="HY36" s="63">
        <v>2</v>
      </c>
      <c r="HZ36" s="60">
        <v>1</v>
      </c>
      <c r="IA36" s="61">
        <v>0</v>
      </c>
      <c r="IB36" s="62">
        <v>1</v>
      </c>
      <c r="IC36" s="231"/>
      <c r="ID36" s="61">
        <v>0</v>
      </c>
      <c r="IE36" s="61">
        <v>0</v>
      </c>
      <c r="IF36" s="61">
        <v>0</v>
      </c>
      <c r="IG36" s="61">
        <v>0</v>
      </c>
      <c r="IH36" s="61">
        <v>1</v>
      </c>
      <c r="II36" s="62">
        <v>1</v>
      </c>
      <c r="IJ36" s="63">
        <v>2</v>
      </c>
      <c r="IK36" s="60">
        <v>1</v>
      </c>
      <c r="IL36" s="61">
        <v>1</v>
      </c>
      <c r="IM36" s="62">
        <v>2</v>
      </c>
      <c r="IN36" s="231"/>
      <c r="IO36" s="61">
        <v>0</v>
      </c>
      <c r="IP36" s="61">
        <v>1</v>
      </c>
      <c r="IQ36" s="61">
        <v>1</v>
      </c>
      <c r="IR36" s="61">
        <v>0</v>
      </c>
      <c r="IS36" s="61">
        <v>0</v>
      </c>
      <c r="IT36" s="62">
        <v>2</v>
      </c>
      <c r="IU36" s="63">
        <v>4</v>
      </c>
      <c r="IV36" s="60">
        <v>1</v>
      </c>
      <c r="IW36" s="61">
        <v>3</v>
      </c>
      <c r="IX36" s="62">
        <v>4</v>
      </c>
      <c r="IY36" s="231"/>
      <c r="IZ36" s="61">
        <v>0</v>
      </c>
      <c r="JA36" s="61">
        <v>0</v>
      </c>
      <c r="JB36" s="61">
        <v>2</v>
      </c>
      <c r="JC36" s="61">
        <v>0</v>
      </c>
      <c r="JD36" s="61">
        <v>1</v>
      </c>
      <c r="JE36" s="62">
        <v>3</v>
      </c>
      <c r="JF36" s="63">
        <v>7</v>
      </c>
      <c r="JG36" s="60">
        <v>3</v>
      </c>
      <c r="JH36" s="61">
        <v>2</v>
      </c>
      <c r="JI36" s="62">
        <v>5</v>
      </c>
      <c r="JJ36" s="231"/>
      <c r="JK36" s="61">
        <v>4</v>
      </c>
      <c r="JL36" s="61">
        <v>3</v>
      </c>
      <c r="JM36" s="61">
        <v>0</v>
      </c>
      <c r="JN36" s="61">
        <v>0</v>
      </c>
      <c r="JO36" s="61">
        <v>0</v>
      </c>
      <c r="JP36" s="62">
        <v>7</v>
      </c>
      <c r="JQ36" s="63">
        <v>12</v>
      </c>
      <c r="JR36" s="60">
        <v>0</v>
      </c>
      <c r="JS36" s="61">
        <v>0</v>
      </c>
      <c r="JT36" s="62">
        <v>0</v>
      </c>
      <c r="JU36" s="231"/>
      <c r="JV36" s="61">
        <v>0</v>
      </c>
      <c r="JW36" s="61">
        <v>0</v>
      </c>
      <c r="JX36" s="61">
        <v>0</v>
      </c>
      <c r="JY36" s="61">
        <v>0</v>
      </c>
      <c r="JZ36" s="61">
        <v>0</v>
      </c>
      <c r="KA36" s="62">
        <v>0</v>
      </c>
      <c r="KB36" s="63">
        <v>0</v>
      </c>
      <c r="KC36" s="60">
        <v>6</v>
      </c>
      <c r="KD36" s="61">
        <v>7</v>
      </c>
      <c r="KE36" s="62">
        <v>13</v>
      </c>
      <c r="KF36" s="231"/>
      <c r="KG36" s="61">
        <v>5</v>
      </c>
      <c r="KH36" s="61">
        <v>4</v>
      </c>
      <c r="KI36" s="61">
        <v>3</v>
      </c>
      <c r="KJ36" s="61">
        <v>0</v>
      </c>
      <c r="KK36" s="61">
        <v>2</v>
      </c>
      <c r="KL36" s="62">
        <v>14</v>
      </c>
      <c r="KM36" s="63">
        <v>27</v>
      </c>
    </row>
    <row r="37" spans="2:299" ht="21" customHeight="1" x14ac:dyDescent="0.2">
      <c r="B37" s="472" t="s">
        <v>34</v>
      </c>
      <c r="C37" s="293">
        <v>3</v>
      </c>
      <c r="D37" s="72">
        <v>2</v>
      </c>
      <c r="E37" s="73">
        <v>5</v>
      </c>
      <c r="F37" s="228"/>
      <c r="G37" s="72">
        <v>4</v>
      </c>
      <c r="H37" s="72">
        <v>7</v>
      </c>
      <c r="I37" s="72">
        <v>4</v>
      </c>
      <c r="J37" s="72">
        <v>1</v>
      </c>
      <c r="K37" s="72">
        <v>0</v>
      </c>
      <c r="L37" s="74">
        <v>16</v>
      </c>
      <c r="M37" s="75">
        <v>21</v>
      </c>
      <c r="N37" s="60">
        <v>0</v>
      </c>
      <c r="O37" s="61">
        <v>0</v>
      </c>
      <c r="P37" s="62">
        <v>0</v>
      </c>
      <c r="Q37" s="231"/>
      <c r="R37" s="61">
        <v>0</v>
      </c>
      <c r="S37" s="61">
        <v>0</v>
      </c>
      <c r="T37" s="61">
        <v>0</v>
      </c>
      <c r="U37" s="61">
        <v>0</v>
      </c>
      <c r="V37" s="61">
        <v>0</v>
      </c>
      <c r="W37" s="62">
        <v>0</v>
      </c>
      <c r="X37" s="63">
        <v>0</v>
      </c>
      <c r="Y37" s="60">
        <v>0</v>
      </c>
      <c r="Z37" s="61">
        <v>0</v>
      </c>
      <c r="AA37" s="62">
        <v>0</v>
      </c>
      <c r="AB37" s="231"/>
      <c r="AC37" s="61">
        <v>0</v>
      </c>
      <c r="AD37" s="61">
        <v>0</v>
      </c>
      <c r="AE37" s="61">
        <v>0</v>
      </c>
      <c r="AF37" s="61">
        <v>0</v>
      </c>
      <c r="AG37" s="61">
        <v>0</v>
      </c>
      <c r="AH37" s="62">
        <v>0</v>
      </c>
      <c r="AI37" s="63">
        <v>0</v>
      </c>
      <c r="AJ37" s="60">
        <v>0</v>
      </c>
      <c r="AK37" s="61">
        <v>0</v>
      </c>
      <c r="AL37" s="62">
        <v>0</v>
      </c>
      <c r="AM37" s="231"/>
      <c r="AN37" s="61">
        <v>0</v>
      </c>
      <c r="AO37" s="61">
        <v>0</v>
      </c>
      <c r="AP37" s="61">
        <v>0</v>
      </c>
      <c r="AQ37" s="61">
        <v>0</v>
      </c>
      <c r="AR37" s="61">
        <v>0</v>
      </c>
      <c r="AS37" s="62">
        <v>0</v>
      </c>
      <c r="AT37" s="63">
        <v>0</v>
      </c>
      <c r="AU37" s="60">
        <v>1</v>
      </c>
      <c r="AV37" s="61">
        <v>0</v>
      </c>
      <c r="AW37" s="62">
        <v>1</v>
      </c>
      <c r="AX37" s="231"/>
      <c r="AY37" s="61">
        <v>1</v>
      </c>
      <c r="AZ37" s="61">
        <v>3</v>
      </c>
      <c r="BA37" s="61">
        <v>0</v>
      </c>
      <c r="BB37" s="61">
        <v>1</v>
      </c>
      <c r="BC37" s="61">
        <v>0</v>
      </c>
      <c r="BD37" s="62">
        <v>5</v>
      </c>
      <c r="BE37" s="63">
        <v>6</v>
      </c>
      <c r="BF37" s="60">
        <v>1</v>
      </c>
      <c r="BG37" s="61">
        <v>1</v>
      </c>
      <c r="BH37" s="62">
        <v>2</v>
      </c>
      <c r="BI37" s="231"/>
      <c r="BJ37" s="61">
        <v>2</v>
      </c>
      <c r="BK37" s="61">
        <v>1</v>
      </c>
      <c r="BL37" s="61">
        <v>4</v>
      </c>
      <c r="BM37" s="61">
        <v>0</v>
      </c>
      <c r="BN37" s="61">
        <v>0</v>
      </c>
      <c r="BO37" s="62">
        <v>7</v>
      </c>
      <c r="BP37" s="63">
        <v>9</v>
      </c>
      <c r="BQ37" s="60">
        <v>1</v>
      </c>
      <c r="BR37" s="61">
        <v>1</v>
      </c>
      <c r="BS37" s="62">
        <v>2</v>
      </c>
      <c r="BT37" s="231"/>
      <c r="BU37" s="61">
        <v>1</v>
      </c>
      <c r="BV37" s="61">
        <v>3</v>
      </c>
      <c r="BW37" s="61">
        <v>0</v>
      </c>
      <c r="BX37" s="61">
        <v>0</v>
      </c>
      <c r="BY37" s="61">
        <v>0</v>
      </c>
      <c r="BZ37" s="62">
        <v>4</v>
      </c>
      <c r="CA37" s="63">
        <v>6</v>
      </c>
      <c r="CB37" s="60">
        <v>0</v>
      </c>
      <c r="CC37" s="61">
        <v>0</v>
      </c>
      <c r="CD37" s="62">
        <v>0</v>
      </c>
      <c r="CE37" s="231"/>
      <c r="CF37" s="61">
        <v>0</v>
      </c>
      <c r="CG37" s="61">
        <v>0</v>
      </c>
      <c r="CH37" s="61">
        <v>0</v>
      </c>
      <c r="CI37" s="61">
        <v>0</v>
      </c>
      <c r="CJ37" s="61">
        <v>0</v>
      </c>
      <c r="CK37" s="62">
        <v>0</v>
      </c>
      <c r="CL37" s="63">
        <v>0</v>
      </c>
      <c r="CM37" s="60">
        <v>3</v>
      </c>
      <c r="CN37" s="61">
        <v>2</v>
      </c>
      <c r="CO37" s="62">
        <v>5</v>
      </c>
      <c r="CP37" s="231"/>
      <c r="CQ37" s="61">
        <v>4</v>
      </c>
      <c r="CR37" s="61">
        <v>7</v>
      </c>
      <c r="CS37" s="61">
        <v>4</v>
      </c>
      <c r="CT37" s="61">
        <v>1</v>
      </c>
      <c r="CU37" s="61">
        <v>0</v>
      </c>
      <c r="CV37" s="62">
        <v>16</v>
      </c>
      <c r="CW37" s="63">
        <v>21</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4</v>
      </c>
      <c r="GT37" s="72">
        <v>2</v>
      </c>
      <c r="GU37" s="73">
        <v>6</v>
      </c>
      <c r="GV37" s="228"/>
      <c r="GW37" s="72">
        <v>4</v>
      </c>
      <c r="GX37" s="72">
        <v>7</v>
      </c>
      <c r="GY37" s="72">
        <v>5</v>
      </c>
      <c r="GZ37" s="72">
        <v>2</v>
      </c>
      <c r="HA37" s="72">
        <v>2</v>
      </c>
      <c r="HB37" s="74">
        <v>20</v>
      </c>
      <c r="HC37" s="75">
        <v>26</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1</v>
      </c>
      <c r="IP37" s="61">
        <v>3</v>
      </c>
      <c r="IQ37" s="61">
        <v>0</v>
      </c>
      <c r="IR37" s="61">
        <v>1</v>
      </c>
      <c r="IS37" s="61">
        <v>0</v>
      </c>
      <c r="IT37" s="62">
        <v>5</v>
      </c>
      <c r="IU37" s="63">
        <v>6</v>
      </c>
      <c r="IV37" s="60">
        <v>2</v>
      </c>
      <c r="IW37" s="61">
        <v>1</v>
      </c>
      <c r="IX37" s="62">
        <v>3</v>
      </c>
      <c r="IY37" s="231"/>
      <c r="IZ37" s="61">
        <v>2</v>
      </c>
      <c r="JA37" s="61">
        <v>1</v>
      </c>
      <c r="JB37" s="61">
        <v>5</v>
      </c>
      <c r="JC37" s="61">
        <v>0</v>
      </c>
      <c r="JD37" s="61">
        <v>0</v>
      </c>
      <c r="JE37" s="62">
        <v>8</v>
      </c>
      <c r="JF37" s="63">
        <v>11</v>
      </c>
      <c r="JG37" s="60">
        <v>1</v>
      </c>
      <c r="JH37" s="61">
        <v>1</v>
      </c>
      <c r="JI37" s="62">
        <v>2</v>
      </c>
      <c r="JJ37" s="231"/>
      <c r="JK37" s="61">
        <v>1</v>
      </c>
      <c r="JL37" s="61">
        <v>3</v>
      </c>
      <c r="JM37" s="61">
        <v>0</v>
      </c>
      <c r="JN37" s="61">
        <v>0</v>
      </c>
      <c r="JO37" s="61">
        <v>2</v>
      </c>
      <c r="JP37" s="62">
        <v>6</v>
      </c>
      <c r="JQ37" s="63">
        <v>8</v>
      </c>
      <c r="JR37" s="60">
        <v>0</v>
      </c>
      <c r="JS37" s="61">
        <v>0</v>
      </c>
      <c r="JT37" s="62">
        <v>0</v>
      </c>
      <c r="JU37" s="231"/>
      <c r="JV37" s="61">
        <v>0</v>
      </c>
      <c r="JW37" s="61">
        <v>0</v>
      </c>
      <c r="JX37" s="61">
        <v>0</v>
      </c>
      <c r="JY37" s="61">
        <v>0</v>
      </c>
      <c r="JZ37" s="61">
        <v>0</v>
      </c>
      <c r="KA37" s="62">
        <v>0</v>
      </c>
      <c r="KB37" s="63">
        <v>0</v>
      </c>
      <c r="KC37" s="60">
        <v>4</v>
      </c>
      <c r="KD37" s="61">
        <v>2</v>
      </c>
      <c r="KE37" s="62">
        <v>6</v>
      </c>
      <c r="KF37" s="231"/>
      <c r="KG37" s="61">
        <v>4</v>
      </c>
      <c r="KH37" s="61">
        <v>7</v>
      </c>
      <c r="KI37" s="61">
        <v>5</v>
      </c>
      <c r="KJ37" s="61">
        <v>2</v>
      </c>
      <c r="KK37" s="61">
        <v>2</v>
      </c>
      <c r="KL37" s="62">
        <v>20</v>
      </c>
      <c r="KM37" s="63">
        <v>26</v>
      </c>
    </row>
    <row r="38" spans="2:299" ht="21" customHeight="1" x14ac:dyDescent="0.2">
      <c r="B38" s="472" t="s">
        <v>35</v>
      </c>
      <c r="C38" s="293">
        <v>10</v>
      </c>
      <c r="D38" s="72">
        <v>5</v>
      </c>
      <c r="E38" s="73">
        <v>15</v>
      </c>
      <c r="F38" s="228"/>
      <c r="G38" s="72">
        <v>23</v>
      </c>
      <c r="H38" s="72">
        <v>5</v>
      </c>
      <c r="I38" s="72">
        <v>5</v>
      </c>
      <c r="J38" s="72">
        <v>3</v>
      </c>
      <c r="K38" s="72">
        <v>3</v>
      </c>
      <c r="L38" s="74">
        <v>39</v>
      </c>
      <c r="M38" s="75">
        <v>54</v>
      </c>
      <c r="N38" s="60">
        <v>0</v>
      </c>
      <c r="O38" s="61">
        <v>0</v>
      </c>
      <c r="P38" s="62">
        <v>0</v>
      </c>
      <c r="Q38" s="231"/>
      <c r="R38" s="61">
        <v>0</v>
      </c>
      <c r="S38" s="61">
        <v>0</v>
      </c>
      <c r="T38" s="61">
        <v>0</v>
      </c>
      <c r="U38" s="61">
        <v>0</v>
      </c>
      <c r="V38" s="61">
        <v>0</v>
      </c>
      <c r="W38" s="62">
        <v>0</v>
      </c>
      <c r="X38" s="63">
        <v>0</v>
      </c>
      <c r="Y38" s="60">
        <v>0</v>
      </c>
      <c r="Z38" s="61">
        <v>0</v>
      </c>
      <c r="AA38" s="62">
        <v>0</v>
      </c>
      <c r="AB38" s="231"/>
      <c r="AC38" s="61">
        <v>1</v>
      </c>
      <c r="AD38" s="61">
        <v>0</v>
      </c>
      <c r="AE38" s="61">
        <v>0</v>
      </c>
      <c r="AF38" s="61">
        <v>0</v>
      </c>
      <c r="AG38" s="61">
        <v>0</v>
      </c>
      <c r="AH38" s="62">
        <v>1</v>
      </c>
      <c r="AI38" s="63">
        <v>1</v>
      </c>
      <c r="AJ38" s="60">
        <v>2</v>
      </c>
      <c r="AK38" s="61">
        <v>1</v>
      </c>
      <c r="AL38" s="62">
        <v>3</v>
      </c>
      <c r="AM38" s="231"/>
      <c r="AN38" s="61">
        <v>4</v>
      </c>
      <c r="AO38" s="61">
        <v>0</v>
      </c>
      <c r="AP38" s="61">
        <v>0</v>
      </c>
      <c r="AQ38" s="61">
        <v>0</v>
      </c>
      <c r="AR38" s="61">
        <v>0</v>
      </c>
      <c r="AS38" s="62">
        <v>4</v>
      </c>
      <c r="AT38" s="63">
        <v>7</v>
      </c>
      <c r="AU38" s="60">
        <v>4</v>
      </c>
      <c r="AV38" s="61">
        <v>2</v>
      </c>
      <c r="AW38" s="62">
        <v>6</v>
      </c>
      <c r="AX38" s="231"/>
      <c r="AY38" s="61">
        <v>4</v>
      </c>
      <c r="AZ38" s="61">
        <v>1</v>
      </c>
      <c r="BA38" s="61">
        <v>1</v>
      </c>
      <c r="BB38" s="61">
        <v>1</v>
      </c>
      <c r="BC38" s="61">
        <v>0</v>
      </c>
      <c r="BD38" s="62">
        <v>7</v>
      </c>
      <c r="BE38" s="63">
        <v>13</v>
      </c>
      <c r="BF38" s="60">
        <v>1</v>
      </c>
      <c r="BG38" s="61">
        <v>1</v>
      </c>
      <c r="BH38" s="62">
        <v>2</v>
      </c>
      <c r="BI38" s="231"/>
      <c r="BJ38" s="61">
        <v>7</v>
      </c>
      <c r="BK38" s="61">
        <v>2</v>
      </c>
      <c r="BL38" s="61">
        <v>1</v>
      </c>
      <c r="BM38" s="61">
        <v>0</v>
      </c>
      <c r="BN38" s="61">
        <v>2</v>
      </c>
      <c r="BO38" s="62">
        <v>12</v>
      </c>
      <c r="BP38" s="63">
        <v>14</v>
      </c>
      <c r="BQ38" s="60">
        <v>3</v>
      </c>
      <c r="BR38" s="61">
        <v>1</v>
      </c>
      <c r="BS38" s="62">
        <v>4</v>
      </c>
      <c r="BT38" s="231"/>
      <c r="BU38" s="61">
        <v>7</v>
      </c>
      <c r="BV38" s="61">
        <v>2</v>
      </c>
      <c r="BW38" s="61">
        <v>3</v>
      </c>
      <c r="BX38" s="61">
        <v>2</v>
      </c>
      <c r="BY38" s="61">
        <v>1</v>
      </c>
      <c r="BZ38" s="62">
        <v>15</v>
      </c>
      <c r="CA38" s="63">
        <v>19</v>
      </c>
      <c r="CB38" s="60">
        <v>0</v>
      </c>
      <c r="CC38" s="61">
        <v>0</v>
      </c>
      <c r="CD38" s="62">
        <v>0</v>
      </c>
      <c r="CE38" s="231"/>
      <c r="CF38" s="61">
        <v>0</v>
      </c>
      <c r="CG38" s="61">
        <v>0</v>
      </c>
      <c r="CH38" s="61">
        <v>0</v>
      </c>
      <c r="CI38" s="61">
        <v>0</v>
      </c>
      <c r="CJ38" s="61">
        <v>0</v>
      </c>
      <c r="CK38" s="62">
        <v>0</v>
      </c>
      <c r="CL38" s="63">
        <v>0</v>
      </c>
      <c r="CM38" s="60">
        <v>10</v>
      </c>
      <c r="CN38" s="61">
        <v>5</v>
      </c>
      <c r="CO38" s="62">
        <v>15</v>
      </c>
      <c r="CP38" s="231"/>
      <c r="CQ38" s="61">
        <v>23</v>
      </c>
      <c r="CR38" s="61">
        <v>5</v>
      </c>
      <c r="CS38" s="61">
        <v>5</v>
      </c>
      <c r="CT38" s="61">
        <v>3</v>
      </c>
      <c r="CU38" s="61">
        <v>3</v>
      </c>
      <c r="CV38" s="62">
        <v>39</v>
      </c>
      <c r="CW38" s="63">
        <v>54</v>
      </c>
      <c r="CX38" s="113">
        <v>1</v>
      </c>
      <c r="CY38" s="72">
        <v>1</v>
      </c>
      <c r="CZ38" s="73">
        <v>2</v>
      </c>
      <c r="DA38" s="228"/>
      <c r="DB38" s="72">
        <v>6</v>
      </c>
      <c r="DC38" s="72">
        <v>2</v>
      </c>
      <c r="DD38" s="72">
        <v>4</v>
      </c>
      <c r="DE38" s="72">
        <v>2</v>
      </c>
      <c r="DF38" s="72">
        <v>2</v>
      </c>
      <c r="DG38" s="74">
        <v>16</v>
      </c>
      <c r="DH38" s="75">
        <v>18</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1</v>
      </c>
      <c r="EA38" s="61">
        <v>0</v>
      </c>
      <c r="EB38" s="61">
        <v>0</v>
      </c>
      <c r="EC38" s="62">
        <v>1</v>
      </c>
      <c r="ED38" s="63">
        <v>1</v>
      </c>
      <c r="EE38" s="60">
        <v>0</v>
      </c>
      <c r="EF38" s="61">
        <v>0</v>
      </c>
      <c r="EG38" s="62">
        <v>0</v>
      </c>
      <c r="EH38" s="231"/>
      <c r="EI38" s="61">
        <v>0</v>
      </c>
      <c r="EJ38" s="61">
        <v>1</v>
      </c>
      <c r="EK38" s="61">
        <v>0</v>
      </c>
      <c r="EL38" s="61">
        <v>0</v>
      </c>
      <c r="EM38" s="61">
        <v>0</v>
      </c>
      <c r="EN38" s="62">
        <v>1</v>
      </c>
      <c r="EO38" s="63">
        <v>1</v>
      </c>
      <c r="EP38" s="60">
        <v>0</v>
      </c>
      <c r="EQ38" s="61">
        <v>0</v>
      </c>
      <c r="ER38" s="62">
        <v>0</v>
      </c>
      <c r="ES38" s="231"/>
      <c r="ET38" s="61">
        <v>3</v>
      </c>
      <c r="EU38" s="61">
        <v>0</v>
      </c>
      <c r="EV38" s="61">
        <v>0</v>
      </c>
      <c r="EW38" s="61">
        <v>0</v>
      </c>
      <c r="EX38" s="61">
        <v>0</v>
      </c>
      <c r="EY38" s="62">
        <v>3</v>
      </c>
      <c r="EZ38" s="63">
        <v>3</v>
      </c>
      <c r="FA38" s="60">
        <v>0</v>
      </c>
      <c r="FB38" s="61">
        <v>0</v>
      </c>
      <c r="FC38" s="62">
        <v>0</v>
      </c>
      <c r="FD38" s="231"/>
      <c r="FE38" s="61">
        <v>2</v>
      </c>
      <c r="FF38" s="61">
        <v>0</v>
      </c>
      <c r="FG38" s="61">
        <v>0</v>
      </c>
      <c r="FH38" s="61">
        <v>0</v>
      </c>
      <c r="FI38" s="61">
        <v>1</v>
      </c>
      <c r="FJ38" s="62">
        <v>3</v>
      </c>
      <c r="FK38" s="63">
        <v>3</v>
      </c>
      <c r="FL38" s="60">
        <v>1</v>
      </c>
      <c r="FM38" s="61">
        <v>1</v>
      </c>
      <c r="FN38" s="62">
        <v>2</v>
      </c>
      <c r="FO38" s="231"/>
      <c r="FP38" s="61">
        <v>1</v>
      </c>
      <c r="FQ38" s="61">
        <v>1</v>
      </c>
      <c r="FR38" s="61">
        <v>3</v>
      </c>
      <c r="FS38" s="61">
        <v>2</v>
      </c>
      <c r="FT38" s="61">
        <v>1</v>
      </c>
      <c r="FU38" s="62">
        <v>8</v>
      </c>
      <c r="FV38" s="63">
        <v>10</v>
      </c>
      <c r="FW38" s="60">
        <v>0</v>
      </c>
      <c r="FX38" s="61">
        <v>0</v>
      </c>
      <c r="FY38" s="62">
        <v>0</v>
      </c>
      <c r="FZ38" s="231"/>
      <c r="GA38" s="61">
        <v>0</v>
      </c>
      <c r="GB38" s="61">
        <v>0</v>
      </c>
      <c r="GC38" s="61">
        <v>0</v>
      </c>
      <c r="GD38" s="61">
        <v>0</v>
      </c>
      <c r="GE38" s="61">
        <v>0</v>
      </c>
      <c r="GF38" s="62">
        <v>0</v>
      </c>
      <c r="GG38" s="63">
        <v>0</v>
      </c>
      <c r="GH38" s="60">
        <v>1</v>
      </c>
      <c r="GI38" s="61">
        <v>1</v>
      </c>
      <c r="GJ38" s="62">
        <v>2</v>
      </c>
      <c r="GK38" s="231"/>
      <c r="GL38" s="61">
        <v>6</v>
      </c>
      <c r="GM38" s="61">
        <v>2</v>
      </c>
      <c r="GN38" s="61">
        <v>4</v>
      </c>
      <c r="GO38" s="61">
        <v>2</v>
      </c>
      <c r="GP38" s="61">
        <v>2</v>
      </c>
      <c r="GQ38" s="62">
        <v>16</v>
      </c>
      <c r="GR38" s="63">
        <v>18</v>
      </c>
      <c r="GS38" s="113">
        <v>11</v>
      </c>
      <c r="GT38" s="72">
        <v>6</v>
      </c>
      <c r="GU38" s="73">
        <v>17</v>
      </c>
      <c r="GV38" s="228"/>
      <c r="GW38" s="72">
        <v>29</v>
      </c>
      <c r="GX38" s="72">
        <v>7</v>
      </c>
      <c r="GY38" s="72">
        <v>9</v>
      </c>
      <c r="GZ38" s="72">
        <v>5</v>
      </c>
      <c r="HA38" s="72">
        <v>5</v>
      </c>
      <c r="HB38" s="74">
        <v>55</v>
      </c>
      <c r="HC38" s="75">
        <v>72</v>
      </c>
      <c r="HD38" s="60">
        <v>0</v>
      </c>
      <c r="HE38" s="61">
        <v>0</v>
      </c>
      <c r="HF38" s="62">
        <v>0</v>
      </c>
      <c r="HG38" s="231"/>
      <c r="HH38" s="61">
        <v>0</v>
      </c>
      <c r="HI38" s="61">
        <v>0</v>
      </c>
      <c r="HJ38" s="61">
        <v>0</v>
      </c>
      <c r="HK38" s="61">
        <v>0</v>
      </c>
      <c r="HL38" s="61">
        <v>0</v>
      </c>
      <c r="HM38" s="62">
        <v>0</v>
      </c>
      <c r="HN38" s="63">
        <v>0</v>
      </c>
      <c r="HO38" s="60">
        <v>0</v>
      </c>
      <c r="HP38" s="61">
        <v>0</v>
      </c>
      <c r="HQ38" s="62">
        <v>0</v>
      </c>
      <c r="HR38" s="231"/>
      <c r="HS38" s="61">
        <v>1</v>
      </c>
      <c r="HT38" s="61">
        <v>0</v>
      </c>
      <c r="HU38" s="61">
        <v>1</v>
      </c>
      <c r="HV38" s="61">
        <v>0</v>
      </c>
      <c r="HW38" s="61">
        <v>0</v>
      </c>
      <c r="HX38" s="62">
        <v>2</v>
      </c>
      <c r="HY38" s="63">
        <v>2</v>
      </c>
      <c r="HZ38" s="60">
        <v>2</v>
      </c>
      <c r="IA38" s="61">
        <v>1</v>
      </c>
      <c r="IB38" s="62">
        <v>3</v>
      </c>
      <c r="IC38" s="231"/>
      <c r="ID38" s="61">
        <v>4</v>
      </c>
      <c r="IE38" s="61">
        <v>1</v>
      </c>
      <c r="IF38" s="61">
        <v>0</v>
      </c>
      <c r="IG38" s="61">
        <v>0</v>
      </c>
      <c r="IH38" s="61">
        <v>0</v>
      </c>
      <c r="II38" s="62">
        <v>5</v>
      </c>
      <c r="IJ38" s="63">
        <v>8</v>
      </c>
      <c r="IK38" s="60">
        <v>4</v>
      </c>
      <c r="IL38" s="61">
        <v>2</v>
      </c>
      <c r="IM38" s="62">
        <v>6</v>
      </c>
      <c r="IN38" s="231"/>
      <c r="IO38" s="61">
        <v>7</v>
      </c>
      <c r="IP38" s="61">
        <v>1</v>
      </c>
      <c r="IQ38" s="61">
        <v>1</v>
      </c>
      <c r="IR38" s="61">
        <v>1</v>
      </c>
      <c r="IS38" s="61">
        <v>0</v>
      </c>
      <c r="IT38" s="62">
        <v>10</v>
      </c>
      <c r="IU38" s="63">
        <v>16</v>
      </c>
      <c r="IV38" s="60">
        <v>1</v>
      </c>
      <c r="IW38" s="61">
        <v>1</v>
      </c>
      <c r="IX38" s="62">
        <v>2</v>
      </c>
      <c r="IY38" s="231"/>
      <c r="IZ38" s="61">
        <v>9</v>
      </c>
      <c r="JA38" s="61">
        <v>2</v>
      </c>
      <c r="JB38" s="61">
        <v>1</v>
      </c>
      <c r="JC38" s="61">
        <v>0</v>
      </c>
      <c r="JD38" s="61">
        <v>3</v>
      </c>
      <c r="JE38" s="62">
        <v>15</v>
      </c>
      <c r="JF38" s="63">
        <v>17</v>
      </c>
      <c r="JG38" s="60">
        <v>4</v>
      </c>
      <c r="JH38" s="61">
        <v>2</v>
      </c>
      <c r="JI38" s="62">
        <v>6</v>
      </c>
      <c r="JJ38" s="231"/>
      <c r="JK38" s="61">
        <v>8</v>
      </c>
      <c r="JL38" s="61">
        <v>3</v>
      </c>
      <c r="JM38" s="61">
        <v>6</v>
      </c>
      <c r="JN38" s="61">
        <v>4</v>
      </c>
      <c r="JO38" s="61">
        <v>2</v>
      </c>
      <c r="JP38" s="62">
        <v>23</v>
      </c>
      <c r="JQ38" s="63">
        <v>29</v>
      </c>
      <c r="JR38" s="60">
        <v>0</v>
      </c>
      <c r="JS38" s="61">
        <v>0</v>
      </c>
      <c r="JT38" s="62">
        <v>0</v>
      </c>
      <c r="JU38" s="231"/>
      <c r="JV38" s="61">
        <v>0</v>
      </c>
      <c r="JW38" s="61">
        <v>0</v>
      </c>
      <c r="JX38" s="61">
        <v>0</v>
      </c>
      <c r="JY38" s="61">
        <v>0</v>
      </c>
      <c r="JZ38" s="61">
        <v>0</v>
      </c>
      <c r="KA38" s="62">
        <v>0</v>
      </c>
      <c r="KB38" s="63">
        <v>0</v>
      </c>
      <c r="KC38" s="60">
        <v>11</v>
      </c>
      <c r="KD38" s="61">
        <v>6</v>
      </c>
      <c r="KE38" s="62">
        <v>17</v>
      </c>
      <c r="KF38" s="231"/>
      <c r="KG38" s="61">
        <v>29</v>
      </c>
      <c r="KH38" s="61">
        <v>7</v>
      </c>
      <c r="KI38" s="61">
        <v>9</v>
      </c>
      <c r="KJ38" s="61">
        <v>5</v>
      </c>
      <c r="KK38" s="61">
        <v>5</v>
      </c>
      <c r="KL38" s="62">
        <v>55</v>
      </c>
      <c r="KM38" s="63">
        <v>72</v>
      </c>
    </row>
    <row r="39" spans="2:299" ht="21" customHeight="1" x14ac:dyDescent="0.2">
      <c r="B39" s="472" t="s">
        <v>36</v>
      </c>
      <c r="C39" s="293">
        <v>4</v>
      </c>
      <c r="D39" s="72">
        <v>7</v>
      </c>
      <c r="E39" s="73">
        <v>11</v>
      </c>
      <c r="F39" s="228"/>
      <c r="G39" s="72">
        <v>9</v>
      </c>
      <c r="H39" s="72">
        <v>6</v>
      </c>
      <c r="I39" s="72">
        <v>3</v>
      </c>
      <c r="J39" s="72">
        <v>11</v>
      </c>
      <c r="K39" s="72">
        <v>5</v>
      </c>
      <c r="L39" s="74">
        <v>34</v>
      </c>
      <c r="M39" s="75">
        <v>45</v>
      </c>
      <c r="N39" s="60">
        <v>1</v>
      </c>
      <c r="O39" s="61">
        <v>0</v>
      </c>
      <c r="P39" s="62">
        <v>1</v>
      </c>
      <c r="Q39" s="231"/>
      <c r="R39" s="61">
        <v>0</v>
      </c>
      <c r="S39" s="61">
        <v>1</v>
      </c>
      <c r="T39" s="61">
        <v>1</v>
      </c>
      <c r="U39" s="61">
        <v>0</v>
      </c>
      <c r="V39" s="61">
        <v>0</v>
      </c>
      <c r="W39" s="62">
        <v>2</v>
      </c>
      <c r="X39" s="63">
        <v>3</v>
      </c>
      <c r="Y39" s="60">
        <v>0</v>
      </c>
      <c r="Z39" s="61">
        <v>0</v>
      </c>
      <c r="AA39" s="62">
        <v>0</v>
      </c>
      <c r="AB39" s="231"/>
      <c r="AC39" s="61">
        <v>1</v>
      </c>
      <c r="AD39" s="61">
        <v>1</v>
      </c>
      <c r="AE39" s="61">
        <v>0</v>
      </c>
      <c r="AF39" s="61">
        <v>1</v>
      </c>
      <c r="AG39" s="61">
        <v>0</v>
      </c>
      <c r="AH39" s="62">
        <v>3</v>
      </c>
      <c r="AI39" s="63">
        <v>3</v>
      </c>
      <c r="AJ39" s="60">
        <v>1</v>
      </c>
      <c r="AK39" s="61">
        <v>1</v>
      </c>
      <c r="AL39" s="62">
        <v>2</v>
      </c>
      <c r="AM39" s="231"/>
      <c r="AN39" s="61">
        <v>0</v>
      </c>
      <c r="AO39" s="61">
        <v>0</v>
      </c>
      <c r="AP39" s="61">
        <v>0</v>
      </c>
      <c r="AQ39" s="61">
        <v>1</v>
      </c>
      <c r="AR39" s="61">
        <v>0</v>
      </c>
      <c r="AS39" s="62">
        <v>1</v>
      </c>
      <c r="AT39" s="63">
        <v>3</v>
      </c>
      <c r="AU39" s="60">
        <v>0</v>
      </c>
      <c r="AV39" s="61">
        <v>2</v>
      </c>
      <c r="AW39" s="62">
        <v>2</v>
      </c>
      <c r="AX39" s="231"/>
      <c r="AY39" s="61">
        <v>4</v>
      </c>
      <c r="AZ39" s="61">
        <v>0</v>
      </c>
      <c r="BA39" s="61">
        <v>0</v>
      </c>
      <c r="BB39" s="61">
        <v>1</v>
      </c>
      <c r="BC39" s="61">
        <v>1</v>
      </c>
      <c r="BD39" s="62">
        <v>6</v>
      </c>
      <c r="BE39" s="63">
        <v>8</v>
      </c>
      <c r="BF39" s="60">
        <v>2</v>
      </c>
      <c r="BG39" s="61">
        <v>2</v>
      </c>
      <c r="BH39" s="62">
        <v>4</v>
      </c>
      <c r="BI39" s="231"/>
      <c r="BJ39" s="61">
        <v>2</v>
      </c>
      <c r="BK39" s="61">
        <v>3</v>
      </c>
      <c r="BL39" s="61">
        <v>2</v>
      </c>
      <c r="BM39" s="61">
        <v>3</v>
      </c>
      <c r="BN39" s="61">
        <v>2</v>
      </c>
      <c r="BO39" s="62">
        <v>12</v>
      </c>
      <c r="BP39" s="63">
        <v>16</v>
      </c>
      <c r="BQ39" s="60">
        <v>0</v>
      </c>
      <c r="BR39" s="61">
        <v>2</v>
      </c>
      <c r="BS39" s="62">
        <v>2</v>
      </c>
      <c r="BT39" s="231"/>
      <c r="BU39" s="61">
        <v>2</v>
      </c>
      <c r="BV39" s="61">
        <v>1</v>
      </c>
      <c r="BW39" s="61">
        <v>0</v>
      </c>
      <c r="BX39" s="61">
        <v>5</v>
      </c>
      <c r="BY39" s="61">
        <v>2</v>
      </c>
      <c r="BZ39" s="62">
        <v>10</v>
      </c>
      <c r="CA39" s="63">
        <v>12</v>
      </c>
      <c r="CB39" s="60">
        <v>0</v>
      </c>
      <c r="CC39" s="61">
        <v>0</v>
      </c>
      <c r="CD39" s="62">
        <v>0</v>
      </c>
      <c r="CE39" s="231"/>
      <c r="CF39" s="61">
        <v>0</v>
      </c>
      <c r="CG39" s="61">
        <v>0</v>
      </c>
      <c r="CH39" s="61">
        <v>0</v>
      </c>
      <c r="CI39" s="61">
        <v>0</v>
      </c>
      <c r="CJ39" s="61">
        <v>0</v>
      </c>
      <c r="CK39" s="62">
        <v>0</v>
      </c>
      <c r="CL39" s="63">
        <v>0</v>
      </c>
      <c r="CM39" s="60">
        <v>4</v>
      </c>
      <c r="CN39" s="61">
        <v>7</v>
      </c>
      <c r="CO39" s="62">
        <v>11</v>
      </c>
      <c r="CP39" s="231"/>
      <c r="CQ39" s="61">
        <v>9</v>
      </c>
      <c r="CR39" s="61">
        <v>6</v>
      </c>
      <c r="CS39" s="61">
        <v>3</v>
      </c>
      <c r="CT39" s="61">
        <v>11</v>
      </c>
      <c r="CU39" s="61">
        <v>5</v>
      </c>
      <c r="CV39" s="62">
        <v>34</v>
      </c>
      <c r="CW39" s="63">
        <v>45</v>
      </c>
      <c r="CX39" s="113">
        <v>2</v>
      </c>
      <c r="CY39" s="72">
        <v>1</v>
      </c>
      <c r="CZ39" s="73">
        <v>3</v>
      </c>
      <c r="DA39" s="228"/>
      <c r="DB39" s="72">
        <v>2</v>
      </c>
      <c r="DC39" s="72">
        <v>1</v>
      </c>
      <c r="DD39" s="72">
        <v>1</v>
      </c>
      <c r="DE39" s="72">
        <v>1</v>
      </c>
      <c r="DF39" s="72">
        <v>2</v>
      </c>
      <c r="DG39" s="74">
        <v>7</v>
      </c>
      <c r="DH39" s="75">
        <v>10</v>
      </c>
      <c r="DI39" s="60">
        <v>0</v>
      </c>
      <c r="DJ39" s="61">
        <v>0</v>
      </c>
      <c r="DK39" s="62">
        <v>0</v>
      </c>
      <c r="DL39" s="231"/>
      <c r="DM39" s="61">
        <v>0</v>
      </c>
      <c r="DN39" s="61">
        <v>0</v>
      </c>
      <c r="DO39" s="61">
        <v>0</v>
      </c>
      <c r="DP39" s="61">
        <v>0</v>
      </c>
      <c r="DQ39" s="61">
        <v>0</v>
      </c>
      <c r="DR39" s="62">
        <v>0</v>
      </c>
      <c r="DS39" s="63">
        <v>0</v>
      </c>
      <c r="DT39" s="60">
        <v>0</v>
      </c>
      <c r="DU39" s="61">
        <v>0</v>
      </c>
      <c r="DV39" s="62">
        <v>0</v>
      </c>
      <c r="DW39" s="231"/>
      <c r="DX39" s="61">
        <v>0</v>
      </c>
      <c r="DY39" s="61">
        <v>0</v>
      </c>
      <c r="DZ39" s="61">
        <v>0</v>
      </c>
      <c r="EA39" s="61">
        <v>0</v>
      </c>
      <c r="EB39" s="61">
        <v>0</v>
      </c>
      <c r="EC39" s="62">
        <v>0</v>
      </c>
      <c r="ED39" s="63">
        <v>0</v>
      </c>
      <c r="EE39" s="60">
        <v>0</v>
      </c>
      <c r="EF39" s="61">
        <v>0</v>
      </c>
      <c r="EG39" s="62">
        <v>0</v>
      </c>
      <c r="EH39" s="231"/>
      <c r="EI39" s="61">
        <v>1</v>
      </c>
      <c r="EJ39" s="61">
        <v>0</v>
      </c>
      <c r="EK39" s="61">
        <v>0</v>
      </c>
      <c r="EL39" s="61">
        <v>0</v>
      </c>
      <c r="EM39" s="61">
        <v>0</v>
      </c>
      <c r="EN39" s="62">
        <v>1</v>
      </c>
      <c r="EO39" s="63">
        <v>1</v>
      </c>
      <c r="EP39" s="60">
        <v>0</v>
      </c>
      <c r="EQ39" s="61">
        <v>1</v>
      </c>
      <c r="ER39" s="62">
        <v>1</v>
      </c>
      <c r="ES39" s="231"/>
      <c r="ET39" s="61">
        <v>1</v>
      </c>
      <c r="EU39" s="61">
        <v>1</v>
      </c>
      <c r="EV39" s="61">
        <v>0</v>
      </c>
      <c r="EW39" s="61">
        <v>1</v>
      </c>
      <c r="EX39" s="61">
        <v>0</v>
      </c>
      <c r="EY39" s="62">
        <v>3</v>
      </c>
      <c r="EZ39" s="63">
        <v>4</v>
      </c>
      <c r="FA39" s="60">
        <v>1</v>
      </c>
      <c r="FB39" s="61">
        <v>0</v>
      </c>
      <c r="FC39" s="62">
        <v>1</v>
      </c>
      <c r="FD39" s="231"/>
      <c r="FE39" s="61">
        <v>0</v>
      </c>
      <c r="FF39" s="61">
        <v>0</v>
      </c>
      <c r="FG39" s="61">
        <v>1</v>
      </c>
      <c r="FH39" s="61">
        <v>0</v>
      </c>
      <c r="FI39" s="61">
        <v>0</v>
      </c>
      <c r="FJ39" s="62">
        <v>1</v>
      </c>
      <c r="FK39" s="63">
        <v>2</v>
      </c>
      <c r="FL39" s="60">
        <v>1</v>
      </c>
      <c r="FM39" s="61">
        <v>0</v>
      </c>
      <c r="FN39" s="62">
        <v>1</v>
      </c>
      <c r="FO39" s="231"/>
      <c r="FP39" s="61">
        <v>0</v>
      </c>
      <c r="FQ39" s="61">
        <v>0</v>
      </c>
      <c r="FR39" s="61">
        <v>0</v>
      </c>
      <c r="FS39" s="61">
        <v>0</v>
      </c>
      <c r="FT39" s="61">
        <v>2</v>
      </c>
      <c r="FU39" s="62">
        <v>2</v>
      </c>
      <c r="FV39" s="63">
        <v>3</v>
      </c>
      <c r="FW39" s="60">
        <v>0</v>
      </c>
      <c r="FX39" s="61">
        <v>0</v>
      </c>
      <c r="FY39" s="62">
        <v>0</v>
      </c>
      <c r="FZ39" s="231"/>
      <c r="GA39" s="61">
        <v>0</v>
      </c>
      <c r="GB39" s="61">
        <v>0</v>
      </c>
      <c r="GC39" s="61">
        <v>0</v>
      </c>
      <c r="GD39" s="61">
        <v>0</v>
      </c>
      <c r="GE39" s="61">
        <v>0</v>
      </c>
      <c r="GF39" s="62">
        <v>0</v>
      </c>
      <c r="GG39" s="63">
        <v>0</v>
      </c>
      <c r="GH39" s="60">
        <v>2</v>
      </c>
      <c r="GI39" s="61">
        <v>1</v>
      </c>
      <c r="GJ39" s="62">
        <v>3</v>
      </c>
      <c r="GK39" s="231"/>
      <c r="GL39" s="61">
        <v>2</v>
      </c>
      <c r="GM39" s="61">
        <v>1</v>
      </c>
      <c r="GN39" s="61">
        <v>1</v>
      </c>
      <c r="GO39" s="61">
        <v>1</v>
      </c>
      <c r="GP39" s="61">
        <v>2</v>
      </c>
      <c r="GQ39" s="62">
        <v>7</v>
      </c>
      <c r="GR39" s="63">
        <v>10</v>
      </c>
      <c r="GS39" s="113">
        <v>6</v>
      </c>
      <c r="GT39" s="72">
        <v>8</v>
      </c>
      <c r="GU39" s="73">
        <v>14</v>
      </c>
      <c r="GV39" s="228"/>
      <c r="GW39" s="72">
        <v>11</v>
      </c>
      <c r="GX39" s="72">
        <v>7</v>
      </c>
      <c r="GY39" s="72">
        <v>4</v>
      </c>
      <c r="GZ39" s="72">
        <v>12</v>
      </c>
      <c r="HA39" s="72">
        <v>7</v>
      </c>
      <c r="HB39" s="74">
        <v>41</v>
      </c>
      <c r="HC39" s="75">
        <v>55</v>
      </c>
      <c r="HD39" s="60">
        <v>1</v>
      </c>
      <c r="HE39" s="61">
        <v>0</v>
      </c>
      <c r="HF39" s="62">
        <v>1</v>
      </c>
      <c r="HG39" s="231"/>
      <c r="HH39" s="61">
        <v>0</v>
      </c>
      <c r="HI39" s="61">
        <v>1</v>
      </c>
      <c r="HJ39" s="61">
        <v>1</v>
      </c>
      <c r="HK39" s="61">
        <v>0</v>
      </c>
      <c r="HL39" s="61">
        <v>0</v>
      </c>
      <c r="HM39" s="62">
        <v>2</v>
      </c>
      <c r="HN39" s="63">
        <v>3</v>
      </c>
      <c r="HO39" s="60">
        <v>0</v>
      </c>
      <c r="HP39" s="61">
        <v>0</v>
      </c>
      <c r="HQ39" s="62">
        <v>0</v>
      </c>
      <c r="HR39" s="231"/>
      <c r="HS39" s="61">
        <v>1</v>
      </c>
      <c r="HT39" s="61">
        <v>1</v>
      </c>
      <c r="HU39" s="61">
        <v>0</v>
      </c>
      <c r="HV39" s="61">
        <v>1</v>
      </c>
      <c r="HW39" s="61">
        <v>0</v>
      </c>
      <c r="HX39" s="62">
        <v>3</v>
      </c>
      <c r="HY39" s="63">
        <v>3</v>
      </c>
      <c r="HZ39" s="60">
        <v>1</v>
      </c>
      <c r="IA39" s="61">
        <v>1</v>
      </c>
      <c r="IB39" s="62">
        <v>2</v>
      </c>
      <c r="IC39" s="231"/>
      <c r="ID39" s="61">
        <v>1</v>
      </c>
      <c r="IE39" s="61">
        <v>0</v>
      </c>
      <c r="IF39" s="61">
        <v>0</v>
      </c>
      <c r="IG39" s="61">
        <v>1</v>
      </c>
      <c r="IH39" s="61">
        <v>0</v>
      </c>
      <c r="II39" s="62">
        <v>2</v>
      </c>
      <c r="IJ39" s="63">
        <v>4</v>
      </c>
      <c r="IK39" s="60">
        <v>0</v>
      </c>
      <c r="IL39" s="61">
        <v>3</v>
      </c>
      <c r="IM39" s="62">
        <v>3</v>
      </c>
      <c r="IN39" s="231"/>
      <c r="IO39" s="61">
        <v>5</v>
      </c>
      <c r="IP39" s="61">
        <v>1</v>
      </c>
      <c r="IQ39" s="61">
        <v>0</v>
      </c>
      <c r="IR39" s="61">
        <v>2</v>
      </c>
      <c r="IS39" s="61">
        <v>1</v>
      </c>
      <c r="IT39" s="62">
        <v>9</v>
      </c>
      <c r="IU39" s="63">
        <v>12</v>
      </c>
      <c r="IV39" s="60">
        <v>3</v>
      </c>
      <c r="IW39" s="61">
        <v>2</v>
      </c>
      <c r="IX39" s="62">
        <v>5</v>
      </c>
      <c r="IY39" s="231"/>
      <c r="IZ39" s="61">
        <v>2</v>
      </c>
      <c r="JA39" s="61">
        <v>3</v>
      </c>
      <c r="JB39" s="61">
        <v>3</v>
      </c>
      <c r="JC39" s="61">
        <v>3</v>
      </c>
      <c r="JD39" s="61">
        <v>2</v>
      </c>
      <c r="JE39" s="62">
        <v>13</v>
      </c>
      <c r="JF39" s="63">
        <v>18</v>
      </c>
      <c r="JG39" s="60">
        <v>1</v>
      </c>
      <c r="JH39" s="61">
        <v>2</v>
      </c>
      <c r="JI39" s="62">
        <v>3</v>
      </c>
      <c r="JJ39" s="231"/>
      <c r="JK39" s="61">
        <v>2</v>
      </c>
      <c r="JL39" s="61">
        <v>1</v>
      </c>
      <c r="JM39" s="61">
        <v>0</v>
      </c>
      <c r="JN39" s="61">
        <v>5</v>
      </c>
      <c r="JO39" s="61">
        <v>4</v>
      </c>
      <c r="JP39" s="62">
        <v>12</v>
      </c>
      <c r="JQ39" s="63">
        <v>15</v>
      </c>
      <c r="JR39" s="60">
        <v>0</v>
      </c>
      <c r="JS39" s="61">
        <v>0</v>
      </c>
      <c r="JT39" s="62">
        <v>0</v>
      </c>
      <c r="JU39" s="231"/>
      <c r="JV39" s="61">
        <v>0</v>
      </c>
      <c r="JW39" s="61">
        <v>0</v>
      </c>
      <c r="JX39" s="61">
        <v>0</v>
      </c>
      <c r="JY39" s="61">
        <v>0</v>
      </c>
      <c r="JZ39" s="61">
        <v>0</v>
      </c>
      <c r="KA39" s="62">
        <v>0</v>
      </c>
      <c r="KB39" s="63">
        <v>0</v>
      </c>
      <c r="KC39" s="60">
        <v>6</v>
      </c>
      <c r="KD39" s="61">
        <v>8</v>
      </c>
      <c r="KE39" s="62">
        <v>14</v>
      </c>
      <c r="KF39" s="231"/>
      <c r="KG39" s="61">
        <v>11</v>
      </c>
      <c r="KH39" s="61">
        <v>7</v>
      </c>
      <c r="KI39" s="61">
        <v>4</v>
      </c>
      <c r="KJ39" s="61">
        <v>12</v>
      </c>
      <c r="KK39" s="61">
        <v>7</v>
      </c>
      <c r="KL39" s="62">
        <v>41</v>
      </c>
      <c r="KM39" s="63">
        <v>55</v>
      </c>
    </row>
    <row r="40" spans="2:299" ht="21" customHeight="1" thickBot="1" x14ac:dyDescent="0.25">
      <c r="B40" s="473" t="s">
        <v>37</v>
      </c>
      <c r="C40" s="294">
        <v>0</v>
      </c>
      <c r="D40" s="77">
        <v>1</v>
      </c>
      <c r="E40" s="78">
        <v>1</v>
      </c>
      <c r="F40" s="229"/>
      <c r="G40" s="77">
        <v>0</v>
      </c>
      <c r="H40" s="77">
        <v>1</v>
      </c>
      <c r="I40" s="77">
        <v>2</v>
      </c>
      <c r="J40" s="77">
        <v>1</v>
      </c>
      <c r="K40" s="77">
        <v>0</v>
      </c>
      <c r="L40" s="79">
        <v>4</v>
      </c>
      <c r="M40" s="80">
        <v>5</v>
      </c>
      <c r="N40" s="64">
        <v>0</v>
      </c>
      <c r="O40" s="65">
        <v>0</v>
      </c>
      <c r="P40" s="66">
        <v>0</v>
      </c>
      <c r="Q40" s="232"/>
      <c r="R40" s="65">
        <v>0</v>
      </c>
      <c r="S40" s="65">
        <v>0</v>
      </c>
      <c r="T40" s="65">
        <v>0</v>
      </c>
      <c r="U40" s="65">
        <v>0</v>
      </c>
      <c r="V40" s="65">
        <v>0</v>
      </c>
      <c r="W40" s="66">
        <v>0</v>
      </c>
      <c r="X40" s="67">
        <v>0</v>
      </c>
      <c r="Y40" s="64">
        <v>0</v>
      </c>
      <c r="Z40" s="65">
        <v>0</v>
      </c>
      <c r="AA40" s="66">
        <v>0</v>
      </c>
      <c r="AB40" s="232"/>
      <c r="AC40" s="65">
        <v>0</v>
      </c>
      <c r="AD40" s="65">
        <v>0</v>
      </c>
      <c r="AE40" s="65">
        <v>1</v>
      </c>
      <c r="AF40" s="65">
        <v>0</v>
      </c>
      <c r="AG40" s="65">
        <v>0</v>
      </c>
      <c r="AH40" s="66">
        <v>1</v>
      </c>
      <c r="AI40" s="67">
        <v>1</v>
      </c>
      <c r="AJ40" s="64">
        <v>0</v>
      </c>
      <c r="AK40" s="65">
        <v>1</v>
      </c>
      <c r="AL40" s="66">
        <v>1</v>
      </c>
      <c r="AM40" s="232"/>
      <c r="AN40" s="65">
        <v>0</v>
      </c>
      <c r="AO40" s="65">
        <v>0</v>
      </c>
      <c r="AP40" s="65">
        <v>1</v>
      </c>
      <c r="AQ40" s="65">
        <v>0</v>
      </c>
      <c r="AR40" s="65">
        <v>0</v>
      </c>
      <c r="AS40" s="66">
        <v>1</v>
      </c>
      <c r="AT40" s="67">
        <v>2</v>
      </c>
      <c r="AU40" s="64">
        <v>0</v>
      </c>
      <c r="AV40" s="65">
        <v>0</v>
      </c>
      <c r="AW40" s="66">
        <v>0</v>
      </c>
      <c r="AX40" s="232"/>
      <c r="AY40" s="65">
        <v>0</v>
      </c>
      <c r="AZ40" s="65">
        <v>0</v>
      </c>
      <c r="BA40" s="65">
        <v>0</v>
      </c>
      <c r="BB40" s="65">
        <v>0</v>
      </c>
      <c r="BC40" s="65">
        <v>0</v>
      </c>
      <c r="BD40" s="66">
        <v>0</v>
      </c>
      <c r="BE40" s="67">
        <v>0</v>
      </c>
      <c r="BF40" s="64">
        <v>0</v>
      </c>
      <c r="BG40" s="65">
        <v>0</v>
      </c>
      <c r="BH40" s="66">
        <v>0</v>
      </c>
      <c r="BI40" s="232"/>
      <c r="BJ40" s="65">
        <v>0</v>
      </c>
      <c r="BK40" s="65">
        <v>1</v>
      </c>
      <c r="BL40" s="65">
        <v>0</v>
      </c>
      <c r="BM40" s="65">
        <v>1</v>
      </c>
      <c r="BN40" s="65">
        <v>0</v>
      </c>
      <c r="BO40" s="66">
        <v>2</v>
      </c>
      <c r="BP40" s="67">
        <v>2</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1</v>
      </c>
      <c r="CO40" s="66">
        <v>1</v>
      </c>
      <c r="CP40" s="232"/>
      <c r="CQ40" s="65">
        <v>0</v>
      </c>
      <c r="CR40" s="65">
        <v>1</v>
      </c>
      <c r="CS40" s="65">
        <v>2</v>
      </c>
      <c r="CT40" s="65">
        <v>1</v>
      </c>
      <c r="CU40" s="65">
        <v>0</v>
      </c>
      <c r="CV40" s="66">
        <v>4</v>
      </c>
      <c r="CW40" s="67">
        <v>5</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1</v>
      </c>
      <c r="GU40" s="78">
        <v>1</v>
      </c>
      <c r="GV40" s="229"/>
      <c r="GW40" s="77">
        <v>0</v>
      </c>
      <c r="GX40" s="77">
        <v>1</v>
      </c>
      <c r="GY40" s="77">
        <v>2</v>
      </c>
      <c r="GZ40" s="77">
        <v>1</v>
      </c>
      <c r="HA40" s="77">
        <v>0</v>
      </c>
      <c r="HB40" s="79">
        <v>4</v>
      </c>
      <c r="HC40" s="80">
        <v>5</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1</v>
      </c>
      <c r="IB40" s="66">
        <v>1</v>
      </c>
      <c r="IC40" s="232"/>
      <c r="ID40" s="65">
        <v>0</v>
      </c>
      <c r="IE40" s="65">
        <v>0</v>
      </c>
      <c r="IF40" s="65">
        <v>1</v>
      </c>
      <c r="IG40" s="65">
        <v>0</v>
      </c>
      <c r="IH40" s="65">
        <v>0</v>
      </c>
      <c r="II40" s="66">
        <v>1</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1</v>
      </c>
      <c r="JD40" s="65">
        <v>0</v>
      </c>
      <c r="JE40" s="66">
        <v>2</v>
      </c>
      <c r="JF40" s="67">
        <v>2</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1</v>
      </c>
      <c r="KE40" s="66">
        <v>1</v>
      </c>
      <c r="KF40" s="232"/>
      <c r="KG40" s="65">
        <v>0</v>
      </c>
      <c r="KH40" s="65">
        <v>1</v>
      </c>
      <c r="KI40" s="65">
        <v>2</v>
      </c>
      <c r="KJ40" s="65">
        <v>1</v>
      </c>
      <c r="KK40" s="65">
        <v>0</v>
      </c>
      <c r="KL40" s="66">
        <v>4</v>
      </c>
      <c r="KM40" s="67">
        <v>5</v>
      </c>
    </row>
    <row r="41" spans="2:299" ht="32.25" customHeight="1" x14ac:dyDescent="0.2">
      <c r="C41" s="289"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499">
        <f>第１表!F2</f>
        <v>5</v>
      </c>
      <c r="G1" s="499"/>
      <c r="H1" s="235">
        <f>第１表!G2</f>
        <v>8</v>
      </c>
      <c r="I1" s="481">
        <f>H1</f>
        <v>8</v>
      </c>
      <c r="J1" s="481"/>
    </row>
    <row r="2" spans="2:299" ht="24" customHeight="1" thickBot="1" x14ac:dyDescent="0.25">
      <c r="B2" s="15" t="s">
        <v>152</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329" t="s">
        <v>42</v>
      </c>
      <c r="C6" s="43" t="s">
        <v>43</v>
      </c>
      <c r="D6" s="41" t="s">
        <v>44</v>
      </c>
      <c r="E6" s="42" t="s">
        <v>45</v>
      </c>
      <c r="F6" s="44" t="s">
        <v>46</v>
      </c>
      <c r="G6" s="41" t="s">
        <v>47</v>
      </c>
      <c r="H6" s="41" t="s">
        <v>48</v>
      </c>
      <c r="I6" s="41" t="s">
        <v>49</v>
      </c>
      <c r="J6" s="41" t="s">
        <v>50</v>
      </c>
      <c r="K6" s="41" t="s">
        <v>51</v>
      </c>
      <c r="L6" s="42" t="s">
        <v>45</v>
      </c>
      <c r="M6" s="328"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328"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328"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3247</v>
      </c>
      <c r="D7" s="68">
        <v>3123</v>
      </c>
      <c r="E7" s="69">
        <v>6370</v>
      </c>
      <c r="F7" s="227"/>
      <c r="G7" s="68">
        <v>4202</v>
      </c>
      <c r="H7" s="68">
        <v>3886</v>
      </c>
      <c r="I7" s="68">
        <v>2320</v>
      </c>
      <c r="J7" s="68">
        <v>2041</v>
      </c>
      <c r="K7" s="68">
        <v>1324</v>
      </c>
      <c r="L7" s="70">
        <v>13773</v>
      </c>
      <c r="M7" s="71">
        <v>20143</v>
      </c>
      <c r="N7" s="56">
        <v>99</v>
      </c>
      <c r="O7" s="57">
        <v>115</v>
      </c>
      <c r="P7" s="58">
        <v>214</v>
      </c>
      <c r="Q7" s="230"/>
      <c r="R7" s="57">
        <v>105</v>
      </c>
      <c r="S7" s="57">
        <v>140</v>
      </c>
      <c r="T7" s="57">
        <v>67</v>
      </c>
      <c r="U7" s="57">
        <v>73</v>
      </c>
      <c r="V7" s="57">
        <v>71</v>
      </c>
      <c r="W7" s="58">
        <v>456</v>
      </c>
      <c r="X7" s="59">
        <v>670</v>
      </c>
      <c r="Y7" s="56">
        <v>250</v>
      </c>
      <c r="Z7" s="57">
        <v>245</v>
      </c>
      <c r="AA7" s="58">
        <v>495</v>
      </c>
      <c r="AB7" s="230"/>
      <c r="AC7" s="57">
        <v>254</v>
      </c>
      <c r="AD7" s="57">
        <v>275</v>
      </c>
      <c r="AE7" s="57">
        <v>157</v>
      </c>
      <c r="AF7" s="57">
        <v>124</v>
      </c>
      <c r="AG7" s="57">
        <v>128</v>
      </c>
      <c r="AH7" s="58">
        <v>938</v>
      </c>
      <c r="AI7" s="59">
        <v>1433</v>
      </c>
      <c r="AJ7" s="56">
        <v>351</v>
      </c>
      <c r="AK7" s="57">
        <v>391</v>
      </c>
      <c r="AL7" s="58">
        <v>742</v>
      </c>
      <c r="AM7" s="230"/>
      <c r="AN7" s="57">
        <v>461</v>
      </c>
      <c r="AO7" s="57">
        <v>410</v>
      </c>
      <c r="AP7" s="57">
        <v>248</v>
      </c>
      <c r="AQ7" s="57">
        <v>246</v>
      </c>
      <c r="AR7" s="57">
        <v>188</v>
      </c>
      <c r="AS7" s="58">
        <v>1553</v>
      </c>
      <c r="AT7" s="59">
        <v>2295</v>
      </c>
      <c r="AU7" s="56">
        <v>702</v>
      </c>
      <c r="AV7" s="57">
        <v>735</v>
      </c>
      <c r="AW7" s="58">
        <v>1437</v>
      </c>
      <c r="AX7" s="230"/>
      <c r="AY7" s="57">
        <v>986</v>
      </c>
      <c r="AZ7" s="57">
        <v>803</v>
      </c>
      <c r="BA7" s="57">
        <v>445</v>
      </c>
      <c r="BB7" s="57">
        <v>390</v>
      </c>
      <c r="BC7" s="57">
        <v>276</v>
      </c>
      <c r="BD7" s="58">
        <v>2900</v>
      </c>
      <c r="BE7" s="59">
        <v>4337</v>
      </c>
      <c r="BF7" s="56">
        <v>1064</v>
      </c>
      <c r="BG7" s="57">
        <v>885</v>
      </c>
      <c r="BH7" s="58">
        <v>1949</v>
      </c>
      <c r="BI7" s="230"/>
      <c r="BJ7" s="57">
        <v>1250</v>
      </c>
      <c r="BK7" s="57">
        <v>1105</v>
      </c>
      <c r="BL7" s="57">
        <v>634</v>
      </c>
      <c r="BM7" s="57">
        <v>551</v>
      </c>
      <c r="BN7" s="57">
        <v>312</v>
      </c>
      <c r="BO7" s="58">
        <v>3852</v>
      </c>
      <c r="BP7" s="59">
        <v>5801</v>
      </c>
      <c r="BQ7" s="56">
        <v>781</v>
      </c>
      <c r="BR7" s="57">
        <v>752</v>
      </c>
      <c r="BS7" s="58">
        <v>1533</v>
      </c>
      <c r="BT7" s="230"/>
      <c r="BU7" s="57">
        <v>1146</v>
      </c>
      <c r="BV7" s="57">
        <v>1153</v>
      </c>
      <c r="BW7" s="57">
        <v>769</v>
      </c>
      <c r="BX7" s="57">
        <v>657</v>
      </c>
      <c r="BY7" s="57">
        <v>349</v>
      </c>
      <c r="BZ7" s="58">
        <v>4074</v>
      </c>
      <c r="CA7" s="59">
        <v>5607</v>
      </c>
      <c r="CB7" s="56">
        <v>0</v>
      </c>
      <c r="CC7" s="57">
        <v>0</v>
      </c>
      <c r="CD7" s="58">
        <v>0</v>
      </c>
      <c r="CE7" s="230"/>
      <c r="CF7" s="57">
        <v>0</v>
      </c>
      <c r="CG7" s="57">
        <v>0</v>
      </c>
      <c r="CH7" s="57">
        <v>0</v>
      </c>
      <c r="CI7" s="57">
        <v>0</v>
      </c>
      <c r="CJ7" s="57">
        <v>0</v>
      </c>
      <c r="CK7" s="58">
        <v>0</v>
      </c>
      <c r="CL7" s="59">
        <v>0</v>
      </c>
      <c r="CM7" s="56">
        <v>3247</v>
      </c>
      <c r="CN7" s="57">
        <v>3123</v>
      </c>
      <c r="CO7" s="58">
        <v>6370</v>
      </c>
      <c r="CP7" s="230"/>
      <c r="CQ7" s="57">
        <v>4202</v>
      </c>
      <c r="CR7" s="57">
        <v>3886</v>
      </c>
      <c r="CS7" s="57">
        <v>2320</v>
      </c>
      <c r="CT7" s="57">
        <v>2041</v>
      </c>
      <c r="CU7" s="57">
        <v>1324</v>
      </c>
      <c r="CV7" s="58">
        <v>13773</v>
      </c>
      <c r="CW7" s="59">
        <v>20143</v>
      </c>
      <c r="CX7" s="112">
        <v>1174</v>
      </c>
      <c r="CY7" s="68">
        <v>1348</v>
      </c>
      <c r="CZ7" s="69">
        <v>2522</v>
      </c>
      <c r="DA7" s="227"/>
      <c r="DB7" s="68">
        <v>1725</v>
      </c>
      <c r="DC7" s="68">
        <v>1602</v>
      </c>
      <c r="DD7" s="68">
        <v>1110</v>
      </c>
      <c r="DE7" s="68">
        <v>1072</v>
      </c>
      <c r="DF7" s="68">
        <v>707</v>
      </c>
      <c r="DG7" s="70">
        <v>6216</v>
      </c>
      <c r="DH7" s="71">
        <v>8738</v>
      </c>
      <c r="DI7" s="56">
        <v>32</v>
      </c>
      <c r="DJ7" s="57">
        <v>39</v>
      </c>
      <c r="DK7" s="58">
        <v>71</v>
      </c>
      <c r="DL7" s="230"/>
      <c r="DM7" s="57">
        <v>28</v>
      </c>
      <c r="DN7" s="57">
        <v>23</v>
      </c>
      <c r="DO7" s="57">
        <v>18</v>
      </c>
      <c r="DP7" s="57">
        <v>10</v>
      </c>
      <c r="DQ7" s="57">
        <v>15</v>
      </c>
      <c r="DR7" s="58">
        <v>94</v>
      </c>
      <c r="DS7" s="59">
        <v>165</v>
      </c>
      <c r="DT7" s="56">
        <v>93</v>
      </c>
      <c r="DU7" s="57">
        <v>93</v>
      </c>
      <c r="DV7" s="58">
        <v>186</v>
      </c>
      <c r="DW7" s="230"/>
      <c r="DX7" s="57">
        <v>74</v>
      </c>
      <c r="DY7" s="57">
        <v>72</v>
      </c>
      <c r="DZ7" s="57">
        <v>44</v>
      </c>
      <c r="EA7" s="57">
        <v>30</v>
      </c>
      <c r="EB7" s="57">
        <v>30</v>
      </c>
      <c r="EC7" s="58">
        <v>250</v>
      </c>
      <c r="ED7" s="59">
        <v>436</v>
      </c>
      <c r="EE7" s="56">
        <v>169</v>
      </c>
      <c r="EF7" s="57">
        <v>185</v>
      </c>
      <c r="EG7" s="58">
        <v>354</v>
      </c>
      <c r="EH7" s="230"/>
      <c r="EI7" s="57">
        <v>187</v>
      </c>
      <c r="EJ7" s="57">
        <v>156</v>
      </c>
      <c r="EK7" s="57">
        <v>87</v>
      </c>
      <c r="EL7" s="57">
        <v>62</v>
      </c>
      <c r="EM7" s="57">
        <v>64</v>
      </c>
      <c r="EN7" s="58">
        <v>556</v>
      </c>
      <c r="EO7" s="59">
        <v>910</v>
      </c>
      <c r="EP7" s="56">
        <v>338</v>
      </c>
      <c r="EQ7" s="57">
        <v>313</v>
      </c>
      <c r="ER7" s="58">
        <v>651</v>
      </c>
      <c r="ES7" s="230"/>
      <c r="ET7" s="57">
        <v>345</v>
      </c>
      <c r="EU7" s="57">
        <v>277</v>
      </c>
      <c r="EV7" s="57">
        <v>161</v>
      </c>
      <c r="EW7" s="57">
        <v>153</v>
      </c>
      <c r="EX7" s="57">
        <v>96</v>
      </c>
      <c r="EY7" s="58">
        <v>1032</v>
      </c>
      <c r="EZ7" s="59">
        <v>1683</v>
      </c>
      <c r="FA7" s="56">
        <v>309</v>
      </c>
      <c r="FB7" s="57">
        <v>423</v>
      </c>
      <c r="FC7" s="58">
        <v>732</v>
      </c>
      <c r="FD7" s="230"/>
      <c r="FE7" s="57">
        <v>531</v>
      </c>
      <c r="FF7" s="57">
        <v>461</v>
      </c>
      <c r="FG7" s="57">
        <v>305</v>
      </c>
      <c r="FH7" s="57">
        <v>275</v>
      </c>
      <c r="FI7" s="57">
        <v>165</v>
      </c>
      <c r="FJ7" s="58">
        <v>1737</v>
      </c>
      <c r="FK7" s="59">
        <v>2469</v>
      </c>
      <c r="FL7" s="56">
        <v>233</v>
      </c>
      <c r="FM7" s="57">
        <v>295</v>
      </c>
      <c r="FN7" s="58">
        <v>528</v>
      </c>
      <c r="FO7" s="230"/>
      <c r="FP7" s="57">
        <v>560</v>
      </c>
      <c r="FQ7" s="57">
        <v>613</v>
      </c>
      <c r="FR7" s="57">
        <v>495</v>
      </c>
      <c r="FS7" s="57">
        <v>542</v>
      </c>
      <c r="FT7" s="57">
        <v>337</v>
      </c>
      <c r="FU7" s="58">
        <v>2547</v>
      </c>
      <c r="FV7" s="59">
        <v>3075</v>
      </c>
      <c r="FW7" s="56">
        <v>0</v>
      </c>
      <c r="FX7" s="57">
        <v>0</v>
      </c>
      <c r="FY7" s="58">
        <v>0</v>
      </c>
      <c r="FZ7" s="230">
        <v>0</v>
      </c>
      <c r="GA7" s="57">
        <v>0</v>
      </c>
      <c r="GB7" s="57">
        <v>0</v>
      </c>
      <c r="GC7" s="57">
        <v>0</v>
      </c>
      <c r="GD7" s="57">
        <v>0</v>
      </c>
      <c r="GE7" s="57">
        <v>0</v>
      </c>
      <c r="GF7" s="58">
        <v>0</v>
      </c>
      <c r="GG7" s="59">
        <v>0</v>
      </c>
      <c r="GH7" s="56">
        <v>1174</v>
      </c>
      <c r="GI7" s="57">
        <v>1348</v>
      </c>
      <c r="GJ7" s="58">
        <v>2522</v>
      </c>
      <c r="GK7" s="230"/>
      <c r="GL7" s="57">
        <v>1725</v>
      </c>
      <c r="GM7" s="57">
        <v>1602</v>
      </c>
      <c r="GN7" s="57">
        <v>1110</v>
      </c>
      <c r="GO7" s="57">
        <v>1072</v>
      </c>
      <c r="GP7" s="57">
        <v>707</v>
      </c>
      <c r="GQ7" s="58">
        <v>6216</v>
      </c>
      <c r="GR7" s="59">
        <v>8738</v>
      </c>
      <c r="GS7" s="112">
        <v>4421</v>
      </c>
      <c r="GT7" s="68">
        <v>4471</v>
      </c>
      <c r="GU7" s="69">
        <v>8892</v>
      </c>
      <c r="GV7" s="227"/>
      <c r="GW7" s="68">
        <v>5927</v>
      </c>
      <c r="GX7" s="68">
        <v>5488</v>
      </c>
      <c r="GY7" s="68">
        <v>3430</v>
      </c>
      <c r="GZ7" s="68">
        <v>3113</v>
      </c>
      <c r="HA7" s="68">
        <v>2031</v>
      </c>
      <c r="HB7" s="70">
        <v>19989</v>
      </c>
      <c r="HC7" s="71">
        <v>28881</v>
      </c>
      <c r="HD7" s="56">
        <v>131</v>
      </c>
      <c r="HE7" s="57">
        <v>154</v>
      </c>
      <c r="HF7" s="58">
        <v>285</v>
      </c>
      <c r="HG7" s="230"/>
      <c r="HH7" s="57">
        <v>133</v>
      </c>
      <c r="HI7" s="57">
        <v>163</v>
      </c>
      <c r="HJ7" s="57">
        <v>85</v>
      </c>
      <c r="HK7" s="57">
        <v>83</v>
      </c>
      <c r="HL7" s="57">
        <v>86</v>
      </c>
      <c r="HM7" s="58">
        <v>550</v>
      </c>
      <c r="HN7" s="59">
        <v>835</v>
      </c>
      <c r="HO7" s="56">
        <v>343</v>
      </c>
      <c r="HP7" s="57">
        <v>338</v>
      </c>
      <c r="HQ7" s="58">
        <v>681</v>
      </c>
      <c r="HR7" s="230"/>
      <c r="HS7" s="57">
        <v>328</v>
      </c>
      <c r="HT7" s="57">
        <v>347</v>
      </c>
      <c r="HU7" s="57">
        <v>201</v>
      </c>
      <c r="HV7" s="57">
        <v>154</v>
      </c>
      <c r="HW7" s="57">
        <v>158</v>
      </c>
      <c r="HX7" s="58">
        <v>1188</v>
      </c>
      <c r="HY7" s="59">
        <v>1869</v>
      </c>
      <c r="HZ7" s="56">
        <v>520</v>
      </c>
      <c r="IA7" s="57">
        <v>576</v>
      </c>
      <c r="IB7" s="58">
        <v>1096</v>
      </c>
      <c r="IC7" s="230"/>
      <c r="ID7" s="57">
        <v>648</v>
      </c>
      <c r="IE7" s="57">
        <v>566</v>
      </c>
      <c r="IF7" s="57">
        <v>335</v>
      </c>
      <c r="IG7" s="57">
        <v>308</v>
      </c>
      <c r="IH7" s="57">
        <v>252</v>
      </c>
      <c r="II7" s="58">
        <v>2109</v>
      </c>
      <c r="IJ7" s="59">
        <v>3205</v>
      </c>
      <c r="IK7" s="56">
        <v>1040</v>
      </c>
      <c r="IL7" s="57">
        <v>1048</v>
      </c>
      <c r="IM7" s="58">
        <v>2088</v>
      </c>
      <c r="IN7" s="230"/>
      <c r="IO7" s="57">
        <v>1331</v>
      </c>
      <c r="IP7" s="57">
        <v>1080</v>
      </c>
      <c r="IQ7" s="57">
        <v>606</v>
      </c>
      <c r="IR7" s="57">
        <v>543</v>
      </c>
      <c r="IS7" s="57">
        <v>372</v>
      </c>
      <c r="IT7" s="58">
        <v>3932</v>
      </c>
      <c r="IU7" s="59">
        <v>6020</v>
      </c>
      <c r="IV7" s="56">
        <v>1373</v>
      </c>
      <c r="IW7" s="57">
        <v>1308</v>
      </c>
      <c r="IX7" s="58">
        <v>2681</v>
      </c>
      <c r="IY7" s="230"/>
      <c r="IZ7" s="57">
        <v>1781</v>
      </c>
      <c r="JA7" s="57">
        <v>1566</v>
      </c>
      <c r="JB7" s="57">
        <v>939</v>
      </c>
      <c r="JC7" s="57">
        <v>826</v>
      </c>
      <c r="JD7" s="57">
        <v>477</v>
      </c>
      <c r="JE7" s="58">
        <v>5589</v>
      </c>
      <c r="JF7" s="59">
        <v>8270</v>
      </c>
      <c r="JG7" s="56">
        <v>1014</v>
      </c>
      <c r="JH7" s="57">
        <v>1047</v>
      </c>
      <c r="JI7" s="58">
        <v>2061</v>
      </c>
      <c r="JJ7" s="230"/>
      <c r="JK7" s="57">
        <v>1706</v>
      </c>
      <c r="JL7" s="57">
        <v>1766</v>
      </c>
      <c r="JM7" s="57">
        <v>1264</v>
      </c>
      <c r="JN7" s="57">
        <v>1199</v>
      </c>
      <c r="JO7" s="57">
        <v>686</v>
      </c>
      <c r="JP7" s="58">
        <v>6621</v>
      </c>
      <c r="JQ7" s="59">
        <v>8682</v>
      </c>
      <c r="JR7" s="56">
        <v>0</v>
      </c>
      <c r="JS7" s="57">
        <v>0</v>
      </c>
      <c r="JT7" s="58">
        <v>0</v>
      </c>
      <c r="JU7" s="230"/>
      <c r="JV7" s="57">
        <v>0</v>
      </c>
      <c r="JW7" s="57">
        <v>0</v>
      </c>
      <c r="JX7" s="57">
        <v>0</v>
      </c>
      <c r="JY7" s="57">
        <v>0</v>
      </c>
      <c r="JZ7" s="57">
        <v>0</v>
      </c>
      <c r="KA7" s="58">
        <v>0</v>
      </c>
      <c r="KB7" s="59">
        <v>0</v>
      </c>
      <c r="KC7" s="56">
        <v>4421</v>
      </c>
      <c r="KD7" s="57">
        <v>4471</v>
      </c>
      <c r="KE7" s="58">
        <v>8892</v>
      </c>
      <c r="KF7" s="230"/>
      <c r="KG7" s="57">
        <v>5927</v>
      </c>
      <c r="KH7" s="57">
        <v>5488</v>
      </c>
      <c r="KI7" s="57">
        <v>3430</v>
      </c>
      <c r="KJ7" s="57">
        <v>3113</v>
      </c>
      <c r="KK7" s="57">
        <v>2031</v>
      </c>
      <c r="KL7" s="58">
        <v>19989</v>
      </c>
      <c r="KM7" s="59">
        <v>28881</v>
      </c>
    </row>
    <row r="8" spans="2:299" ht="21" customHeight="1" x14ac:dyDescent="0.2">
      <c r="B8" s="471" t="s">
        <v>5</v>
      </c>
      <c r="C8" s="293">
        <v>1488</v>
      </c>
      <c r="D8" s="72">
        <v>1576</v>
      </c>
      <c r="E8" s="73">
        <v>3064</v>
      </c>
      <c r="F8" s="228"/>
      <c r="G8" s="72">
        <v>1553</v>
      </c>
      <c r="H8" s="72">
        <v>1899</v>
      </c>
      <c r="I8" s="72">
        <v>1040</v>
      </c>
      <c r="J8" s="72">
        <v>916</v>
      </c>
      <c r="K8" s="72">
        <v>583</v>
      </c>
      <c r="L8" s="74">
        <v>5991</v>
      </c>
      <c r="M8" s="75">
        <v>9055</v>
      </c>
      <c r="N8" s="60">
        <v>49</v>
      </c>
      <c r="O8" s="61">
        <v>50</v>
      </c>
      <c r="P8" s="62">
        <v>99</v>
      </c>
      <c r="Q8" s="231"/>
      <c r="R8" s="61">
        <v>36</v>
      </c>
      <c r="S8" s="61">
        <v>67</v>
      </c>
      <c r="T8" s="61">
        <v>31</v>
      </c>
      <c r="U8" s="61">
        <v>30</v>
      </c>
      <c r="V8" s="61">
        <v>25</v>
      </c>
      <c r="W8" s="62">
        <v>189</v>
      </c>
      <c r="X8" s="63">
        <v>288</v>
      </c>
      <c r="Y8" s="60">
        <v>95</v>
      </c>
      <c r="Z8" s="61">
        <v>125</v>
      </c>
      <c r="AA8" s="62">
        <v>220</v>
      </c>
      <c r="AB8" s="231"/>
      <c r="AC8" s="61">
        <v>71</v>
      </c>
      <c r="AD8" s="61">
        <v>112</v>
      </c>
      <c r="AE8" s="61">
        <v>59</v>
      </c>
      <c r="AF8" s="61">
        <v>63</v>
      </c>
      <c r="AG8" s="61">
        <v>52</v>
      </c>
      <c r="AH8" s="62">
        <v>357</v>
      </c>
      <c r="AI8" s="63">
        <v>577</v>
      </c>
      <c r="AJ8" s="60">
        <v>150</v>
      </c>
      <c r="AK8" s="61">
        <v>192</v>
      </c>
      <c r="AL8" s="62">
        <v>342</v>
      </c>
      <c r="AM8" s="231"/>
      <c r="AN8" s="61">
        <v>155</v>
      </c>
      <c r="AO8" s="61">
        <v>179</v>
      </c>
      <c r="AP8" s="61">
        <v>92</v>
      </c>
      <c r="AQ8" s="61">
        <v>109</v>
      </c>
      <c r="AR8" s="61">
        <v>74</v>
      </c>
      <c r="AS8" s="62">
        <v>609</v>
      </c>
      <c r="AT8" s="63">
        <v>951</v>
      </c>
      <c r="AU8" s="60">
        <v>337</v>
      </c>
      <c r="AV8" s="61">
        <v>366</v>
      </c>
      <c r="AW8" s="62">
        <v>703</v>
      </c>
      <c r="AX8" s="231"/>
      <c r="AY8" s="61">
        <v>324</v>
      </c>
      <c r="AZ8" s="61">
        <v>404</v>
      </c>
      <c r="BA8" s="61">
        <v>204</v>
      </c>
      <c r="BB8" s="61">
        <v>171</v>
      </c>
      <c r="BC8" s="61">
        <v>119</v>
      </c>
      <c r="BD8" s="62">
        <v>1222</v>
      </c>
      <c r="BE8" s="63">
        <v>1925</v>
      </c>
      <c r="BF8" s="60">
        <v>508</v>
      </c>
      <c r="BG8" s="61">
        <v>461</v>
      </c>
      <c r="BH8" s="62">
        <v>969</v>
      </c>
      <c r="BI8" s="231"/>
      <c r="BJ8" s="61">
        <v>518</v>
      </c>
      <c r="BK8" s="61">
        <v>548</v>
      </c>
      <c r="BL8" s="61">
        <v>283</v>
      </c>
      <c r="BM8" s="61">
        <v>250</v>
      </c>
      <c r="BN8" s="61">
        <v>138</v>
      </c>
      <c r="BO8" s="62">
        <v>1737</v>
      </c>
      <c r="BP8" s="63">
        <v>2706</v>
      </c>
      <c r="BQ8" s="60">
        <v>349</v>
      </c>
      <c r="BR8" s="61">
        <v>382</v>
      </c>
      <c r="BS8" s="62">
        <v>731</v>
      </c>
      <c r="BT8" s="231"/>
      <c r="BU8" s="61">
        <v>449</v>
      </c>
      <c r="BV8" s="61">
        <v>589</v>
      </c>
      <c r="BW8" s="61">
        <v>371</v>
      </c>
      <c r="BX8" s="61">
        <v>293</v>
      </c>
      <c r="BY8" s="61">
        <v>175</v>
      </c>
      <c r="BZ8" s="62">
        <v>1877</v>
      </c>
      <c r="CA8" s="63">
        <v>2608</v>
      </c>
      <c r="CB8" s="60">
        <v>0</v>
      </c>
      <c r="CC8" s="61">
        <v>0</v>
      </c>
      <c r="CD8" s="62">
        <v>0</v>
      </c>
      <c r="CE8" s="231"/>
      <c r="CF8" s="61">
        <v>0</v>
      </c>
      <c r="CG8" s="61">
        <v>0</v>
      </c>
      <c r="CH8" s="61">
        <v>0</v>
      </c>
      <c r="CI8" s="61">
        <v>0</v>
      </c>
      <c r="CJ8" s="61">
        <v>0</v>
      </c>
      <c r="CK8" s="62">
        <v>0</v>
      </c>
      <c r="CL8" s="63">
        <v>0</v>
      </c>
      <c r="CM8" s="60">
        <v>1488</v>
      </c>
      <c r="CN8" s="61">
        <v>1576</v>
      </c>
      <c r="CO8" s="62">
        <v>3064</v>
      </c>
      <c r="CP8" s="231"/>
      <c r="CQ8" s="61">
        <v>1553</v>
      </c>
      <c r="CR8" s="61">
        <v>1899</v>
      </c>
      <c r="CS8" s="61">
        <v>1040</v>
      </c>
      <c r="CT8" s="61">
        <v>916</v>
      </c>
      <c r="CU8" s="61">
        <v>583</v>
      </c>
      <c r="CV8" s="62">
        <v>5991</v>
      </c>
      <c r="CW8" s="63">
        <v>9055</v>
      </c>
      <c r="CX8" s="113">
        <v>460</v>
      </c>
      <c r="CY8" s="72">
        <v>635</v>
      </c>
      <c r="CZ8" s="73">
        <v>1095</v>
      </c>
      <c r="DA8" s="228"/>
      <c r="DB8" s="72">
        <v>625</v>
      </c>
      <c r="DC8" s="72">
        <v>750</v>
      </c>
      <c r="DD8" s="72">
        <v>485</v>
      </c>
      <c r="DE8" s="72">
        <v>467</v>
      </c>
      <c r="DF8" s="72">
        <v>302</v>
      </c>
      <c r="DG8" s="74">
        <v>2629</v>
      </c>
      <c r="DH8" s="75">
        <v>3724</v>
      </c>
      <c r="DI8" s="60">
        <v>10</v>
      </c>
      <c r="DJ8" s="61">
        <v>14</v>
      </c>
      <c r="DK8" s="62">
        <v>24</v>
      </c>
      <c r="DL8" s="231"/>
      <c r="DM8" s="61">
        <v>9</v>
      </c>
      <c r="DN8" s="61">
        <v>10</v>
      </c>
      <c r="DO8" s="61">
        <v>6</v>
      </c>
      <c r="DP8" s="61">
        <v>5</v>
      </c>
      <c r="DQ8" s="61">
        <v>8</v>
      </c>
      <c r="DR8" s="62">
        <v>38</v>
      </c>
      <c r="DS8" s="63">
        <v>62</v>
      </c>
      <c r="DT8" s="60">
        <v>42</v>
      </c>
      <c r="DU8" s="61">
        <v>44</v>
      </c>
      <c r="DV8" s="62">
        <v>86</v>
      </c>
      <c r="DW8" s="231"/>
      <c r="DX8" s="61">
        <v>16</v>
      </c>
      <c r="DY8" s="61">
        <v>31</v>
      </c>
      <c r="DZ8" s="61">
        <v>21</v>
      </c>
      <c r="EA8" s="61">
        <v>15</v>
      </c>
      <c r="EB8" s="61">
        <v>13</v>
      </c>
      <c r="EC8" s="62">
        <v>96</v>
      </c>
      <c r="ED8" s="63">
        <v>182</v>
      </c>
      <c r="EE8" s="60">
        <v>63</v>
      </c>
      <c r="EF8" s="61">
        <v>90</v>
      </c>
      <c r="EG8" s="62">
        <v>153</v>
      </c>
      <c r="EH8" s="231"/>
      <c r="EI8" s="61">
        <v>77</v>
      </c>
      <c r="EJ8" s="61">
        <v>75</v>
      </c>
      <c r="EK8" s="61">
        <v>32</v>
      </c>
      <c r="EL8" s="61">
        <v>32</v>
      </c>
      <c r="EM8" s="61">
        <v>30</v>
      </c>
      <c r="EN8" s="62">
        <v>246</v>
      </c>
      <c r="EO8" s="63">
        <v>399</v>
      </c>
      <c r="EP8" s="60">
        <v>136</v>
      </c>
      <c r="EQ8" s="61">
        <v>148</v>
      </c>
      <c r="ER8" s="62">
        <v>284</v>
      </c>
      <c r="ES8" s="231"/>
      <c r="ET8" s="61">
        <v>131</v>
      </c>
      <c r="EU8" s="61">
        <v>121</v>
      </c>
      <c r="EV8" s="61">
        <v>72</v>
      </c>
      <c r="EW8" s="61">
        <v>69</v>
      </c>
      <c r="EX8" s="61">
        <v>32</v>
      </c>
      <c r="EY8" s="62">
        <v>425</v>
      </c>
      <c r="EZ8" s="63">
        <v>709</v>
      </c>
      <c r="FA8" s="60">
        <v>117</v>
      </c>
      <c r="FB8" s="61">
        <v>204</v>
      </c>
      <c r="FC8" s="62">
        <v>321</v>
      </c>
      <c r="FD8" s="231"/>
      <c r="FE8" s="61">
        <v>198</v>
      </c>
      <c r="FF8" s="61">
        <v>227</v>
      </c>
      <c r="FG8" s="61">
        <v>131</v>
      </c>
      <c r="FH8" s="61">
        <v>126</v>
      </c>
      <c r="FI8" s="61">
        <v>69</v>
      </c>
      <c r="FJ8" s="62">
        <v>751</v>
      </c>
      <c r="FK8" s="63">
        <v>1072</v>
      </c>
      <c r="FL8" s="60">
        <v>92</v>
      </c>
      <c r="FM8" s="61">
        <v>135</v>
      </c>
      <c r="FN8" s="62">
        <v>227</v>
      </c>
      <c r="FO8" s="231"/>
      <c r="FP8" s="61">
        <v>194</v>
      </c>
      <c r="FQ8" s="61">
        <v>286</v>
      </c>
      <c r="FR8" s="61">
        <v>223</v>
      </c>
      <c r="FS8" s="61">
        <v>220</v>
      </c>
      <c r="FT8" s="61">
        <v>150</v>
      </c>
      <c r="FU8" s="62">
        <v>1073</v>
      </c>
      <c r="FV8" s="63">
        <v>1300</v>
      </c>
      <c r="FW8" s="60">
        <v>0</v>
      </c>
      <c r="FX8" s="61">
        <v>0</v>
      </c>
      <c r="FY8" s="62">
        <v>0</v>
      </c>
      <c r="FZ8" s="231">
        <v>0</v>
      </c>
      <c r="GA8" s="61">
        <v>0</v>
      </c>
      <c r="GB8" s="61">
        <v>0</v>
      </c>
      <c r="GC8" s="61">
        <v>0</v>
      </c>
      <c r="GD8" s="61">
        <v>0</v>
      </c>
      <c r="GE8" s="61">
        <v>0</v>
      </c>
      <c r="GF8" s="62">
        <v>0</v>
      </c>
      <c r="GG8" s="63">
        <v>0</v>
      </c>
      <c r="GH8" s="60">
        <v>460</v>
      </c>
      <c r="GI8" s="61">
        <v>635</v>
      </c>
      <c r="GJ8" s="62">
        <v>1095</v>
      </c>
      <c r="GK8" s="231"/>
      <c r="GL8" s="61">
        <v>625</v>
      </c>
      <c r="GM8" s="61">
        <v>750</v>
      </c>
      <c r="GN8" s="61">
        <v>485</v>
      </c>
      <c r="GO8" s="61">
        <v>467</v>
      </c>
      <c r="GP8" s="61">
        <v>302</v>
      </c>
      <c r="GQ8" s="62">
        <v>2629</v>
      </c>
      <c r="GR8" s="63">
        <v>3724</v>
      </c>
      <c r="GS8" s="113">
        <v>1948</v>
      </c>
      <c r="GT8" s="72">
        <v>2211</v>
      </c>
      <c r="GU8" s="73">
        <v>4159</v>
      </c>
      <c r="GV8" s="228"/>
      <c r="GW8" s="72">
        <v>2178</v>
      </c>
      <c r="GX8" s="72">
        <v>2649</v>
      </c>
      <c r="GY8" s="72">
        <v>1525</v>
      </c>
      <c r="GZ8" s="72">
        <v>1383</v>
      </c>
      <c r="HA8" s="72">
        <v>885</v>
      </c>
      <c r="HB8" s="74">
        <v>8620</v>
      </c>
      <c r="HC8" s="75">
        <v>12779</v>
      </c>
      <c r="HD8" s="60">
        <v>59</v>
      </c>
      <c r="HE8" s="61">
        <v>64</v>
      </c>
      <c r="HF8" s="62">
        <v>123</v>
      </c>
      <c r="HG8" s="231"/>
      <c r="HH8" s="61">
        <v>45</v>
      </c>
      <c r="HI8" s="61">
        <v>77</v>
      </c>
      <c r="HJ8" s="61">
        <v>37</v>
      </c>
      <c r="HK8" s="61">
        <v>35</v>
      </c>
      <c r="HL8" s="61">
        <v>33</v>
      </c>
      <c r="HM8" s="62">
        <v>227</v>
      </c>
      <c r="HN8" s="63">
        <v>350</v>
      </c>
      <c r="HO8" s="60">
        <v>137</v>
      </c>
      <c r="HP8" s="61">
        <v>169</v>
      </c>
      <c r="HQ8" s="62">
        <v>306</v>
      </c>
      <c r="HR8" s="231"/>
      <c r="HS8" s="61">
        <v>87</v>
      </c>
      <c r="HT8" s="61">
        <v>143</v>
      </c>
      <c r="HU8" s="61">
        <v>80</v>
      </c>
      <c r="HV8" s="61">
        <v>78</v>
      </c>
      <c r="HW8" s="61">
        <v>65</v>
      </c>
      <c r="HX8" s="62">
        <v>453</v>
      </c>
      <c r="HY8" s="63">
        <v>759</v>
      </c>
      <c r="HZ8" s="60">
        <v>213</v>
      </c>
      <c r="IA8" s="61">
        <v>282</v>
      </c>
      <c r="IB8" s="62">
        <v>495</v>
      </c>
      <c r="IC8" s="231"/>
      <c r="ID8" s="61">
        <v>232</v>
      </c>
      <c r="IE8" s="61">
        <v>254</v>
      </c>
      <c r="IF8" s="61">
        <v>124</v>
      </c>
      <c r="IG8" s="61">
        <v>141</v>
      </c>
      <c r="IH8" s="61">
        <v>104</v>
      </c>
      <c r="II8" s="62">
        <v>855</v>
      </c>
      <c r="IJ8" s="63">
        <v>1350</v>
      </c>
      <c r="IK8" s="60">
        <v>473</v>
      </c>
      <c r="IL8" s="61">
        <v>514</v>
      </c>
      <c r="IM8" s="62">
        <v>987</v>
      </c>
      <c r="IN8" s="231"/>
      <c r="IO8" s="61">
        <v>455</v>
      </c>
      <c r="IP8" s="61">
        <v>525</v>
      </c>
      <c r="IQ8" s="61">
        <v>276</v>
      </c>
      <c r="IR8" s="61">
        <v>240</v>
      </c>
      <c r="IS8" s="61">
        <v>151</v>
      </c>
      <c r="IT8" s="62">
        <v>1647</v>
      </c>
      <c r="IU8" s="63">
        <v>2634</v>
      </c>
      <c r="IV8" s="60">
        <v>625</v>
      </c>
      <c r="IW8" s="61">
        <v>665</v>
      </c>
      <c r="IX8" s="62">
        <v>1290</v>
      </c>
      <c r="IY8" s="231"/>
      <c r="IZ8" s="61">
        <v>716</v>
      </c>
      <c r="JA8" s="61">
        <v>775</v>
      </c>
      <c r="JB8" s="61">
        <v>414</v>
      </c>
      <c r="JC8" s="61">
        <v>376</v>
      </c>
      <c r="JD8" s="61">
        <v>207</v>
      </c>
      <c r="JE8" s="62">
        <v>2488</v>
      </c>
      <c r="JF8" s="63">
        <v>3778</v>
      </c>
      <c r="JG8" s="60">
        <v>441</v>
      </c>
      <c r="JH8" s="61">
        <v>517</v>
      </c>
      <c r="JI8" s="62">
        <v>958</v>
      </c>
      <c r="JJ8" s="231"/>
      <c r="JK8" s="61">
        <v>643</v>
      </c>
      <c r="JL8" s="61">
        <v>875</v>
      </c>
      <c r="JM8" s="61">
        <v>594</v>
      </c>
      <c r="JN8" s="61">
        <v>513</v>
      </c>
      <c r="JO8" s="61">
        <v>325</v>
      </c>
      <c r="JP8" s="62">
        <v>2950</v>
      </c>
      <c r="JQ8" s="63">
        <v>3908</v>
      </c>
      <c r="JR8" s="60">
        <v>0</v>
      </c>
      <c r="JS8" s="61">
        <v>0</v>
      </c>
      <c r="JT8" s="62">
        <v>0</v>
      </c>
      <c r="JU8" s="231"/>
      <c r="JV8" s="61">
        <v>0</v>
      </c>
      <c r="JW8" s="61">
        <v>0</v>
      </c>
      <c r="JX8" s="61">
        <v>0</v>
      </c>
      <c r="JY8" s="61">
        <v>0</v>
      </c>
      <c r="JZ8" s="61">
        <v>0</v>
      </c>
      <c r="KA8" s="62">
        <v>0</v>
      </c>
      <c r="KB8" s="63">
        <v>0</v>
      </c>
      <c r="KC8" s="60">
        <v>1948</v>
      </c>
      <c r="KD8" s="61">
        <v>2211</v>
      </c>
      <c r="KE8" s="62">
        <v>4159</v>
      </c>
      <c r="KF8" s="231"/>
      <c r="KG8" s="61">
        <v>2178</v>
      </c>
      <c r="KH8" s="61">
        <v>2649</v>
      </c>
      <c r="KI8" s="61">
        <v>1525</v>
      </c>
      <c r="KJ8" s="61">
        <v>1383</v>
      </c>
      <c r="KK8" s="61">
        <v>885</v>
      </c>
      <c r="KL8" s="62">
        <v>8620</v>
      </c>
      <c r="KM8" s="63">
        <v>12779</v>
      </c>
    </row>
    <row r="9" spans="2:299" ht="21" customHeight="1" x14ac:dyDescent="0.2">
      <c r="B9" s="472" t="s">
        <v>6</v>
      </c>
      <c r="C9" s="293">
        <v>409</v>
      </c>
      <c r="D9" s="72">
        <v>417</v>
      </c>
      <c r="E9" s="73">
        <v>826</v>
      </c>
      <c r="F9" s="228"/>
      <c r="G9" s="72">
        <v>734</v>
      </c>
      <c r="H9" s="72">
        <v>543</v>
      </c>
      <c r="I9" s="72">
        <v>368</v>
      </c>
      <c r="J9" s="72">
        <v>317</v>
      </c>
      <c r="K9" s="72">
        <v>216</v>
      </c>
      <c r="L9" s="74">
        <v>2178</v>
      </c>
      <c r="M9" s="75">
        <v>3004</v>
      </c>
      <c r="N9" s="60">
        <v>15</v>
      </c>
      <c r="O9" s="61">
        <v>20</v>
      </c>
      <c r="P9" s="62">
        <v>35</v>
      </c>
      <c r="Q9" s="231"/>
      <c r="R9" s="61">
        <v>20</v>
      </c>
      <c r="S9" s="61">
        <v>26</v>
      </c>
      <c r="T9" s="61">
        <v>9</v>
      </c>
      <c r="U9" s="61">
        <v>11</v>
      </c>
      <c r="V9" s="61">
        <v>15</v>
      </c>
      <c r="W9" s="62">
        <v>81</v>
      </c>
      <c r="X9" s="63">
        <v>116</v>
      </c>
      <c r="Y9" s="60">
        <v>35</v>
      </c>
      <c r="Z9" s="61">
        <v>31</v>
      </c>
      <c r="AA9" s="62">
        <v>66</v>
      </c>
      <c r="AB9" s="231"/>
      <c r="AC9" s="61">
        <v>54</v>
      </c>
      <c r="AD9" s="61">
        <v>39</v>
      </c>
      <c r="AE9" s="61">
        <v>29</v>
      </c>
      <c r="AF9" s="61">
        <v>15</v>
      </c>
      <c r="AG9" s="61">
        <v>19</v>
      </c>
      <c r="AH9" s="62">
        <v>156</v>
      </c>
      <c r="AI9" s="63">
        <v>222</v>
      </c>
      <c r="AJ9" s="60">
        <v>51</v>
      </c>
      <c r="AK9" s="61">
        <v>53</v>
      </c>
      <c r="AL9" s="62">
        <v>104</v>
      </c>
      <c r="AM9" s="231"/>
      <c r="AN9" s="61">
        <v>82</v>
      </c>
      <c r="AO9" s="61">
        <v>68</v>
      </c>
      <c r="AP9" s="61">
        <v>51</v>
      </c>
      <c r="AQ9" s="61">
        <v>39</v>
      </c>
      <c r="AR9" s="61">
        <v>34</v>
      </c>
      <c r="AS9" s="62">
        <v>274</v>
      </c>
      <c r="AT9" s="63">
        <v>378</v>
      </c>
      <c r="AU9" s="60">
        <v>79</v>
      </c>
      <c r="AV9" s="61">
        <v>89</v>
      </c>
      <c r="AW9" s="62">
        <v>168</v>
      </c>
      <c r="AX9" s="231"/>
      <c r="AY9" s="61">
        <v>174</v>
      </c>
      <c r="AZ9" s="61">
        <v>103</v>
      </c>
      <c r="BA9" s="61">
        <v>62</v>
      </c>
      <c r="BB9" s="61">
        <v>60</v>
      </c>
      <c r="BC9" s="61">
        <v>42</v>
      </c>
      <c r="BD9" s="62">
        <v>441</v>
      </c>
      <c r="BE9" s="63">
        <v>609</v>
      </c>
      <c r="BF9" s="60">
        <v>126</v>
      </c>
      <c r="BG9" s="61">
        <v>111</v>
      </c>
      <c r="BH9" s="62">
        <v>237</v>
      </c>
      <c r="BI9" s="231"/>
      <c r="BJ9" s="61">
        <v>204</v>
      </c>
      <c r="BK9" s="61">
        <v>142</v>
      </c>
      <c r="BL9" s="61">
        <v>97</v>
      </c>
      <c r="BM9" s="61">
        <v>84</v>
      </c>
      <c r="BN9" s="61">
        <v>47</v>
      </c>
      <c r="BO9" s="62">
        <v>574</v>
      </c>
      <c r="BP9" s="63">
        <v>811</v>
      </c>
      <c r="BQ9" s="60">
        <v>103</v>
      </c>
      <c r="BR9" s="61">
        <v>113</v>
      </c>
      <c r="BS9" s="62">
        <v>216</v>
      </c>
      <c r="BT9" s="231"/>
      <c r="BU9" s="61">
        <v>200</v>
      </c>
      <c r="BV9" s="61">
        <v>165</v>
      </c>
      <c r="BW9" s="61">
        <v>120</v>
      </c>
      <c r="BX9" s="61">
        <v>108</v>
      </c>
      <c r="BY9" s="61">
        <v>59</v>
      </c>
      <c r="BZ9" s="62">
        <v>652</v>
      </c>
      <c r="CA9" s="63">
        <v>868</v>
      </c>
      <c r="CB9" s="60">
        <v>0</v>
      </c>
      <c r="CC9" s="61">
        <v>0</v>
      </c>
      <c r="CD9" s="62">
        <v>0</v>
      </c>
      <c r="CE9" s="231"/>
      <c r="CF9" s="61">
        <v>0</v>
      </c>
      <c r="CG9" s="61">
        <v>0</v>
      </c>
      <c r="CH9" s="61">
        <v>0</v>
      </c>
      <c r="CI9" s="61">
        <v>0</v>
      </c>
      <c r="CJ9" s="61">
        <v>0</v>
      </c>
      <c r="CK9" s="62">
        <v>0</v>
      </c>
      <c r="CL9" s="63">
        <v>0</v>
      </c>
      <c r="CM9" s="60">
        <v>409</v>
      </c>
      <c r="CN9" s="61">
        <v>417</v>
      </c>
      <c r="CO9" s="62">
        <v>826</v>
      </c>
      <c r="CP9" s="231"/>
      <c r="CQ9" s="61">
        <v>734</v>
      </c>
      <c r="CR9" s="61">
        <v>543</v>
      </c>
      <c r="CS9" s="61">
        <v>368</v>
      </c>
      <c r="CT9" s="61">
        <v>317</v>
      </c>
      <c r="CU9" s="61">
        <v>216</v>
      </c>
      <c r="CV9" s="62">
        <v>2178</v>
      </c>
      <c r="CW9" s="63">
        <v>3004</v>
      </c>
      <c r="CX9" s="113">
        <v>203</v>
      </c>
      <c r="CY9" s="72">
        <v>229</v>
      </c>
      <c r="CZ9" s="73">
        <v>432</v>
      </c>
      <c r="DA9" s="228"/>
      <c r="DB9" s="72">
        <v>361</v>
      </c>
      <c r="DC9" s="72">
        <v>279</v>
      </c>
      <c r="DD9" s="72">
        <v>190</v>
      </c>
      <c r="DE9" s="72">
        <v>199</v>
      </c>
      <c r="DF9" s="72">
        <v>121</v>
      </c>
      <c r="DG9" s="74">
        <v>1150</v>
      </c>
      <c r="DH9" s="75">
        <v>1582</v>
      </c>
      <c r="DI9" s="60">
        <v>5</v>
      </c>
      <c r="DJ9" s="61">
        <v>7</v>
      </c>
      <c r="DK9" s="62">
        <v>12</v>
      </c>
      <c r="DL9" s="231"/>
      <c r="DM9" s="61">
        <v>7</v>
      </c>
      <c r="DN9" s="61">
        <v>5</v>
      </c>
      <c r="DO9" s="61">
        <v>5</v>
      </c>
      <c r="DP9" s="61">
        <v>1</v>
      </c>
      <c r="DQ9" s="61">
        <v>2</v>
      </c>
      <c r="DR9" s="62">
        <v>20</v>
      </c>
      <c r="DS9" s="63">
        <v>32</v>
      </c>
      <c r="DT9" s="60">
        <v>12</v>
      </c>
      <c r="DU9" s="61">
        <v>20</v>
      </c>
      <c r="DV9" s="62">
        <v>32</v>
      </c>
      <c r="DW9" s="231"/>
      <c r="DX9" s="61">
        <v>18</v>
      </c>
      <c r="DY9" s="61">
        <v>12</v>
      </c>
      <c r="DZ9" s="61">
        <v>9</v>
      </c>
      <c r="EA9" s="61">
        <v>7</v>
      </c>
      <c r="EB9" s="61">
        <v>2</v>
      </c>
      <c r="EC9" s="62">
        <v>48</v>
      </c>
      <c r="ED9" s="63">
        <v>80</v>
      </c>
      <c r="EE9" s="60">
        <v>25</v>
      </c>
      <c r="EF9" s="61">
        <v>27</v>
      </c>
      <c r="EG9" s="62">
        <v>52</v>
      </c>
      <c r="EH9" s="231"/>
      <c r="EI9" s="61">
        <v>43</v>
      </c>
      <c r="EJ9" s="61">
        <v>26</v>
      </c>
      <c r="EK9" s="61">
        <v>18</v>
      </c>
      <c r="EL9" s="61">
        <v>12</v>
      </c>
      <c r="EM9" s="61">
        <v>13</v>
      </c>
      <c r="EN9" s="62">
        <v>112</v>
      </c>
      <c r="EO9" s="63">
        <v>164</v>
      </c>
      <c r="EP9" s="60">
        <v>61</v>
      </c>
      <c r="EQ9" s="61">
        <v>42</v>
      </c>
      <c r="ER9" s="62">
        <v>103</v>
      </c>
      <c r="ES9" s="231"/>
      <c r="ET9" s="61">
        <v>67</v>
      </c>
      <c r="EU9" s="61">
        <v>51</v>
      </c>
      <c r="EV9" s="61">
        <v>30</v>
      </c>
      <c r="EW9" s="61">
        <v>27</v>
      </c>
      <c r="EX9" s="61">
        <v>23</v>
      </c>
      <c r="EY9" s="62">
        <v>198</v>
      </c>
      <c r="EZ9" s="63">
        <v>301</v>
      </c>
      <c r="FA9" s="60">
        <v>52</v>
      </c>
      <c r="FB9" s="61">
        <v>82</v>
      </c>
      <c r="FC9" s="62">
        <v>134</v>
      </c>
      <c r="FD9" s="231"/>
      <c r="FE9" s="61">
        <v>110</v>
      </c>
      <c r="FF9" s="61">
        <v>73</v>
      </c>
      <c r="FG9" s="61">
        <v>59</v>
      </c>
      <c r="FH9" s="61">
        <v>55</v>
      </c>
      <c r="FI9" s="61">
        <v>31</v>
      </c>
      <c r="FJ9" s="62">
        <v>328</v>
      </c>
      <c r="FK9" s="63">
        <v>462</v>
      </c>
      <c r="FL9" s="60">
        <v>48</v>
      </c>
      <c r="FM9" s="61">
        <v>51</v>
      </c>
      <c r="FN9" s="62">
        <v>99</v>
      </c>
      <c r="FO9" s="231"/>
      <c r="FP9" s="61">
        <v>116</v>
      </c>
      <c r="FQ9" s="61">
        <v>112</v>
      </c>
      <c r="FR9" s="61">
        <v>69</v>
      </c>
      <c r="FS9" s="61">
        <v>97</v>
      </c>
      <c r="FT9" s="61">
        <v>50</v>
      </c>
      <c r="FU9" s="62">
        <v>444</v>
      </c>
      <c r="FV9" s="63">
        <v>543</v>
      </c>
      <c r="FW9" s="60">
        <v>0</v>
      </c>
      <c r="FX9" s="61">
        <v>0</v>
      </c>
      <c r="FY9" s="62">
        <v>0</v>
      </c>
      <c r="FZ9" s="231">
        <v>0</v>
      </c>
      <c r="GA9" s="61">
        <v>0</v>
      </c>
      <c r="GB9" s="61">
        <v>0</v>
      </c>
      <c r="GC9" s="61">
        <v>0</v>
      </c>
      <c r="GD9" s="61">
        <v>0</v>
      </c>
      <c r="GE9" s="61">
        <v>0</v>
      </c>
      <c r="GF9" s="62">
        <v>0</v>
      </c>
      <c r="GG9" s="63">
        <v>0</v>
      </c>
      <c r="GH9" s="60">
        <v>203</v>
      </c>
      <c r="GI9" s="61">
        <v>229</v>
      </c>
      <c r="GJ9" s="62">
        <v>432</v>
      </c>
      <c r="GK9" s="231"/>
      <c r="GL9" s="61">
        <v>361</v>
      </c>
      <c r="GM9" s="61">
        <v>279</v>
      </c>
      <c r="GN9" s="61">
        <v>190</v>
      </c>
      <c r="GO9" s="61">
        <v>199</v>
      </c>
      <c r="GP9" s="61">
        <v>121</v>
      </c>
      <c r="GQ9" s="62">
        <v>1150</v>
      </c>
      <c r="GR9" s="63">
        <v>1582</v>
      </c>
      <c r="GS9" s="113">
        <v>612</v>
      </c>
      <c r="GT9" s="72">
        <v>646</v>
      </c>
      <c r="GU9" s="73">
        <v>1258</v>
      </c>
      <c r="GV9" s="228"/>
      <c r="GW9" s="72">
        <v>1095</v>
      </c>
      <c r="GX9" s="72">
        <v>822</v>
      </c>
      <c r="GY9" s="72">
        <v>558</v>
      </c>
      <c r="GZ9" s="72">
        <v>516</v>
      </c>
      <c r="HA9" s="72">
        <v>337</v>
      </c>
      <c r="HB9" s="74">
        <v>3328</v>
      </c>
      <c r="HC9" s="75">
        <v>4586</v>
      </c>
      <c r="HD9" s="60">
        <v>20</v>
      </c>
      <c r="HE9" s="61">
        <v>27</v>
      </c>
      <c r="HF9" s="62">
        <v>47</v>
      </c>
      <c r="HG9" s="231"/>
      <c r="HH9" s="61">
        <v>27</v>
      </c>
      <c r="HI9" s="61">
        <v>31</v>
      </c>
      <c r="HJ9" s="61">
        <v>14</v>
      </c>
      <c r="HK9" s="61">
        <v>12</v>
      </c>
      <c r="HL9" s="61">
        <v>17</v>
      </c>
      <c r="HM9" s="62">
        <v>101</v>
      </c>
      <c r="HN9" s="63">
        <v>148</v>
      </c>
      <c r="HO9" s="60">
        <v>47</v>
      </c>
      <c r="HP9" s="61">
        <v>51</v>
      </c>
      <c r="HQ9" s="62">
        <v>98</v>
      </c>
      <c r="HR9" s="231"/>
      <c r="HS9" s="61">
        <v>72</v>
      </c>
      <c r="HT9" s="61">
        <v>51</v>
      </c>
      <c r="HU9" s="61">
        <v>38</v>
      </c>
      <c r="HV9" s="61">
        <v>22</v>
      </c>
      <c r="HW9" s="61">
        <v>21</v>
      </c>
      <c r="HX9" s="62">
        <v>204</v>
      </c>
      <c r="HY9" s="63">
        <v>302</v>
      </c>
      <c r="HZ9" s="60">
        <v>76</v>
      </c>
      <c r="IA9" s="61">
        <v>80</v>
      </c>
      <c r="IB9" s="62">
        <v>156</v>
      </c>
      <c r="IC9" s="231"/>
      <c r="ID9" s="61">
        <v>125</v>
      </c>
      <c r="IE9" s="61">
        <v>94</v>
      </c>
      <c r="IF9" s="61">
        <v>69</v>
      </c>
      <c r="IG9" s="61">
        <v>51</v>
      </c>
      <c r="IH9" s="61">
        <v>47</v>
      </c>
      <c r="II9" s="62">
        <v>386</v>
      </c>
      <c r="IJ9" s="63">
        <v>542</v>
      </c>
      <c r="IK9" s="60">
        <v>140</v>
      </c>
      <c r="IL9" s="61">
        <v>131</v>
      </c>
      <c r="IM9" s="62">
        <v>271</v>
      </c>
      <c r="IN9" s="231"/>
      <c r="IO9" s="61">
        <v>241</v>
      </c>
      <c r="IP9" s="61">
        <v>154</v>
      </c>
      <c r="IQ9" s="61">
        <v>92</v>
      </c>
      <c r="IR9" s="61">
        <v>87</v>
      </c>
      <c r="IS9" s="61">
        <v>65</v>
      </c>
      <c r="IT9" s="62">
        <v>639</v>
      </c>
      <c r="IU9" s="63">
        <v>910</v>
      </c>
      <c r="IV9" s="60">
        <v>178</v>
      </c>
      <c r="IW9" s="61">
        <v>193</v>
      </c>
      <c r="IX9" s="62">
        <v>371</v>
      </c>
      <c r="IY9" s="231"/>
      <c r="IZ9" s="61">
        <v>314</v>
      </c>
      <c r="JA9" s="61">
        <v>215</v>
      </c>
      <c r="JB9" s="61">
        <v>156</v>
      </c>
      <c r="JC9" s="61">
        <v>139</v>
      </c>
      <c r="JD9" s="61">
        <v>78</v>
      </c>
      <c r="JE9" s="62">
        <v>902</v>
      </c>
      <c r="JF9" s="63">
        <v>1273</v>
      </c>
      <c r="JG9" s="60">
        <v>151</v>
      </c>
      <c r="JH9" s="61">
        <v>164</v>
      </c>
      <c r="JI9" s="62">
        <v>315</v>
      </c>
      <c r="JJ9" s="231"/>
      <c r="JK9" s="61">
        <v>316</v>
      </c>
      <c r="JL9" s="61">
        <v>277</v>
      </c>
      <c r="JM9" s="61">
        <v>189</v>
      </c>
      <c r="JN9" s="61">
        <v>205</v>
      </c>
      <c r="JO9" s="61">
        <v>109</v>
      </c>
      <c r="JP9" s="62">
        <v>1096</v>
      </c>
      <c r="JQ9" s="63">
        <v>1411</v>
      </c>
      <c r="JR9" s="60">
        <v>0</v>
      </c>
      <c r="JS9" s="61">
        <v>0</v>
      </c>
      <c r="JT9" s="62">
        <v>0</v>
      </c>
      <c r="JU9" s="231"/>
      <c r="JV9" s="61">
        <v>0</v>
      </c>
      <c r="JW9" s="61">
        <v>0</v>
      </c>
      <c r="JX9" s="61">
        <v>0</v>
      </c>
      <c r="JY9" s="61">
        <v>0</v>
      </c>
      <c r="JZ9" s="61">
        <v>0</v>
      </c>
      <c r="KA9" s="62">
        <v>0</v>
      </c>
      <c r="KB9" s="63">
        <v>0</v>
      </c>
      <c r="KC9" s="60">
        <v>612</v>
      </c>
      <c r="KD9" s="61">
        <v>646</v>
      </c>
      <c r="KE9" s="62">
        <v>1258</v>
      </c>
      <c r="KF9" s="231"/>
      <c r="KG9" s="61">
        <v>1095</v>
      </c>
      <c r="KH9" s="61">
        <v>822</v>
      </c>
      <c r="KI9" s="61">
        <v>558</v>
      </c>
      <c r="KJ9" s="61">
        <v>516</v>
      </c>
      <c r="KK9" s="61">
        <v>337</v>
      </c>
      <c r="KL9" s="62">
        <v>3328</v>
      </c>
      <c r="KM9" s="63">
        <v>4586</v>
      </c>
    </row>
    <row r="10" spans="2:299" ht="21" customHeight="1" x14ac:dyDescent="0.2">
      <c r="B10" s="472" t="s">
        <v>14</v>
      </c>
      <c r="C10" s="293">
        <v>186</v>
      </c>
      <c r="D10" s="72">
        <v>185</v>
      </c>
      <c r="E10" s="73">
        <v>371</v>
      </c>
      <c r="F10" s="228"/>
      <c r="G10" s="72">
        <v>234</v>
      </c>
      <c r="H10" s="72">
        <v>249</v>
      </c>
      <c r="I10" s="72">
        <v>160</v>
      </c>
      <c r="J10" s="72">
        <v>134</v>
      </c>
      <c r="K10" s="72">
        <v>83</v>
      </c>
      <c r="L10" s="74">
        <v>860</v>
      </c>
      <c r="M10" s="75">
        <v>1231</v>
      </c>
      <c r="N10" s="60">
        <v>2</v>
      </c>
      <c r="O10" s="61">
        <v>7</v>
      </c>
      <c r="P10" s="62">
        <v>9</v>
      </c>
      <c r="Q10" s="231"/>
      <c r="R10" s="61">
        <v>6</v>
      </c>
      <c r="S10" s="61">
        <v>12</v>
      </c>
      <c r="T10" s="61">
        <v>6</v>
      </c>
      <c r="U10" s="61">
        <v>3</v>
      </c>
      <c r="V10" s="61">
        <v>7</v>
      </c>
      <c r="W10" s="62">
        <v>34</v>
      </c>
      <c r="X10" s="63">
        <v>43</v>
      </c>
      <c r="Y10" s="60">
        <v>24</v>
      </c>
      <c r="Z10" s="61">
        <v>15</v>
      </c>
      <c r="AA10" s="62">
        <v>39</v>
      </c>
      <c r="AB10" s="231"/>
      <c r="AC10" s="61">
        <v>17</v>
      </c>
      <c r="AD10" s="61">
        <v>20</v>
      </c>
      <c r="AE10" s="61">
        <v>15</v>
      </c>
      <c r="AF10" s="61">
        <v>8</v>
      </c>
      <c r="AG10" s="61">
        <v>9</v>
      </c>
      <c r="AH10" s="62">
        <v>69</v>
      </c>
      <c r="AI10" s="63">
        <v>108</v>
      </c>
      <c r="AJ10" s="60">
        <v>20</v>
      </c>
      <c r="AK10" s="61">
        <v>31</v>
      </c>
      <c r="AL10" s="62">
        <v>51</v>
      </c>
      <c r="AM10" s="231"/>
      <c r="AN10" s="61">
        <v>26</v>
      </c>
      <c r="AO10" s="61">
        <v>34</v>
      </c>
      <c r="AP10" s="61">
        <v>13</v>
      </c>
      <c r="AQ10" s="61">
        <v>18</v>
      </c>
      <c r="AR10" s="61">
        <v>15</v>
      </c>
      <c r="AS10" s="62">
        <v>106</v>
      </c>
      <c r="AT10" s="63">
        <v>157</v>
      </c>
      <c r="AU10" s="60">
        <v>40</v>
      </c>
      <c r="AV10" s="61">
        <v>48</v>
      </c>
      <c r="AW10" s="62">
        <v>88</v>
      </c>
      <c r="AX10" s="231"/>
      <c r="AY10" s="61">
        <v>59</v>
      </c>
      <c r="AZ10" s="61">
        <v>45</v>
      </c>
      <c r="BA10" s="61">
        <v>27</v>
      </c>
      <c r="BB10" s="61">
        <v>27</v>
      </c>
      <c r="BC10" s="61">
        <v>14</v>
      </c>
      <c r="BD10" s="62">
        <v>172</v>
      </c>
      <c r="BE10" s="63">
        <v>260</v>
      </c>
      <c r="BF10" s="60">
        <v>61</v>
      </c>
      <c r="BG10" s="61">
        <v>43</v>
      </c>
      <c r="BH10" s="62">
        <v>104</v>
      </c>
      <c r="BI10" s="231"/>
      <c r="BJ10" s="61">
        <v>67</v>
      </c>
      <c r="BK10" s="61">
        <v>72</v>
      </c>
      <c r="BL10" s="61">
        <v>60</v>
      </c>
      <c r="BM10" s="61">
        <v>35</v>
      </c>
      <c r="BN10" s="61">
        <v>17</v>
      </c>
      <c r="BO10" s="62">
        <v>251</v>
      </c>
      <c r="BP10" s="63">
        <v>355</v>
      </c>
      <c r="BQ10" s="60">
        <v>39</v>
      </c>
      <c r="BR10" s="61">
        <v>41</v>
      </c>
      <c r="BS10" s="62">
        <v>80</v>
      </c>
      <c r="BT10" s="231"/>
      <c r="BU10" s="61">
        <v>59</v>
      </c>
      <c r="BV10" s="61">
        <v>66</v>
      </c>
      <c r="BW10" s="61">
        <v>39</v>
      </c>
      <c r="BX10" s="61">
        <v>43</v>
      </c>
      <c r="BY10" s="61">
        <v>21</v>
      </c>
      <c r="BZ10" s="62">
        <v>228</v>
      </c>
      <c r="CA10" s="63">
        <v>308</v>
      </c>
      <c r="CB10" s="60">
        <v>0</v>
      </c>
      <c r="CC10" s="61">
        <v>0</v>
      </c>
      <c r="CD10" s="62">
        <v>0</v>
      </c>
      <c r="CE10" s="231"/>
      <c r="CF10" s="61">
        <v>0</v>
      </c>
      <c r="CG10" s="61">
        <v>0</v>
      </c>
      <c r="CH10" s="61">
        <v>0</v>
      </c>
      <c r="CI10" s="61">
        <v>0</v>
      </c>
      <c r="CJ10" s="61">
        <v>0</v>
      </c>
      <c r="CK10" s="62">
        <v>0</v>
      </c>
      <c r="CL10" s="63">
        <v>0</v>
      </c>
      <c r="CM10" s="60">
        <v>186</v>
      </c>
      <c r="CN10" s="61">
        <v>185</v>
      </c>
      <c r="CO10" s="62">
        <v>371</v>
      </c>
      <c r="CP10" s="231"/>
      <c r="CQ10" s="61">
        <v>234</v>
      </c>
      <c r="CR10" s="61">
        <v>249</v>
      </c>
      <c r="CS10" s="61">
        <v>160</v>
      </c>
      <c r="CT10" s="61">
        <v>134</v>
      </c>
      <c r="CU10" s="61">
        <v>83</v>
      </c>
      <c r="CV10" s="62">
        <v>860</v>
      </c>
      <c r="CW10" s="63">
        <v>1231</v>
      </c>
      <c r="CX10" s="113">
        <v>56</v>
      </c>
      <c r="CY10" s="72">
        <v>77</v>
      </c>
      <c r="CZ10" s="73">
        <v>133</v>
      </c>
      <c r="DA10" s="228"/>
      <c r="DB10" s="72">
        <v>92</v>
      </c>
      <c r="DC10" s="72">
        <v>125</v>
      </c>
      <c r="DD10" s="72">
        <v>75</v>
      </c>
      <c r="DE10" s="72">
        <v>64</v>
      </c>
      <c r="DF10" s="72">
        <v>47</v>
      </c>
      <c r="DG10" s="74">
        <v>403</v>
      </c>
      <c r="DH10" s="75">
        <v>536</v>
      </c>
      <c r="DI10" s="60">
        <v>1</v>
      </c>
      <c r="DJ10" s="61">
        <v>2</v>
      </c>
      <c r="DK10" s="62">
        <v>3</v>
      </c>
      <c r="DL10" s="231"/>
      <c r="DM10" s="61">
        <v>1</v>
      </c>
      <c r="DN10" s="61">
        <v>4</v>
      </c>
      <c r="DO10" s="61">
        <v>1</v>
      </c>
      <c r="DP10" s="61">
        <v>0</v>
      </c>
      <c r="DQ10" s="61">
        <v>2</v>
      </c>
      <c r="DR10" s="62">
        <v>8</v>
      </c>
      <c r="DS10" s="63">
        <v>11</v>
      </c>
      <c r="DT10" s="60">
        <v>7</v>
      </c>
      <c r="DU10" s="61">
        <v>4</v>
      </c>
      <c r="DV10" s="62">
        <v>11</v>
      </c>
      <c r="DW10" s="231"/>
      <c r="DX10" s="61">
        <v>6</v>
      </c>
      <c r="DY10" s="61">
        <v>8</v>
      </c>
      <c r="DZ10" s="61">
        <v>4</v>
      </c>
      <c r="EA10" s="61">
        <v>0</v>
      </c>
      <c r="EB10" s="61">
        <v>0</v>
      </c>
      <c r="EC10" s="62">
        <v>18</v>
      </c>
      <c r="ED10" s="63">
        <v>29</v>
      </c>
      <c r="EE10" s="60">
        <v>11</v>
      </c>
      <c r="EF10" s="61">
        <v>12</v>
      </c>
      <c r="EG10" s="62">
        <v>23</v>
      </c>
      <c r="EH10" s="231"/>
      <c r="EI10" s="61">
        <v>7</v>
      </c>
      <c r="EJ10" s="61">
        <v>11</v>
      </c>
      <c r="EK10" s="61">
        <v>6</v>
      </c>
      <c r="EL10" s="61">
        <v>3</v>
      </c>
      <c r="EM10" s="61">
        <v>5</v>
      </c>
      <c r="EN10" s="62">
        <v>32</v>
      </c>
      <c r="EO10" s="63">
        <v>55</v>
      </c>
      <c r="EP10" s="60">
        <v>16</v>
      </c>
      <c r="EQ10" s="61">
        <v>17</v>
      </c>
      <c r="ER10" s="62">
        <v>33</v>
      </c>
      <c r="ES10" s="231"/>
      <c r="ET10" s="61">
        <v>18</v>
      </c>
      <c r="EU10" s="61">
        <v>26</v>
      </c>
      <c r="EV10" s="61">
        <v>13</v>
      </c>
      <c r="EW10" s="61">
        <v>10</v>
      </c>
      <c r="EX10" s="61">
        <v>10</v>
      </c>
      <c r="EY10" s="62">
        <v>77</v>
      </c>
      <c r="EZ10" s="63">
        <v>110</v>
      </c>
      <c r="FA10" s="60">
        <v>11</v>
      </c>
      <c r="FB10" s="61">
        <v>28</v>
      </c>
      <c r="FC10" s="62">
        <v>39</v>
      </c>
      <c r="FD10" s="231"/>
      <c r="FE10" s="61">
        <v>28</v>
      </c>
      <c r="FF10" s="61">
        <v>34</v>
      </c>
      <c r="FG10" s="61">
        <v>12</v>
      </c>
      <c r="FH10" s="61">
        <v>18</v>
      </c>
      <c r="FI10" s="61">
        <v>12</v>
      </c>
      <c r="FJ10" s="62">
        <v>104</v>
      </c>
      <c r="FK10" s="63">
        <v>143</v>
      </c>
      <c r="FL10" s="60">
        <v>10</v>
      </c>
      <c r="FM10" s="61">
        <v>14</v>
      </c>
      <c r="FN10" s="62">
        <v>24</v>
      </c>
      <c r="FO10" s="231"/>
      <c r="FP10" s="61">
        <v>32</v>
      </c>
      <c r="FQ10" s="61">
        <v>42</v>
      </c>
      <c r="FR10" s="61">
        <v>39</v>
      </c>
      <c r="FS10" s="61">
        <v>33</v>
      </c>
      <c r="FT10" s="61">
        <v>18</v>
      </c>
      <c r="FU10" s="62">
        <v>164</v>
      </c>
      <c r="FV10" s="63">
        <v>188</v>
      </c>
      <c r="FW10" s="60">
        <v>0</v>
      </c>
      <c r="FX10" s="61">
        <v>0</v>
      </c>
      <c r="FY10" s="62">
        <v>0</v>
      </c>
      <c r="FZ10" s="231">
        <v>0</v>
      </c>
      <c r="GA10" s="61">
        <v>0</v>
      </c>
      <c r="GB10" s="61">
        <v>0</v>
      </c>
      <c r="GC10" s="61">
        <v>0</v>
      </c>
      <c r="GD10" s="61">
        <v>0</v>
      </c>
      <c r="GE10" s="61">
        <v>0</v>
      </c>
      <c r="GF10" s="62">
        <v>0</v>
      </c>
      <c r="GG10" s="63">
        <v>0</v>
      </c>
      <c r="GH10" s="60">
        <v>56</v>
      </c>
      <c r="GI10" s="61">
        <v>77</v>
      </c>
      <c r="GJ10" s="62">
        <v>133</v>
      </c>
      <c r="GK10" s="231"/>
      <c r="GL10" s="61">
        <v>92</v>
      </c>
      <c r="GM10" s="61">
        <v>125</v>
      </c>
      <c r="GN10" s="61">
        <v>75</v>
      </c>
      <c r="GO10" s="61">
        <v>64</v>
      </c>
      <c r="GP10" s="61">
        <v>47</v>
      </c>
      <c r="GQ10" s="62">
        <v>403</v>
      </c>
      <c r="GR10" s="63">
        <v>536</v>
      </c>
      <c r="GS10" s="113">
        <v>242</v>
      </c>
      <c r="GT10" s="72">
        <v>262</v>
      </c>
      <c r="GU10" s="73">
        <v>504</v>
      </c>
      <c r="GV10" s="228"/>
      <c r="GW10" s="72">
        <v>326</v>
      </c>
      <c r="GX10" s="72">
        <v>374</v>
      </c>
      <c r="GY10" s="72">
        <v>235</v>
      </c>
      <c r="GZ10" s="72">
        <v>198</v>
      </c>
      <c r="HA10" s="72">
        <v>130</v>
      </c>
      <c r="HB10" s="74">
        <v>1263</v>
      </c>
      <c r="HC10" s="75">
        <v>1767</v>
      </c>
      <c r="HD10" s="60">
        <v>3</v>
      </c>
      <c r="HE10" s="61">
        <v>9</v>
      </c>
      <c r="HF10" s="62">
        <v>12</v>
      </c>
      <c r="HG10" s="231"/>
      <c r="HH10" s="61">
        <v>7</v>
      </c>
      <c r="HI10" s="61">
        <v>16</v>
      </c>
      <c r="HJ10" s="61">
        <v>7</v>
      </c>
      <c r="HK10" s="61">
        <v>3</v>
      </c>
      <c r="HL10" s="61">
        <v>9</v>
      </c>
      <c r="HM10" s="62">
        <v>42</v>
      </c>
      <c r="HN10" s="63">
        <v>54</v>
      </c>
      <c r="HO10" s="60">
        <v>31</v>
      </c>
      <c r="HP10" s="61">
        <v>19</v>
      </c>
      <c r="HQ10" s="62">
        <v>50</v>
      </c>
      <c r="HR10" s="231"/>
      <c r="HS10" s="61">
        <v>23</v>
      </c>
      <c r="HT10" s="61">
        <v>28</v>
      </c>
      <c r="HU10" s="61">
        <v>19</v>
      </c>
      <c r="HV10" s="61">
        <v>8</v>
      </c>
      <c r="HW10" s="61">
        <v>9</v>
      </c>
      <c r="HX10" s="62">
        <v>87</v>
      </c>
      <c r="HY10" s="63">
        <v>137</v>
      </c>
      <c r="HZ10" s="60">
        <v>31</v>
      </c>
      <c r="IA10" s="61">
        <v>43</v>
      </c>
      <c r="IB10" s="62">
        <v>74</v>
      </c>
      <c r="IC10" s="231"/>
      <c r="ID10" s="61">
        <v>33</v>
      </c>
      <c r="IE10" s="61">
        <v>45</v>
      </c>
      <c r="IF10" s="61">
        <v>19</v>
      </c>
      <c r="IG10" s="61">
        <v>21</v>
      </c>
      <c r="IH10" s="61">
        <v>20</v>
      </c>
      <c r="II10" s="62">
        <v>138</v>
      </c>
      <c r="IJ10" s="63">
        <v>212</v>
      </c>
      <c r="IK10" s="60">
        <v>56</v>
      </c>
      <c r="IL10" s="61">
        <v>65</v>
      </c>
      <c r="IM10" s="62">
        <v>121</v>
      </c>
      <c r="IN10" s="231"/>
      <c r="IO10" s="61">
        <v>77</v>
      </c>
      <c r="IP10" s="61">
        <v>71</v>
      </c>
      <c r="IQ10" s="61">
        <v>40</v>
      </c>
      <c r="IR10" s="61">
        <v>37</v>
      </c>
      <c r="IS10" s="61">
        <v>24</v>
      </c>
      <c r="IT10" s="62">
        <v>249</v>
      </c>
      <c r="IU10" s="63">
        <v>370</v>
      </c>
      <c r="IV10" s="60">
        <v>72</v>
      </c>
      <c r="IW10" s="61">
        <v>71</v>
      </c>
      <c r="IX10" s="62">
        <v>143</v>
      </c>
      <c r="IY10" s="231"/>
      <c r="IZ10" s="61">
        <v>95</v>
      </c>
      <c r="JA10" s="61">
        <v>106</v>
      </c>
      <c r="JB10" s="61">
        <v>72</v>
      </c>
      <c r="JC10" s="61">
        <v>53</v>
      </c>
      <c r="JD10" s="61">
        <v>29</v>
      </c>
      <c r="JE10" s="62">
        <v>355</v>
      </c>
      <c r="JF10" s="63">
        <v>498</v>
      </c>
      <c r="JG10" s="60">
        <v>49</v>
      </c>
      <c r="JH10" s="61">
        <v>55</v>
      </c>
      <c r="JI10" s="62">
        <v>104</v>
      </c>
      <c r="JJ10" s="231"/>
      <c r="JK10" s="61">
        <v>91</v>
      </c>
      <c r="JL10" s="61">
        <v>108</v>
      </c>
      <c r="JM10" s="61">
        <v>78</v>
      </c>
      <c r="JN10" s="61">
        <v>76</v>
      </c>
      <c r="JO10" s="61">
        <v>39</v>
      </c>
      <c r="JP10" s="62">
        <v>392</v>
      </c>
      <c r="JQ10" s="63">
        <v>496</v>
      </c>
      <c r="JR10" s="60">
        <v>0</v>
      </c>
      <c r="JS10" s="61">
        <v>0</v>
      </c>
      <c r="JT10" s="62">
        <v>0</v>
      </c>
      <c r="JU10" s="231"/>
      <c r="JV10" s="61">
        <v>0</v>
      </c>
      <c r="JW10" s="61">
        <v>0</v>
      </c>
      <c r="JX10" s="61">
        <v>0</v>
      </c>
      <c r="JY10" s="61">
        <v>0</v>
      </c>
      <c r="JZ10" s="61">
        <v>0</v>
      </c>
      <c r="KA10" s="62">
        <v>0</v>
      </c>
      <c r="KB10" s="63">
        <v>0</v>
      </c>
      <c r="KC10" s="60">
        <v>242</v>
      </c>
      <c r="KD10" s="61">
        <v>262</v>
      </c>
      <c r="KE10" s="62">
        <v>504</v>
      </c>
      <c r="KF10" s="231"/>
      <c r="KG10" s="61">
        <v>326</v>
      </c>
      <c r="KH10" s="61">
        <v>374</v>
      </c>
      <c r="KI10" s="61">
        <v>235</v>
      </c>
      <c r="KJ10" s="61">
        <v>198</v>
      </c>
      <c r="KK10" s="61">
        <v>130</v>
      </c>
      <c r="KL10" s="62">
        <v>1263</v>
      </c>
      <c r="KM10" s="63">
        <v>1767</v>
      </c>
    </row>
    <row r="11" spans="2:299" ht="21" customHeight="1" x14ac:dyDescent="0.2">
      <c r="B11" s="472" t="s">
        <v>7</v>
      </c>
      <c r="C11" s="293">
        <v>122</v>
      </c>
      <c r="D11" s="72">
        <v>79</v>
      </c>
      <c r="E11" s="73">
        <v>201</v>
      </c>
      <c r="F11" s="228"/>
      <c r="G11" s="72">
        <v>210</v>
      </c>
      <c r="H11" s="72">
        <v>128</v>
      </c>
      <c r="I11" s="72">
        <v>69</v>
      </c>
      <c r="J11" s="72">
        <v>65</v>
      </c>
      <c r="K11" s="72">
        <v>35</v>
      </c>
      <c r="L11" s="74">
        <v>507</v>
      </c>
      <c r="M11" s="75">
        <v>708</v>
      </c>
      <c r="N11" s="60">
        <v>5</v>
      </c>
      <c r="O11" s="61">
        <v>1</v>
      </c>
      <c r="P11" s="62">
        <v>6</v>
      </c>
      <c r="Q11" s="231"/>
      <c r="R11" s="61">
        <v>3</v>
      </c>
      <c r="S11" s="61">
        <v>4</v>
      </c>
      <c r="T11" s="61">
        <v>5</v>
      </c>
      <c r="U11" s="61">
        <v>5</v>
      </c>
      <c r="V11" s="61">
        <v>3</v>
      </c>
      <c r="W11" s="62">
        <v>20</v>
      </c>
      <c r="X11" s="63">
        <v>26</v>
      </c>
      <c r="Y11" s="60">
        <v>12</v>
      </c>
      <c r="Z11" s="61">
        <v>6</v>
      </c>
      <c r="AA11" s="62">
        <v>18</v>
      </c>
      <c r="AB11" s="231"/>
      <c r="AC11" s="61">
        <v>14</v>
      </c>
      <c r="AD11" s="61">
        <v>7</v>
      </c>
      <c r="AE11" s="61">
        <v>6</v>
      </c>
      <c r="AF11" s="61">
        <v>2</v>
      </c>
      <c r="AG11" s="61">
        <v>6</v>
      </c>
      <c r="AH11" s="62">
        <v>35</v>
      </c>
      <c r="AI11" s="63">
        <v>53</v>
      </c>
      <c r="AJ11" s="60">
        <v>12</v>
      </c>
      <c r="AK11" s="61">
        <v>13</v>
      </c>
      <c r="AL11" s="62">
        <v>25</v>
      </c>
      <c r="AM11" s="231"/>
      <c r="AN11" s="61">
        <v>21</v>
      </c>
      <c r="AO11" s="61">
        <v>12</v>
      </c>
      <c r="AP11" s="61">
        <v>10</v>
      </c>
      <c r="AQ11" s="61">
        <v>8</v>
      </c>
      <c r="AR11" s="61">
        <v>6</v>
      </c>
      <c r="AS11" s="62">
        <v>57</v>
      </c>
      <c r="AT11" s="63">
        <v>82</v>
      </c>
      <c r="AU11" s="60">
        <v>20</v>
      </c>
      <c r="AV11" s="61">
        <v>20</v>
      </c>
      <c r="AW11" s="62">
        <v>40</v>
      </c>
      <c r="AX11" s="231"/>
      <c r="AY11" s="61">
        <v>51</v>
      </c>
      <c r="AZ11" s="61">
        <v>24</v>
      </c>
      <c r="BA11" s="61">
        <v>12</v>
      </c>
      <c r="BB11" s="61">
        <v>10</v>
      </c>
      <c r="BC11" s="61">
        <v>6</v>
      </c>
      <c r="BD11" s="62">
        <v>103</v>
      </c>
      <c r="BE11" s="63">
        <v>143</v>
      </c>
      <c r="BF11" s="60">
        <v>42</v>
      </c>
      <c r="BG11" s="61">
        <v>22</v>
      </c>
      <c r="BH11" s="62">
        <v>64</v>
      </c>
      <c r="BI11" s="231"/>
      <c r="BJ11" s="61">
        <v>60</v>
      </c>
      <c r="BK11" s="61">
        <v>40</v>
      </c>
      <c r="BL11" s="61">
        <v>12</v>
      </c>
      <c r="BM11" s="61">
        <v>18</v>
      </c>
      <c r="BN11" s="61">
        <v>7</v>
      </c>
      <c r="BO11" s="62">
        <v>137</v>
      </c>
      <c r="BP11" s="63">
        <v>201</v>
      </c>
      <c r="BQ11" s="60">
        <v>31</v>
      </c>
      <c r="BR11" s="61">
        <v>17</v>
      </c>
      <c r="BS11" s="62">
        <v>48</v>
      </c>
      <c r="BT11" s="231"/>
      <c r="BU11" s="61">
        <v>61</v>
      </c>
      <c r="BV11" s="61">
        <v>41</v>
      </c>
      <c r="BW11" s="61">
        <v>24</v>
      </c>
      <c r="BX11" s="61">
        <v>22</v>
      </c>
      <c r="BY11" s="61">
        <v>7</v>
      </c>
      <c r="BZ11" s="62">
        <v>155</v>
      </c>
      <c r="CA11" s="63">
        <v>203</v>
      </c>
      <c r="CB11" s="60">
        <v>0</v>
      </c>
      <c r="CC11" s="61">
        <v>0</v>
      </c>
      <c r="CD11" s="62">
        <v>0</v>
      </c>
      <c r="CE11" s="231"/>
      <c r="CF11" s="61">
        <v>0</v>
      </c>
      <c r="CG11" s="61">
        <v>0</v>
      </c>
      <c r="CH11" s="61">
        <v>0</v>
      </c>
      <c r="CI11" s="61">
        <v>0</v>
      </c>
      <c r="CJ11" s="61">
        <v>0</v>
      </c>
      <c r="CK11" s="62">
        <v>0</v>
      </c>
      <c r="CL11" s="63">
        <v>0</v>
      </c>
      <c r="CM11" s="60">
        <v>122</v>
      </c>
      <c r="CN11" s="61">
        <v>79</v>
      </c>
      <c r="CO11" s="62">
        <v>201</v>
      </c>
      <c r="CP11" s="231"/>
      <c r="CQ11" s="61">
        <v>210</v>
      </c>
      <c r="CR11" s="61">
        <v>128</v>
      </c>
      <c r="CS11" s="61">
        <v>69</v>
      </c>
      <c r="CT11" s="61">
        <v>65</v>
      </c>
      <c r="CU11" s="61">
        <v>35</v>
      </c>
      <c r="CV11" s="62">
        <v>507</v>
      </c>
      <c r="CW11" s="63">
        <v>708</v>
      </c>
      <c r="CX11" s="113">
        <v>42</v>
      </c>
      <c r="CY11" s="72">
        <v>37</v>
      </c>
      <c r="CZ11" s="73">
        <v>79</v>
      </c>
      <c r="DA11" s="228"/>
      <c r="DB11" s="72">
        <v>67</v>
      </c>
      <c r="DC11" s="72">
        <v>38</v>
      </c>
      <c r="DD11" s="72">
        <v>31</v>
      </c>
      <c r="DE11" s="72">
        <v>32</v>
      </c>
      <c r="DF11" s="72">
        <v>15</v>
      </c>
      <c r="DG11" s="74">
        <v>183</v>
      </c>
      <c r="DH11" s="75">
        <v>262</v>
      </c>
      <c r="DI11" s="60">
        <v>0</v>
      </c>
      <c r="DJ11" s="61">
        <v>0</v>
      </c>
      <c r="DK11" s="62">
        <v>0</v>
      </c>
      <c r="DL11" s="231"/>
      <c r="DM11" s="61">
        <v>2</v>
      </c>
      <c r="DN11" s="61">
        <v>1</v>
      </c>
      <c r="DO11" s="61">
        <v>2</v>
      </c>
      <c r="DP11" s="61">
        <v>0</v>
      </c>
      <c r="DQ11" s="61">
        <v>0</v>
      </c>
      <c r="DR11" s="62">
        <v>5</v>
      </c>
      <c r="DS11" s="63">
        <v>5</v>
      </c>
      <c r="DT11" s="60">
        <v>1</v>
      </c>
      <c r="DU11" s="61">
        <v>2</v>
      </c>
      <c r="DV11" s="62">
        <v>3</v>
      </c>
      <c r="DW11" s="231"/>
      <c r="DX11" s="61">
        <v>4</v>
      </c>
      <c r="DY11" s="61">
        <v>2</v>
      </c>
      <c r="DZ11" s="61">
        <v>3</v>
      </c>
      <c r="EA11" s="61">
        <v>1</v>
      </c>
      <c r="EB11" s="61">
        <v>2</v>
      </c>
      <c r="EC11" s="62">
        <v>12</v>
      </c>
      <c r="ED11" s="63">
        <v>15</v>
      </c>
      <c r="EE11" s="60">
        <v>5</v>
      </c>
      <c r="EF11" s="61">
        <v>5</v>
      </c>
      <c r="EG11" s="62">
        <v>10</v>
      </c>
      <c r="EH11" s="231"/>
      <c r="EI11" s="61">
        <v>12</v>
      </c>
      <c r="EJ11" s="61">
        <v>5</v>
      </c>
      <c r="EK11" s="61">
        <v>3</v>
      </c>
      <c r="EL11" s="61">
        <v>2</v>
      </c>
      <c r="EM11" s="61">
        <v>2</v>
      </c>
      <c r="EN11" s="62">
        <v>24</v>
      </c>
      <c r="EO11" s="63">
        <v>34</v>
      </c>
      <c r="EP11" s="60">
        <v>17</v>
      </c>
      <c r="EQ11" s="61">
        <v>9</v>
      </c>
      <c r="ER11" s="62">
        <v>26</v>
      </c>
      <c r="ES11" s="231"/>
      <c r="ET11" s="61">
        <v>13</v>
      </c>
      <c r="EU11" s="61">
        <v>9</v>
      </c>
      <c r="EV11" s="61">
        <v>2</v>
      </c>
      <c r="EW11" s="61">
        <v>3</v>
      </c>
      <c r="EX11" s="61">
        <v>3</v>
      </c>
      <c r="EY11" s="62">
        <v>30</v>
      </c>
      <c r="EZ11" s="63">
        <v>56</v>
      </c>
      <c r="FA11" s="60">
        <v>10</v>
      </c>
      <c r="FB11" s="61">
        <v>11</v>
      </c>
      <c r="FC11" s="62">
        <v>21</v>
      </c>
      <c r="FD11" s="231"/>
      <c r="FE11" s="61">
        <v>26</v>
      </c>
      <c r="FF11" s="61">
        <v>5</v>
      </c>
      <c r="FG11" s="61">
        <v>9</v>
      </c>
      <c r="FH11" s="61">
        <v>11</v>
      </c>
      <c r="FI11" s="61">
        <v>6</v>
      </c>
      <c r="FJ11" s="62">
        <v>57</v>
      </c>
      <c r="FK11" s="63">
        <v>78</v>
      </c>
      <c r="FL11" s="60">
        <v>9</v>
      </c>
      <c r="FM11" s="61">
        <v>10</v>
      </c>
      <c r="FN11" s="62">
        <v>19</v>
      </c>
      <c r="FO11" s="231"/>
      <c r="FP11" s="61">
        <v>10</v>
      </c>
      <c r="FQ11" s="61">
        <v>16</v>
      </c>
      <c r="FR11" s="61">
        <v>12</v>
      </c>
      <c r="FS11" s="61">
        <v>15</v>
      </c>
      <c r="FT11" s="61">
        <v>2</v>
      </c>
      <c r="FU11" s="62">
        <v>55</v>
      </c>
      <c r="FV11" s="63">
        <v>74</v>
      </c>
      <c r="FW11" s="60">
        <v>0</v>
      </c>
      <c r="FX11" s="61">
        <v>0</v>
      </c>
      <c r="FY11" s="62">
        <v>0</v>
      </c>
      <c r="FZ11" s="231">
        <v>0</v>
      </c>
      <c r="GA11" s="61">
        <v>0</v>
      </c>
      <c r="GB11" s="61">
        <v>0</v>
      </c>
      <c r="GC11" s="61">
        <v>0</v>
      </c>
      <c r="GD11" s="61">
        <v>0</v>
      </c>
      <c r="GE11" s="61">
        <v>0</v>
      </c>
      <c r="GF11" s="62">
        <v>0</v>
      </c>
      <c r="GG11" s="63">
        <v>0</v>
      </c>
      <c r="GH11" s="60">
        <v>42</v>
      </c>
      <c r="GI11" s="61">
        <v>37</v>
      </c>
      <c r="GJ11" s="62">
        <v>79</v>
      </c>
      <c r="GK11" s="231"/>
      <c r="GL11" s="61">
        <v>67</v>
      </c>
      <c r="GM11" s="61">
        <v>38</v>
      </c>
      <c r="GN11" s="61">
        <v>31</v>
      </c>
      <c r="GO11" s="61">
        <v>32</v>
      </c>
      <c r="GP11" s="61">
        <v>15</v>
      </c>
      <c r="GQ11" s="62">
        <v>183</v>
      </c>
      <c r="GR11" s="63">
        <v>262</v>
      </c>
      <c r="GS11" s="113">
        <v>164</v>
      </c>
      <c r="GT11" s="72">
        <v>116</v>
      </c>
      <c r="GU11" s="73">
        <v>280</v>
      </c>
      <c r="GV11" s="228"/>
      <c r="GW11" s="72">
        <v>277</v>
      </c>
      <c r="GX11" s="72">
        <v>166</v>
      </c>
      <c r="GY11" s="72">
        <v>100</v>
      </c>
      <c r="GZ11" s="72">
        <v>97</v>
      </c>
      <c r="HA11" s="72">
        <v>50</v>
      </c>
      <c r="HB11" s="74">
        <v>690</v>
      </c>
      <c r="HC11" s="75">
        <v>970</v>
      </c>
      <c r="HD11" s="60">
        <v>5</v>
      </c>
      <c r="HE11" s="61">
        <v>1</v>
      </c>
      <c r="HF11" s="62">
        <v>6</v>
      </c>
      <c r="HG11" s="231"/>
      <c r="HH11" s="61">
        <v>5</v>
      </c>
      <c r="HI11" s="61">
        <v>5</v>
      </c>
      <c r="HJ11" s="61">
        <v>7</v>
      </c>
      <c r="HK11" s="61">
        <v>5</v>
      </c>
      <c r="HL11" s="61">
        <v>3</v>
      </c>
      <c r="HM11" s="62">
        <v>25</v>
      </c>
      <c r="HN11" s="63">
        <v>31</v>
      </c>
      <c r="HO11" s="60">
        <v>13</v>
      </c>
      <c r="HP11" s="61">
        <v>8</v>
      </c>
      <c r="HQ11" s="62">
        <v>21</v>
      </c>
      <c r="HR11" s="231"/>
      <c r="HS11" s="61">
        <v>18</v>
      </c>
      <c r="HT11" s="61">
        <v>9</v>
      </c>
      <c r="HU11" s="61">
        <v>9</v>
      </c>
      <c r="HV11" s="61">
        <v>3</v>
      </c>
      <c r="HW11" s="61">
        <v>8</v>
      </c>
      <c r="HX11" s="62">
        <v>47</v>
      </c>
      <c r="HY11" s="63">
        <v>68</v>
      </c>
      <c r="HZ11" s="60">
        <v>17</v>
      </c>
      <c r="IA11" s="61">
        <v>18</v>
      </c>
      <c r="IB11" s="62">
        <v>35</v>
      </c>
      <c r="IC11" s="231"/>
      <c r="ID11" s="61">
        <v>33</v>
      </c>
      <c r="IE11" s="61">
        <v>17</v>
      </c>
      <c r="IF11" s="61">
        <v>13</v>
      </c>
      <c r="IG11" s="61">
        <v>10</v>
      </c>
      <c r="IH11" s="61">
        <v>8</v>
      </c>
      <c r="II11" s="62">
        <v>81</v>
      </c>
      <c r="IJ11" s="63">
        <v>116</v>
      </c>
      <c r="IK11" s="60">
        <v>37</v>
      </c>
      <c r="IL11" s="61">
        <v>29</v>
      </c>
      <c r="IM11" s="62">
        <v>66</v>
      </c>
      <c r="IN11" s="231"/>
      <c r="IO11" s="61">
        <v>64</v>
      </c>
      <c r="IP11" s="61">
        <v>33</v>
      </c>
      <c r="IQ11" s="61">
        <v>14</v>
      </c>
      <c r="IR11" s="61">
        <v>13</v>
      </c>
      <c r="IS11" s="61">
        <v>9</v>
      </c>
      <c r="IT11" s="62">
        <v>133</v>
      </c>
      <c r="IU11" s="63">
        <v>199</v>
      </c>
      <c r="IV11" s="60">
        <v>52</v>
      </c>
      <c r="IW11" s="61">
        <v>33</v>
      </c>
      <c r="IX11" s="62">
        <v>85</v>
      </c>
      <c r="IY11" s="231"/>
      <c r="IZ11" s="61">
        <v>86</v>
      </c>
      <c r="JA11" s="61">
        <v>45</v>
      </c>
      <c r="JB11" s="61">
        <v>21</v>
      </c>
      <c r="JC11" s="61">
        <v>29</v>
      </c>
      <c r="JD11" s="61">
        <v>13</v>
      </c>
      <c r="JE11" s="62">
        <v>194</v>
      </c>
      <c r="JF11" s="63">
        <v>279</v>
      </c>
      <c r="JG11" s="60">
        <v>40</v>
      </c>
      <c r="JH11" s="61">
        <v>27</v>
      </c>
      <c r="JI11" s="62">
        <v>67</v>
      </c>
      <c r="JJ11" s="231"/>
      <c r="JK11" s="61">
        <v>71</v>
      </c>
      <c r="JL11" s="61">
        <v>57</v>
      </c>
      <c r="JM11" s="61">
        <v>36</v>
      </c>
      <c r="JN11" s="61">
        <v>37</v>
      </c>
      <c r="JO11" s="61">
        <v>9</v>
      </c>
      <c r="JP11" s="62">
        <v>210</v>
      </c>
      <c r="JQ11" s="63">
        <v>277</v>
      </c>
      <c r="JR11" s="60">
        <v>0</v>
      </c>
      <c r="JS11" s="61">
        <v>0</v>
      </c>
      <c r="JT11" s="62">
        <v>0</v>
      </c>
      <c r="JU11" s="231"/>
      <c r="JV11" s="61">
        <v>0</v>
      </c>
      <c r="JW11" s="61">
        <v>0</v>
      </c>
      <c r="JX11" s="61">
        <v>0</v>
      </c>
      <c r="JY11" s="61">
        <v>0</v>
      </c>
      <c r="JZ11" s="61">
        <v>0</v>
      </c>
      <c r="KA11" s="62">
        <v>0</v>
      </c>
      <c r="KB11" s="63">
        <v>0</v>
      </c>
      <c r="KC11" s="60">
        <v>164</v>
      </c>
      <c r="KD11" s="61">
        <v>116</v>
      </c>
      <c r="KE11" s="62">
        <v>280</v>
      </c>
      <c r="KF11" s="231"/>
      <c r="KG11" s="61">
        <v>277</v>
      </c>
      <c r="KH11" s="61">
        <v>166</v>
      </c>
      <c r="KI11" s="61">
        <v>100</v>
      </c>
      <c r="KJ11" s="61">
        <v>97</v>
      </c>
      <c r="KK11" s="61">
        <v>50</v>
      </c>
      <c r="KL11" s="62">
        <v>690</v>
      </c>
      <c r="KM11" s="63">
        <v>970</v>
      </c>
    </row>
    <row r="12" spans="2:299" ht="21" customHeight="1" x14ac:dyDescent="0.2">
      <c r="B12" s="472" t="s">
        <v>8</v>
      </c>
      <c r="C12" s="293">
        <v>44</v>
      </c>
      <c r="D12" s="72">
        <v>29</v>
      </c>
      <c r="E12" s="73">
        <v>73</v>
      </c>
      <c r="F12" s="228"/>
      <c r="G12" s="72">
        <v>117</v>
      </c>
      <c r="H12" s="72">
        <v>78</v>
      </c>
      <c r="I12" s="72">
        <v>47</v>
      </c>
      <c r="J12" s="72">
        <v>49</v>
      </c>
      <c r="K12" s="72">
        <v>18</v>
      </c>
      <c r="L12" s="74">
        <v>309</v>
      </c>
      <c r="M12" s="75">
        <v>382</v>
      </c>
      <c r="N12" s="60">
        <v>2</v>
      </c>
      <c r="O12" s="61">
        <v>4</v>
      </c>
      <c r="P12" s="62">
        <v>6</v>
      </c>
      <c r="Q12" s="231"/>
      <c r="R12" s="61">
        <v>3</v>
      </c>
      <c r="S12" s="61">
        <v>3</v>
      </c>
      <c r="T12" s="61">
        <v>1</v>
      </c>
      <c r="U12" s="61">
        <v>0</v>
      </c>
      <c r="V12" s="61">
        <v>2</v>
      </c>
      <c r="W12" s="62">
        <v>9</v>
      </c>
      <c r="X12" s="63">
        <v>15</v>
      </c>
      <c r="Y12" s="60">
        <v>4</v>
      </c>
      <c r="Z12" s="61">
        <v>3</v>
      </c>
      <c r="AA12" s="62">
        <v>7</v>
      </c>
      <c r="AB12" s="231"/>
      <c r="AC12" s="61">
        <v>9</v>
      </c>
      <c r="AD12" s="61">
        <v>9</v>
      </c>
      <c r="AE12" s="61">
        <v>4</v>
      </c>
      <c r="AF12" s="61">
        <v>3</v>
      </c>
      <c r="AG12" s="61">
        <v>3</v>
      </c>
      <c r="AH12" s="62">
        <v>28</v>
      </c>
      <c r="AI12" s="63">
        <v>35</v>
      </c>
      <c r="AJ12" s="60">
        <v>6</v>
      </c>
      <c r="AK12" s="61">
        <v>4</v>
      </c>
      <c r="AL12" s="62">
        <v>10</v>
      </c>
      <c r="AM12" s="231"/>
      <c r="AN12" s="61">
        <v>16</v>
      </c>
      <c r="AO12" s="61">
        <v>8</v>
      </c>
      <c r="AP12" s="61">
        <v>4</v>
      </c>
      <c r="AQ12" s="61">
        <v>6</v>
      </c>
      <c r="AR12" s="61">
        <v>1</v>
      </c>
      <c r="AS12" s="62">
        <v>35</v>
      </c>
      <c r="AT12" s="63">
        <v>45</v>
      </c>
      <c r="AU12" s="60">
        <v>9</v>
      </c>
      <c r="AV12" s="61">
        <v>5</v>
      </c>
      <c r="AW12" s="62">
        <v>14</v>
      </c>
      <c r="AX12" s="231"/>
      <c r="AY12" s="61">
        <v>26</v>
      </c>
      <c r="AZ12" s="61">
        <v>13</v>
      </c>
      <c r="BA12" s="61">
        <v>7</v>
      </c>
      <c r="BB12" s="61">
        <v>8</v>
      </c>
      <c r="BC12" s="61">
        <v>4</v>
      </c>
      <c r="BD12" s="62">
        <v>58</v>
      </c>
      <c r="BE12" s="63">
        <v>72</v>
      </c>
      <c r="BF12" s="60">
        <v>14</v>
      </c>
      <c r="BG12" s="61">
        <v>6</v>
      </c>
      <c r="BH12" s="62">
        <v>20</v>
      </c>
      <c r="BI12" s="231"/>
      <c r="BJ12" s="61">
        <v>35</v>
      </c>
      <c r="BK12" s="61">
        <v>22</v>
      </c>
      <c r="BL12" s="61">
        <v>14</v>
      </c>
      <c r="BM12" s="61">
        <v>11</v>
      </c>
      <c r="BN12" s="61">
        <v>3</v>
      </c>
      <c r="BO12" s="62">
        <v>85</v>
      </c>
      <c r="BP12" s="63">
        <v>105</v>
      </c>
      <c r="BQ12" s="60">
        <v>9</v>
      </c>
      <c r="BR12" s="61">
        <v>7</v>
      </c>
      <c r="BS12" s="62">
        <v>16</v>
      </c>
      <c r="BT12" s="231"/>
      <c r="BU12" s="61">
        <v>28</v>
      </c>
      <c r="BV12" s="61">
        <v>23</v>
      </c>
      <c r="BW12" s="61">
        <v>17</v>
      </c>
      <c r="BX12" s="61">
        <v>21</v>
      </c>
      <c r="BY12" s="61">
        <v>5</v>
      </c>
      <c r="BZ12" s="62">
        <v>94</v>
      </c>
      <c r="CA12" s="63">
        <v>110</v>
      </c>
      <c r="CB12" s="60">
        <v>0</v>
      </c>
      <c r="CC12" s="61">
        <v>0</v>
      </c>
      <c r="CD12" s="62">
        <v>0</v>
      </c>
      <c r="CE12" s="231"/>
      <c r="CF12" s="61">
        <v>0</v>
      </c>
      <c r="CG12" s="61">
        <v>0</v>
      </c>
      <c r="CH12" s="61">
        <v>0</v>
      </c>
      <c r="CI12" s="61">
        <v>0</v>
      </c>
      <c r="CJ12" s="61">
        <v>0</v>
      </c>
      <c r="CK12" s="62">
        <v>0</v>
      </c>
      <c r="CL12" s="63">
        <v>0</v>
      </c>
      <c r="CM12" s="60">
        <v>44</v>
      </c>
      <c r="CN12" s="61">
        <v>29</v>
      </c>
      <c r="CO12" s="62">
        <v>73</v>
      </c>
      <c r="CP12" s="231"/>
      <c r="CQ12" s="61">
        <v>117</v>
      </c>
      <c r="CR12" s="61">
        <v>78</v>
      </c>
      <c r="CS12" s="61">
        <v>47</v>
      </c>
      <c r="CT12" s="61">
        <v>49</v>
      </c>
      <c r="CU12" s="61">
        <v>18</v>
      </c>
      <c r="CV12" s="62">
        <v>309</v>
      </c>
      <c r="CW12" s="63">
        <v>382</v>
      </c>
      <c r="CX12" s="113">
        <v>27</v>
      </c>
      <c r="CY12" s="72">
        <v>24</v>
      </c>
      <c r="CZ12" s="73">
        <v>51</v>
      </c>
      <c r="DA12" s="228"/>
      <c r="DB12" s="72">
        <v>53</v>
      </c>
      <c r="DC12" s="72">
        <v>37</v>
      </c>
      <c r="DD12" s="72">
        <v>21</v>
      </c>
      <c r="DE12" s="72">
        <v>22</v>
      </c>
      <c r="DF12" s="72">
        <v>17</v>
      </c>
      <c r="DG12" s="74">
        <v>150</v>
      </c>
      <c r="DH12" s="75">
        <v>201</v>
      </c>
      <c r="DI12" s="60">
        <v>4</v>
      </c>
      <c r="DJ12" s="61">
        <v>0</v>
      </c>
      <c r="DK12" s="62">
        <v>4</v>
      </c>
      <c r="DL12" s="231"/>
      <c r="DM12" s="61">
        <v>0</v>
      </c>
      <c r="DN12" s="61">
        <v>0</v>
      </c>
      <c r="DO12" s="61">
        <v>0</v>
      </c>
      <c r="DP12" s="61">
        <v>1</v>
      </c>
      <c r="DQ12" s="61">
        <v>1</v>
      </c>
      <c r="DR12" s="62">
        <v>2</v>
      </c>
      <c r="DS12" s="63">
        <v>6</v>
      </c>
      <c r="DT12" s="60">
        <v>2</v>
      </c>
      <c r="DU12" s="61">
        <v>2</v>
      </c>
      <c r="DV12" s="62">
        <v>4</v>
      </c>
      <c r="DW12" s="231"/>
      <c r="DX12" s="61">
        <v>2</v>
      </c>
      <c r="DY12" s="61">
        <v>3</v>
      </c>
      <c r="DZ12" s="61">
        <v>1</v>
      </c>
      <c r="EA12" s="61">
        <v>1</v>
      </c>
      <c r="EB12" s="61">
        <v>1</v>
      </c>
      <c r="EC12" s="62">
        <v>8</v>
      </c>
      <c r="ED12" s="63">
        <v>12</v>
      </c>
      <c r="EE12" s="60">
        <v>5</v>
      </c>
      <c r="EF12" s="61">
        <v>2</v>
      </c>
      <c r="EG12" s="62">
        <v>7</v>
      </c>
      <c r="EH12" s="231"/>
      <c r="EI12" s="61">
        <v>6</v>
      </c>
      <c r="EJ12" s="61">
        <v>2</v>
      </c>
      <c r="EK12" s="61">
        <v>2</v>
      </c>
      <c r="EL12" s="61">
        <v>2</v>
      </c>
      <c r="EM12" s="61">
        <v>2</v>
      </c>
      <c r="EN12" s="62">
        <v>14</v>
      </c>
      <c r="EO12" s="63">
        <v>21</v>
      </c>
      <c r="EP12" s="60">
        <v>7</v>
      </c>
      <c r="EQ12" s="61">
        <v>6</v>
      </c>
      <c r="ER12" s="62">
        <v>13</v>
      </c>
      <c r="ES12" s="231"/>
      <c r="ET12" s="61">
        <v>12</v>
      </c>
      <c r="EU12" s="61">
        <v>5</v>
      </c>
      <c r="EV12" s="61">
        <v>2</v>
      </c>
      <c r="EW12" s="61">
        <v>5</v>
      </c>
      <c r="EX12" s="61">
        <v>2</v>
      </c>
      <c r="EY12" s="62">
        <v>26</v>
      </c>
      <c r="EZ12" s="63">
        <v>39</v>
      </c>
      <c r="FA12" s="60">
        <v>5</v>
      </c>
      <c r="FB12" s="61">
        <v>4</v>
      </c>
      <c r="FC12" s="62">
        <v>9</v>
      </c>
      <c r="FD12" s="231"/>
      <c r="FE12" s="61">
        <v>13</v>
      </c>
      <c r="FF12" s="61">
        <v>11</v>
      </c>
      <c r="FG12" s="61">
        <v>6</v>
      </c>
      <c r="FH12" s="61">
        <v>2</v>
      </c>
      <c r="FI12" s="61">
        <v>5</v>
      </c>
      <c r="FJ12" s="62">
        <v>37</v>
      </c>
      <c r="FK12" s="63">
        <v>46</v>
      </c>
      <c r="FL12" s="60">
        <v>4</v>
      </c>
      <c r="FM12" s="61">
        <v>10</v>
      </c>
      <c r="FN12" s="62">
        <v>14</v>
      </c>
      <c r="FO12" s="231"/>
      <c r="FP12" s="61">
        <v>20</v>
      </c>
      <c r="FQ12" s="61">
        <v>16</v>
      </c>
      <c r="FR12" s="61">
        <v>10</v>
      </c>
      <c r="FS12" s="61">
        <v>11</v>
      </c>
      <c r="FT12" s="61">
        <v>6</v>
      </c>
      <c r="FU12" s="62">
        <v>63</v>
      </c>
      <c r="FV12" s="63">
        <v>77</v>
      </c>
      <c r="FW12" s="60">
        <v>0</v>
      </c>
      <c r="FX12" s="61">
        <v>0</v>
      </c>
      <c r="FY12" s="62">
        <v>0</v>
      </c>
      <c r="FZ12" s="231">
        <v>0</v>
      </c>
      <c r="GA12" s="61">
        <v>0</v>
      </c>
      <c r="GB12" s="61">
        <v>0</v>
      </c>
      <c r="GC12" s="61">
        <v>0</v>
      </c>
      <c r="GD12" s="61">
        <v>0</v>
      </c>
      <c r="GE12" s="61">
        <v>0</v>
      </c>
      <c r="GF12" s="62">
        <v>0</v>
      </c>
      <c r="GG12" s="63">
        <v>0</v>
      </c>
      <c r="GH12" s="60">
        <v>27</v>
      </c>
      <c r="GI12" s="61">
        <v>24</v>
      </c>
      <c r="GJ12" s="62">
        <v>51</v>
      </c>
      <c r="GK12" s="231"/>
      <c r="GL12" s="61">
        <v>53</v>
      </c>
      <c r="GM12" s="61">
        <v>37</v>
      </c>
      <c r="GN12" s="61">
        <v>21</v>
      </c>
      <c r="GO12" s="61">
        <v>22</v>
      </c>
      <c r="GP12" s="61">
        <v>17</v>
      </c>
      <c r="GQ12" s="62">
        <v>150</v>
      </c>
      <c r="GR12" s="63">
        <v>201</v>
      </c>
      <c r="GS12" s="113">
        <v>71</v>
      </c>
      <c r="GT12" s="72">
        <v>53</v>
      </c>
      <c r="GU12" s="73">
        <v>124</v>
      </c>
      <c r="GV12" s="228"/>
      <c r="GW12" s="72">
        <v>170</v>
      </c>
      <c r="GX12" s="72">
        <v>115</v>
      </c>
      <c r="GY12" s="72">
        <v>68</v>
      </c>
      <c r="GZ12" s="72">
        <v>71</v>
      </c>
      <c r="HA12" s="72">
        <v>35</v>
      </c>
      <c r="HB12" s="74">
        <v>459</v>
      </c>
      <c r="HC12" s="75">
        <v>583</v>
      </c>
      <c r="HD12" s="60">
        <v>6</v>
      </c>
      <c r="HE12" s="61">
        <v>4</v>
      </c>
      <c r="HF12" s="62">
        <v>10</v>
      </c>
      <c r="HG12" s="231"/>
      <c r="HH12" s="61">
        <v>3</v>
      </c>
      <c r="HI12" s="61">
        <v>3</v>
      </c>
      <c r="HJ12" s="61">
        <v>1</v>
      </c>
      <c r="HK12" s="61">
        <v>1</v>
      </c>
      <c r="HL12" s="61">
        <v>3</v>
      </c>
      <c r="HM12" s="62">
        <v>11</v>
      </c>
      <c r="HN12" s="63">
        <v>21</v>
      </c>
      <c r="HO12" s="60">
        <v>6</v>
      </c>
      <c r="HP12" s="61">
        <v>5</v>
      </c>
      <c r="HQ12" s="62">
        <v>11</v>
      </c>
      <c r="HR12" s="231"/>
      <c r="HS12" s="61">
        <v>11</v>
      </c>
      <c r="HT12" s="61">
        <v>12</v>
      </c>
      <c r="HU12" s="61">
        <v>5</v>
      </c>
      <c r="HV12" s="61">
        <v>4</v>
      </c>
      <c r="HW12" s="61">
        <v>4</v>
      </c>
      <c r="HX12" s="62">
        <v>36</v>
      </c>
      <c r="HY12" s="63">
        <v>47</v>
      </c>
      <c r="HZ12" s="60">
        <v>11</v>
      </c>
      <c r="IA12" s="61">
        <v>6</v>
      </c>
      <c r="IB12" s="62">
        <v>17</v>
      </c>
      <c r="IC12" s="231"/>
      <c r="ID12" s="61">
        <v>22</v>
      </c>
      <c r="IE12" s="61">
        <v>10</v>
      </c>
      <c r="IF12" s="61">
        <v>6</v>
      </c>
      <c r="IG12" s="61">
        <v>8</v>
      </c>
      <c r="IH12" s="61">
        <v>3</v>
      </c>
      <c r="II12" s="62">
        <v>49</v>
      </c>
      <c r="IJ12" s="63">
        <v>66</v>
      </c>
      <c r="IK12" s="60">
        <v>16</v>
      </c>
      <c r="IL12" s="61">
        <v>11</v>
      </c>
      <c r="IM12" s="62">
        <v>27</v>
      </c>
      <c r="IN12" s="231"/>
      <c r="IO12" s="61">
        <v>38</v>
      </c>
      <c r="IP12" s="61">
        <v>18</v>
      </c>
      <c r="IQ12" s="61">
        <v>9</v>
      </c>
      <c r="IR12" s="61">
        <v>13</v>
      </c>
      <c r="IS12" s="61">
        <v>6</v>
      </c>
      <c r="IT12" s="62">
        <v>84</v>
      </c>
      <c r="IU12" s="63">
        <v>111</v>
      </c>
      <c r="IV12" s="60">
        <v>19</v>
      </c>
      <c r="IW12" s="61">
        <v>10</v>
      </c>
      <c r="IX12" s="62">
        <v>29</v>
      </c>
      <c r="IY12" s="231"/>
      <c r="IZ12" s="61">
        <v>48</v>
      </c>
      <c r="JA12" s="61">
        <v>33</v>
      </c>
      <c r="JB12" s="61">
        <v>20</v>
      </c>
      <c r="JC12" s="61">
        <v>13</v>
      </c>
      <c r="JD12" s="61">
        <v>8</v>
      </c>
      <c r="JE12" s="62">
        <v>122</v>
      </c>
      <c r="JF12" s="63">
        <v>151</v>
      </c>
      <c r="JG12" s="60">
        <v>13</v>
      </c>
      <c r="JH12" s="61">
        <v>17</v>
      </c>
      <c r="JI12" s="62">
        <v>30</v>
      </c>
      <c r="JJ12" s="231"/>
      <c r="JK12" s="61">
        <v>48</v>
      </c>
      <c r="JL12" s="61">
        <v>39</v>
      </c>
      <c r="JM12" s="61">
        <v>27</v>
      </c>
      <c r="JN12" s="61">
        <v>32</v>
      </c>
      <c r="JO12" s="61">
        <v>11</v>
      </c>
      <c r="JP12" s="62">
        <v>157</v>
      </c>
      <c r="JQ12" s="63">
        <v>187</v>
      </c>
      <c r="JR12" s="60">
        <v>0</v>
      </c>
      <c r="JS12" s="61">
        <v>0</v>
      </c>
      <c r="JT12" s="62">
        <v>0</v>
      </c>
      <c r="JU12" s="231"/>
      <c r="JV12" s="61">
        <v>0</v>
      </c>
      <c r="JW12" s="61">
        <v>0</v>
      </c>
      <c r="JX12" s="61">
        <v>0</v>
      </c>
      <c r="JY12" s="61">
        <v>0</v>
      </c>
      <c r="JZ12" s="61">
        <v>0</v>
      </c>
      <c r="KA12" s="62">
        <v>0</v>
      </c>
      <c r="KB12" s="63">
        <v>0</v>
      </c>
      <c r="KC12" s="60">
        <v>71</v>
      </c>
      <c r="KD12" s="61">
        <v>53</v>
      </c>
      <c r="KE12" s="62">
        <v>124</v>
      </c>
      <c r="KF12" s="231"/>
      <c r="KG12" s="61">
        <v>170</v>
      </c>
      <c r="KH12" s="61">
        <v>115</v>
      </c>
      <c r="KI12" s="61">
        <v>68</v>
      </c>
      <c r="KJ12" s="61">
        <v>71</v>
      </c>
      <c r="KK12" s="61">
        <v>35</v>
      </c>
      <c r="KL12" s="62">
        <v>459</v>
      </c>
      <c r="KM12" s="63">
        <v>583</v>
      </c>
    </row>
    <row r="13" spans="2:299" ht="21" customHeight="1" x14ac:dyDescent="0.2">
      <c r="B13" s="472" t="s">
        <v>9</v>
      </c>
      <c r="C13" s="293">
        <v>186</v>
      </c>
      <c r="D13" s="72">
        <v>109</v>
      </c>
      <c r="E13" s="73">
        <v>295</v>
      </c>
      <c r="F13" s="228"/>
      <c r="G13" s="72">
        <v>219</v>
      </c>
      <c r="H13" s="72">
        <v>138</v>
      </c>
      <c r="I13" s="72">
        <v>96</v>
      </c>
      <c r="J13" s="72">
        <v>81</v>
      </c>
      <c r="K13" s="72">
        <v>56</v>
      </c>
      <c r="L13" s="74">
        <v>590</v>
      </c>
      <c r="M13" s="75">
        <v>885</v>
      </c>
      <c r="N13" s="60">
        <v>4</v>
      </c>
      <c r="O13" s="61">
        <v>1</v>
      </c>
      <c r="P13" s="62">
        <v>5</v>
      </c>
      <c r="Q13" s="231"/>
      <c r="R13" s="61">
        <v>3</v>
      </c>
      <c r="S13" s="61">
        <v>2</v>
      </c>
      <c r="T13" s="61">
        <v>2</v>
      </c>
      <c r="U13" s="61">
        <v>2</v>
      </c>
      <c r="V13" s="61">
        <v>5</v>
      </c>
      <c r="W13" s="62">
        <v>14</v>
      </c>
      <c r="X13" s="63">
        <v>19</v>
      </c>
      <c r="Y13" s="60">
        <v>4</v>
      </c>
      <c r="Z13" s="61">
        <v>9</v>
      </c>
      <c r="AA13" s="62">
        <v>13</v>
      </c>
      <c r="AB13" s="231"/>
      <c r="AC13" s="61">
        <v>5</v>
      </c>
      <c r="AD13" s="61">
        <v>6</v>
      </c>
      <c r="AE13" s="61">
        <v>1</v>
      </c>
      <c r="AF13" s="61">
        <v>2</v>
      </c>
      <c r="AG13" s="61">
        <v>3</v>
      </c>
      <c r="AH13" s="62">
        <v>17</v>
      </c>
      <c r="AI13" s="63">
        <v>30</v>
      </c>
      <c r="AJ13" s="60">
        <v>22</v>
      </c>
      <c r="AK13" s="61">
        <v>11</v>
      </c>
      <c r="AL13" s="62">
        <v>33</v>
      </c>
      <c r="AM13" s="231"/>
      <c r="AN13" s="61">
        <v>18</v>
      </c>
      <c r="AO13" s="61">
        <v>16</v>
      </c>
      <c r="AP13" s="61">
        <v>8</v>
      </c>
      <c r="AQ13" s="61">
        <v>6</v>
      </c>
      <c r="AR13" s="61">
        <v>7</v>
      </c>
      <c r="AS13" s="62">
        <v>55</v>
      </c>
      <c r="AT13" s="63">
        <v>88</v>
      </c>
      <c r="AU13" s="60">
        <v>41</v>
      </c>
      <c r="AV13" s="61">
        <v>16</v>
      </c>
      <c r="AW13" s="62">
        <v>57</v>
      </c>
      <c r="AX13" s="231"/>
      <c r="AY13" s="61">
        <v>55</v>
      </c>
      <c r="AZ13" s="61">
        <v>18</v>
      </c>
      <c r="BA13" s="61">
        <v>19</v>
      </c>
      <c r="BB13" s="61">
        <v>12</v>
      </c>
      <c r="BC13" s="61">
        <v>10</v>
      </c>
      <c r="BD13" s="62">
        <v>114</v>
      </c>
      <c r="BE13" s="63">
        <v>171</v>
      </c>
      <c r="BF13" s="60">
        <v>61</v>
      </c>
      <c r="BG13" s="61">
        <v>44</v>
      </c>
      <c r="BH13" s="62">
        <v>105</v>
      </c>
      <c r="BI13" s="231"/>
      <c r="BJ13" s="61">
        <v>66</v>
      </c>
      <c r="BK13" s="61">
        <v>52</v>
      </c>
      <c r="BL13" s="61">
        <v>27</v>
      </c>
      <c r="BM13" s="61">
        <v>27</v>
      </c>
      <c r="BN13" s="61">
        <v>13</v>
      </c>
      <c r="BO13" s="62">
        <v>185</v>
      </c>
      <c r="BP13" s="63">
        <v>290</v>
      </c>
      <c r="BQ13" s="60">
        <v>54</v>
      </c>
      <c r="BR13" s="61">
        <v>28</v>
      </c>
      <c r="BS13" s="62">
        <v>82</v>
      </c>
      <c r="BT13" s="231"/>
      <c r="BU13" s="61">
        <v>72</v>
      </c>
      <c r="BV13" s="61">
        <v>44</v>
      </c>
      <c r="BW13" s="61">
        <v>39</v>
      </c>
      <c r="BX13" s="61">
        <v>32</v>
      </c>
      <c r="BY13" s="61">
        <v>18</v>
      </c>
      <c r="BZ13" s="62">
        <v>205</v>
      </c>
      <c r="CA13" s="63">
        <v>287</v>
      </c>
      <c r="CB13" s="60">
        <v>0</v>
      </c>
      <c r="CC13" s="61">
        <v>0</v>
      </c>
      <c r="CD13" s="62">
        <v>0</v>
      </c>
      <c r="CE13" s="231"/>
      <c r="CF13" s="61">
        <v>0</v>
      </c>
      <c r="CG13" s="61">
        <v>0</v>
      </c>
      <c r="CH13" s="61">
        <v>0</v>
      </c>
      <c r="CI13" s="61">
        <v>0</v>
      </c>
      <c r="CJ13" s="61">
        <v>0</v>
      </c>
      <c r="CK13" s="62">
        <v>0</v>
      </c>
      <c r="CL13" s="63">
        <v>0</v>
      </c>
      <c r="CM13" s="60">
        <v>186</v>
      </c>
      <c r="CN13" s="61">
        <v>109</v>
      </c>
      <c r="CO13" s="62">
        <v>295</v>
      </c>
      <c r="CP13" s="231"/>
      <c r="CQ13" s="61">
        <v>219</v>
      </c>
      <c r="CR13" s="61">
        <v>138</v>
      </c>
      <c r="CS13" s="61">
        <v>96</v>
      </c>
      <c r="CT13" s="61">
        <v>81</v>
      </c>
      <c r="CU13" s="61">
        <v>56</v>
      </c>
      <c r="CV13" s="62">
        <v>590</v>
      </c>
      <c r="CW13" s="63">
        <v>885</v>
      </c>
      <c r="CX13" s="113">
        <v>76</v>
      </c>
      <c r="CY13" s="72">
        <v>45</v>
      </c>
      <c r="CZ13" s="73">
        <v>121</v>
      </c>
      <c r="DA13" s="228"/>
      <c r="DB13" s="72">
        <v>72</v>
      </c>
      <c r="DC13" s="72">
        <v>49</v>
      </c>
      <c r="DD13" s="72">
        <v>36</v>
      </c>
      <c r="DE13" s="72">
        <v>43</v>
      </c>
      <c r="DF13" s="72">
        <v>25</v>
      </c>
      <c r="DG13" s="74">
        <v>225</v>
      </c>
      <c r="DH13" s="75">
        <v>346</v>
      </c>
      <c r="DI13" s="60">
        <v>2</v>
      </c>
      <c r="DJ13" s="61">
        <v>0</v>
      </c>
      <c r="DK13" s="62">
        <v>2</v>
      </c>
      <c r="DL13" s="231"/>
      <c r="DM13" s="61">
        <v>0</v>
      </c>
      <c r="DN13" s="61">
        <v>1</v>
      </c>
      <c r="DO13" s="61">
        <v>1</v>
      </c>
      <c r="DP13" s="61">
        <v>1</v>
      </c>
      <c r="DQ13" s="61">
        <v>0</v>
      </c>
      <c r="DR13" s="62">
        <v>3</v>
      </c>
      <c r="DS13" s="63">
        <v>5</v>
      </c>
      <c r="DT13" s="60">
        <v>8</v>
      </c>
      <c r="DU13" s="61">
        <v>5</v>
      </c>
      <c r="DV13" s="62">
        <v>13</v>
      </c>
      <c r="DW13" s="231"/>
      <c r="DX13" s="61">
        <v>5</v>
      </c>
      <c r="DY13" s="61">
        <v>1</v>
      </c>
      <c r="DZ13" s="61">
        <v>0</v>
      </c>
      <c r="EA13" s="61">
        <v>1</v>
      </c>
      <c r="EB13" s="61">
        <v>0</v>
      </c>
      <c r="EC13" s="62">
        <v>7</v>
      </c>
      <c r="ED13" s="63">
        <v>20</v>
      </c>
      <c r="EE13" s="60">
        <v>8</v>
      </c>
      <c r="EF13" s="61">
        <v>7</v>
      </c>
      <c r="EG13" s="62">
        <v>15</v>
      </c>
      <c r="EH13" s="231"/>
      <c r="EI13" s="61">
        <v>8</v>
      </c>
      <c r="EJ13" s="61">
        <v>3</v>
      </c>
      <c r="EK13" s="61">
        <v>4</v>
      </c>
      <c r="EL13" s="61">
        <v>4</v>
      </c>
      <c r="EM13" s="61">
        <v>2</v>
      </c>
      <c r="EN13" s="62">
        <v>21</v>
      </c>
      <c r="EO13" s="63">
        <v>36</v>
      </c>
      <c r="EP13" s="60">
        <v>20</v>
      </c>
      <c r="EQ13" s="61">
        <v>9</v>
      </c>
      <c r="ER13" s="62">
        <v>29</v>
      </c>
      <c r="ES13" s="231"/>
      <c r="ET13" s="61">
        <v>12</v>
      </c>
      <c r="EU13" s="61">
        <v>8</v>
      </c>
      <c r="EV13" s="61">
        <v>8</v>
      </c>
      <c r="EW13" s="61">
        <v>4</v>
      </c>
      <c r="EX13" s="61">
        <v>2</v>
      </c>
      <c r="EY13" s="62">
        <v>34</v>
      </c>
      <c r="EZ13" s="63">
        <v>63</v>
      </c>
      <c r="FA13" s="60">
        <v>27</v>
      </c>
      <c r="FB13" s="61">
        <v>13</v>
      </c>
      <c r="FC13" s="62">
        <v>40</v>
      </c>
      <c r="FD13" s="231"/>
      <c r="FE13" s="61">
        <v>20</v>
      </c>
      <c r="FF13" s="61">
        <v>14</v>
      </c>
      <c r="FG13" s="61">
        <v>8</v>
      </c>
      <c r="FH13" s="61">
        <v>7</v>
      </c>
      <c r="FI13" s="61">
        <v>8</v>
      </c>
      <c r="FJ13" s="62">
        <v>57</v>
      </c>
      <c r="FK13" s="63">
        <v>97</v>
      </c>
      <c r="FL13" s="60">
        <v>11</v>
      </c>
      <c r="FM13" s="61">
        <v>11</v>
      </c>
      <c r="FN13" s="62">
        <v>22</v>
      </c>
      <c r="FO13" s="231"/>
      <c r="FP13" s="61">
        <v>27</v>
      </c>
      <c r="FQ13" s="61">
        <v>22</v>
      </c>
      <c r="FR13" s="61">
        <v>15</v>
      </c>
      <c r="FS13" s="61">
        <v>26</v>
      </c>
      <c r="FT13" s="61">
        <v>13</v>
      </c>
      <c r="FU13" s="62">
        <v>103</v>
      </c>
      <c r="FV13" s="63">
        <v>125</v>
      </c>
      <c r="FW13" s="60">
        <v>0</v>
      </c>
      <c r="FX13" s="61">
        <v>0</v>
      </c>
      <c r="FY13" s="62">
        <v>0</v>
      </c>
      <c r="FZ13" s="231">
        <v>0</v>
      </c>
      <c r="GA13" s="61">
        <v>0</v>
      </c>
      <c r="GB13" s="61">
        <v>0</v>
      </c>
      <c r="GC13" s="61">
        <v>0</v>
      </c>
      <c r="GD13" s="61">
        <v>0</v>
      </c>
      <c r="GE13" s="61">
        <v>0</v>
      </c>
      <c r="GF13" s="62">
        <v>0</v>
      </c>
      <c r="GG13" s="63">
        <v>0</v>
      </c>
      <c r="GH13" s="60">
        <v>76</v>
      </c>
      <c r="GI13" s="61">
        <v>45</v>
      </c>
      <c r="GJ13" s="62">
        <v>121</v>
      </c>
      <c r="GK13" s="231"/>
      <c r="GL13" s="61">
        <v>72</v>
      </c>
      <c r="GM13" s="61">
        <v>49</v>
      </c>
      <c r="GN13" s="61">
        <v>36</v>
      </c>
      <c r="GO13" s="61">
        <v>43</v>
      </c>
      <c r="GP13" s="61">
        <v>25</v>
      </c>
      <c r="GQ13" s="62">
        <v>225</v>
      </c>
      <c r="GR13" s="63">
        <v>346</v>
      </c>
      <c r="GS13" s="113">
        <v>262</v>
      </c>
      <c r="GT13" s="72">
        <v>154</v>
      </c>
      <c r="GU13" s="73">
        <v>416</v>
      </c>
      <c r="GV13" s="228"/>
      <c r="GW13" s="72">
        <v>291</v>
      </c>
      <c r="GX13" s="72">
        <v>187</v>
      </c>
      <c r="GY13" s="72">
        <v>132</v>
      </c>
      <c r="GZ13" s="72">
        <v>124</v>
      </c>
      <c r="HA13" s="72">
        <v>81</v>
      </c>
      <c r="HB13" s="74">
        <v>815</v>
      </c>
      <c r="HC13" s="75">
        <v>1231</v>
      </c>
      <c r="HD13" s="60">
        <v>6</v>
      </c>
      <c r="HE13" s="61">
        <v>1</v>
      </c>
      <c r="HF13" s="62">
        <v>7</v>
      </c>
      <c r="HG13" s="231"/>
      <c r="HH13" s="61">
        <v>3</v>
      </c>
      <c r="HI13" s="61">
        <v>3</v>
      </c>
      <c r="HJ13" s="61">
        <v>3</v>
      </c>
      <c r="HK13" s="61">
        <v>3</v>
      </c>
      <c r="HL13" s="61">
        <v>5</v>
      </c>
      <c r="HM13" s="62">
        <v>17</v>
      </c>
      <c r="HN13" s="63">
        <v>24</v>
      </c>
      <c r="HO13" s="60">
        <v>12</v>
      </c>
      <c r="HP13" s="61">
        <v>14</v>
      </c>
      <c r="HQ13" s="62">
        <v>26</v>
      </c>
      <c r="HR13" s="231"/>
      <c r="HS13" s="61">
        <v>10</v>
      </c>
      <c r="HT13" s="61">
        <v>7</v>
      </c>
      <c r="HU13" s="61">
        <v>1</v>
      </c>
      <c r="HV13" s="61">
        <v>3</v>
      </c>
      <c r="HW13" s="61">
        <v>3</v>
      </c>
      <c r="HX13" s="62">
        <v>24</v>
      </c>
      <c r="HY13" s="63">
        <v>50</v>
      </c>
      <c r="HZ13" s="60">
        <v>30</v>
      </c>
      <c r="IA13" s="61">
        <v>18</v>
      </c>
      <c r="IB13" s="62">
        <v>48</v>
      </c>
      <c r="IC13" s="231"/>
      <c r="ID13" s="61">
        <v>26</v>
      </c>
      <c r="IE13" s="61">
        <v>19</v>
      </c>
      <c r="IF13" s="61">
        <v>12</v>
      </c>
      <c r="IG13" s="61">
        <v>10</v>
      </c>
      <c r="IH13" s="61">
        <v>9</v>
      </c>
      <c r="II13" s="62">
        <v>76</v>
      </c>
      <c r="IJ13" s="63">
        <v>124</v>
      </c>
      <c r="IK13" s="60">
        <v>61</v>
      </c>
      <c r="IL13" s="61">
        <v>25</v>
      </c>
      <c r="IM13" s="62">
        <v>86</v>
      </c>
      <c r="IN13" s="231"/>
      <c r="IO13" s="61">
        <v>67</v>
      </c>
      <c r="IP13" s="61">
        <v>26</v>
      </c>
      <c r="IQ13" s="61">
        <v>27</v>
      </c>
      <c r="IR13" s="61">
        <v>16</v>
      </c>
      <c r="IS13" s="61">
        <v>12</v>
      </c>
      <c r="IT13" s="62">
        <v>148</v>
      </c>
      <c r="IU13" s="63">
        <v>234</v>
      </c>
      <c r="IV13" s="60">
        <v>88</v>
      </c>
      <c r="IW13" s="61">
        <v>57</v>
      </c>
      <c r="IX13" s="62">
        <v>145</v>
      </c>
      <c r="IY13" s="231"/>
      <c r="IZ13" s="61">
        <v>86</v>
      </c>
      <c r="JA13" s="61">
        <v>66</v>
      </c>
      <c r="JB13" s="61">
        <v>35</v>
      </c>
      <c r="JC13" s="61">
        <v>34</v>
      </c>
      <c r="JD13" s="61">
        <v>21</v>
      </c>
      <c r="JE13" s="62">
        <v>242</v>
      </c>
      <c r="JF13" s="63">
        <v>387</v>
      </c>
      <c r="JG13" s="60">
        <v>65</v>
      </c>
      <c r="JH13" s="61">
        <v>39</v>
      </c>
      <c r="JI13" s="62">
        <v>104</v>
      </c>
      <c r="JJ13" s="231"/>
      <c r="JK13" s="61">
        <v>99</v>
      </c>
      <c r="JL13" s="61">
        <v>66</v>
      </c>
      <c r="JM13" s="61">
        <v>54</v>
      </c>
      <c r="JN13" s="61">
        <v>58</v>
      </c>
      <c r="JO13" s="61">
        <v>31</v>
      </c>
      <c r="JP13" s="62">
        <v>308</v>
      </c>
      <c r="JQ13" s="63">
        <v>412</v>
      </c>
      <c r="JR13" s="60">
        <v>0</v>
      </c>
      <c r="JS13" s="61">
        <v>0</v>
      </c>
      <c r="JT13" s="62">
        <v>0</v>
      </c>
      <c r="JU13" s="231"/>
      <c r="JV13" s="61">
        <v>0</v>
      </c>
      <c r="JW13" s="61">
        <v>0</v>
      </c>
      <c r="JX13" s="61">
        <v>0</v>
      </c>
      <c r="JY13" s="61">
        <v>0</v>
      </c>
      <c r="JZ13" s="61">
        <v>0</v>
      </c>
      <c r="KA13" s="62">
        <v>0</v>
      </c>
      <c r="KB13" s="63">
        <v>0</v>
      </c>
      <c r="KC13" s="60">
        <v>262</v>
      </c>
      <c r="KD13" s="61">
        <v>154</v>
      </c>
      <c r="KE13" s="62">
        <v>416</v>
      </c>
      <c r="KF13" s="231"/>
      <c r="KG13" s="61">
        <v>291</v>
      </c>
      <c r="KH13" s="61">
        <v>187</v>
      </c>
      <c r="KI13" s="61">
        <v>132</v>
      </c>
      <c r="KJ13" s="61">
        <v>124</v>
      </c>
      <c r="KK13" s="61">
        <v>81</v>
      </c>
      <c r="KL13" s="62">
        <v>815</v>
      </c>
      <c r="KM13" s="63">
        <v>1231</v>
      </c>
    </row>
    <row r="14" spans="2:299" ht="21" customHeight="1" x14ac:dyDescent="0.2">
      <c r="B14" s="472" t="s">
        <v>10</v>
      </c>
      <c r="C14" s="293">
        <v>264</v>
      </c>
      <c r="D14" s="72">
        <v>183</v>
      </c>
      <c r="E14" s="73">
        <v>447</v>
      </c>
      <c r="F14" s="228"/>
      <c r="G14" s="72">
        <v>261</v>
      </c>
      <c r="H14" s="72">
        <v>153</v>
      </c>
      <c r="I14" s="72">
        <v>88</v>
      </c>
      <c r="J14" s="72">
        <v>79</v>
      </c>
      <c r="K14" s="72">
        <v>77</v>
      </c>
      <c r="L14" s="74">
        <v>658</v>
      </c>
      <c r="M14" s="75">
        <v>1105</v>
      </c>
      <c r="N14" s="60">
        <v>4</v>
      </c>
      <c r="O14" s="61">
        <v>7</v>
      </c>
      <c r="P14" s="62">
        <v>11</v>
      </c>
      <c r="Q14" s="231"/>
      <c r="R14" s="61">
        <v>7</v>
      </c>
      <c r="S14" s="61">
        <v>7</v>
      </c>
      <c r="T14" s="61">
        <v>0</v>
      </c>
      <c r="U14" s="61">
        <v>6</v>
      </c>
      <c r="V14" s="61">
        <v>1</v>
      </c>
      <c r="W14" s="62">
        <v>21</v>
      </c>
      <c r="X14" s="63">
        <v>32</v>
      </c>
      <c r="Y14" s="60">
        <v>25</v>
      </c>
      <c r="Z14" s="61">
        <v>14</v>
      </c>
      <c r="AA14" s="62">
        <v>39</v>
      </c>
      <c r="AB14" s="231"/>
      <c r="AC14" s="61">
        <v>23</v>
      </c>
      <c r="AD14" s="61">
        <v>16</v>
      </c>
      <c r="AE14" s="61">
        <v>9</v>
      </c>
      <c r="AF14" s="61">
        <v>5</v>
      </c>
      <c r="AG14" s="61">
        <v>10</v>
      </c>
      <c r="AH14" s="62">
        <v>63</v>
      </c>
      <c r="AI14" s="63">
        <v>102</v>
      </c>
      <c r="AJ14" s="60">
        <v>22</v>
      </c>
      <c r="AK14" s="61">
        <v>30</v>
      </c>
      <c r="AL14" s="62">
        <v>52</v>
      </c>
      <c r="AM14" s="231"/>
      <c r="AN14" s="61">
        <v>34</v>
      </c>
      <c r="AO14" s="61">
        <v>17</v>
      </c>
      <c r="AP14" s="61">
        <v>8</v>
      </c>
      <c r="AQ14" s="61">
        <v>7</v>
      </c>
      <c r="AR14" s="61">
        <v>13</v>
      </c>
      <c r="AS14" s="62">
        <v>79</v>
      </c>
      <c r="AT14" s="63">
        <v>131</v>
      </c>
      <c r="AU14" s="60">
        <v>59</v>
      </c>
      <c r="AV14" s="61">
        <v>43</v>
      </c>
      <c r="AW14" s="62">
        <v>102</v>
      </c>
      <c r="AX14" s="231"/>
      <c r="AY14" s="61">
        <v>60</v>
      </c>
      <c r="AZ14" s="61">
        <v>27</v>
      </c>
      <c r="BA14" s="61">
        <v>12</v>
      </c>
      <c r="BB14" s="61">
        <v>12</v>
      </c>
      <c r="BC14" s="61">
        <v>19</v>
      </c>
      <c r="BD14" s="62">
        <v>130</v>
      </c>
      <c r="BE14" s="63">
        <v>232</v>
      </c>
      <c r="BF14" s="60">
        <v>81</v>
      </c>
      <c r="BG14" s="61">
        <v>46</v>
      </c>
      <c r="BH14" s="62">
        <v>127</v>
      </c>
      <c r="BI14" s="231"/>
      <c r="BJ14" s="61">
        <v>69</v>
      </c>
      <c r="BK14" s="61">
        <v>42</v>
      </c>
      <c r="BL14" s="61">
        <v>24</v>
      </c>
      <c r="BM14" s="61">
        <v>18</v>
      </c>
      <c r="BN14" s="61">
        <v>18</v>
      </c>
      <c r="BO14" s="62">
        <v>171</v>
      </c>
      <c r="BP14" s="63">
        <v>298</v>
      </c>
      <c r="BQ14" s="60">
        <v>73</v>
      </c>
      <c r="BR14" s="61">
        <v>43</v>
      </c>
      <c r="BS14" s="62">
        <v>116</v>
      </c>
      <c r="BT14" s="231"/>
      <c r="BU14" s="61">
        <v>68</v>
      </c>
      <c r="BV14" s="61">
        <v>44</v>
      </c>
      <c r="BW14" s="61">
        <v>35</v>
      </c>
      <c r="BX14" s="61">
        <v>31</v>
      </c>
      <c r="BY14" s="61">
        <v>16</v>
      </c>
      <c r="BZ14" s="62">
        <v>194</v>
      </c>
      <c r="CA14" s="63">
        <v>310</v>
      </c>
      <c r="CB14" s="60">
        <v>0</v>
      </c>
      <c r="CC14" s="61">
        <v>0</v>
      </c>
      <c r="CD14" s="62">
        <v>0</v>
      </c>
      <c r="CE14" s="231"/>
      <c r="CF14" s="61">
        <v>0</v>
      </c>
      <c r="CG14" s="61">
        <v>0</v>
      </c>
      <c r="CH14" s="61">
        <v>0</v>
      </c>
      <c r="CI14" s="61">
        <v>0</v>
      </c>
      <c r="CJ14" s="61">
        <v>0</v>
      </c>
      <c r="CK14" s="62">
        <v>0</v>
      </c>
      <c r="CL14" s="63">
        <v>0</v>
      </c>
      <c r="CM14" s="60">
        <v>264</v>
      </c>
      <c r="CN14" s="61">
        <v>183</v>
      </c>
      <c r="CO14" s="62">
        <v>447</v>
      </c>
      <c r="CP14" s="231"/>
      <c r="CQ14" s="61">
        <v>261</v>
      </c>
      <c r="CR14" s="61">
        <v>153</v>
      </c>
      <c r="CS14" s="61">
        <v>88</v>
      </c>
      <c r="CT14" s="61">
        <v>79</v>
      </c>
      <c r="CU14" s="61">
        <v>77</v>
      </c>
      <c r="CV14" s="62">
        <v>658</v>
      </c>
      <c r="CW14" s="63">
        <v>1105</v>
      </c>
      <c r="CX14" s="113">
        <v>100</v>
      </c>
      <c r="CY14" s="72">
        <v>73</v>
      </c>
      <c r="CZ14" s="73">
        <v>173</v>
      </c>
      <c r="DA14" s="228"/>
      <c r="DB14" s="72">
        <v>111</v>
      </c>
      <c r="DC14" s="72">
        <v>51</v>
      </c>
      <c r="DD14" s="72">
        <v>51</v>
      </c>
      <c r="DE14" s="72">
        <v>43</v>
      </c>
      <c r="DF14" s="72">
        <v>42</v>
      </c>
      <c r="DG14" s="74">
        <v>298</v>
      </c>
      <c r="DH14" s="75">
        <v>471</v>
      </c>
      <c r="DI14" s="60">
        <v>2</v>
      </c>
      <c r="DJ14" s="61">
        <v>5</v>
      </c>
      <c r="DK14" s="62">
        <v>7</v>
      </c>
      <c r="DL14" s="231"/>
      <c r="DM14" s="61">
        <v>1</v>
      </c>
      <c r="DN14" s="61">
        <v>0</v>
      </c>
      <c r="DO14" s="61">
        <v>0</v>
      </c>
      <c r="DP14" s="61">
        <v>0</v>
      </c>
      <c r="DQ14" s="61">
        <v>0</v>
      </c>
      <c r="DR14" s="62">
        <v>1</v>
      </c>
      <c r="DS14" s="63">
        <v>8</v>
      </c>
      <c r="DT14" s="60">
        <v>6</v>
      </c>
      <c r="DU14" s="61">
        <v>3</v>
      </c>
      <c r="DV14" s="62">
        <v>9</v>
      </c>
      <c r="DW14" s="231"/>
      <c r="DX14" s="61">
        <v>5</v>
      </c>
      <c r="DY14" s="61">
        <v>0</v>
      </c>
      <c r="DZ14" s="61">
        <v>1</v>
      </c>
      <c r="EA14" s="61">
        <v>1</v>
      </c>
      <c r="EB14" s="61">
        <v>3</v>
      </c>
      <c r="EC14" s="62">
        <v>10</v>
      </c>
      <c r="ED14" s="63">
        <v>19</v>
      </c>
      <c r="EE14" s="60">
        <v>18</v>
      </c>
      <c r="EF14" s="61">
        <v>10</v>
      </c>
      <c r="EG14" s="62">
        <v>28</v>
      </c>
      <c r="EH14" s="231"/>
      <c r="EI14" s="61">
        <v>5</v>
      </c>
      <c r="EJ14" s="61">
        <v>7</v>
      </c>
      <c r="EK14" s="61">
        <v>6</v>
      </c>
      <c r="EL14" s="61">
        <v>0</v>
      </c>
      <c r="EM14" s="61">
        <v>1</v>
      </c>
      <c r="EN14" s="62">
        <v>19</v>
      </c>
      <c r="EO14" s="63">
        <v>47</v>
      </c>
      <c r="EP14" s="60">
        <v>25</v>
      </c>
      <c r="EQ14" s="61">
        <v>16</v>
      </c>
      <c r="ER14" s="62">
        <v>41</v>
      </c>
      <c r="ES14" s="231"/>
      <c r="ET14" s="61">
        <v>21</v>
      </c>
      <c r="EU14" s="61">
        <v>9</v>
      </c>
      <c r="EV14" s="61">
        <v>3</v>
      </c>
      <c r="EW14" s="61">
        <v>3</v>
      </c>
      <c r="EX14" s="61">
        <v>5</v>
      </c>
      <c r="EY14" s="62">
        <v>41</v>
      </c>
      <c r="EZ14" s="63">
        <v>82</v>
      </c>
      <c r="FA14" s="60">
        <v>26</v>
      </c>
      <c r="FB14" s="61">
        <v>26</v>
      </c>
      <c r="FC14" s="62">
        <v>52</v>
      </c>
      <c r="FD14" s="231"/>
      <c r="FE14" s="61">
        <v>32</v>
      </c>
      <c r="FF14" s="61">
        <v>18</v>
      </c>
      <c r="FG14" s="61">
        <v>15</v>
      </c>
      <c r="FH14" s="61">
        <v>14</v>
      </c>
      <c r="FI14" s="61">
        <v>8</v>
      </c>
      <c r="FJ14" s="62">
        <v>87</v>
      </c>
      <c r="FK14" s="63">
        <v>139</v>
      </c>
      <c r="FL14" s="60">
        <v>23</v>
      </c>
      <c r="FM14" s="61">
        <v>13</v>
      </c>
      <c r="FN14" s="62">
        <v>36</v>
      </c>
      <c r="FO14" s="231"/>
      <c r="FP14" s="61">
        <v>47</v>
      </c>
      <c r="FQ14" s="61">
        <v>17</v>
      </c>
      <c r="FR14" s="61">
        <v>26</v>
      </c>
      <c r="FS14" s="61">
        <v>25</v>
      </c>
      <c r="FT14" s="61">
        <v>25</v>
      </c>
      <c r="FU14" s="62">
        <v>140</v>
      </c>
      <c r="FV14" s="63">
        <v>176</v>
      </c>
      <c r="FW14" s="60">
        <v>0</v>
      </c>
      <c r="FX14" s="61">
        <v>0</v>
      </c>
      <c r="FY14" s="62">
        <v>0</v>
      </c>
      <c r="FZ14" s="231">
        <v>0</v>
      </c>
      <c r="GA14" s="61">
        <v>0</v>
      </c>
      <c r="GB14" s="61">
        <v>0</v>
      </c>
      <c r="GC14" s="61">
        <v>0</v>
      </c>
      <c r="GD14" s="61">
        <v>0</v>
      </c>
      <c r="GE14" s="61">
        <v>0</v>
      </c>
      <c r="GF14" s="62">
        <v>0</v>
      </c>
      <c r="GG14" s="63">
        <v>0</v>
      </c>
      <c r="GH14" s="60">
        <v>100</v>
      </c>
      <c r="GI14" s="61">
        <v>73</v>
      </c>
      <c r="GJ14" s="62">
        <v>173</v>
      </c>
      <c r="GK14" s="231"/>
      <c r="GL14" s="61">
        <v>111</v>
      </c>
      <c r="GM14" s="61">
        <v>51</v>
      </c>
      <c r="GN14" s="61">
        <v>51</v>
      </c>
      <c r="GO14" s="61">
        <v>43</v>
      </c>
      <c r="GP14" s="61">
        <v>42</v>
      </c>
      <c r="GQ14" s="62">
        <v>298</v>
      </c>
      <c r="GR14" s="63">
        <v>471</v>
      </c>
      <c r="GS14" s="113">
        <v>364</v>
      </c>
      <c r="GT14" s="72">
        <v>256</v>
      </c>
      <c r="GU14" s="73">
        <v>620</v>
      </c>
      <c r="GV14" s="228"/>
      <c r="GW14" s="72">
        <v>372</v>
      </c>
      <c r="GX14" s="72">
        <v>204</v>
      </c>
      <c r="GY14" s="72">
        <v>139</v>
      </c>
      <c r="GZ14" s="72">
        <v>122</v>
      </c>
      <c r="HA14" s="72">
        <v>119</v>
      </c>
      <c r="HB14" s="74">
        <v>956</v>
      </c>
      <c r="HC14" s="75">
        <v>1576</v>
      </c>
      <c r="HD14" s="60">
        <v>6</v>
      </c>
      <c r="HE14" s="61">
        <v>12</v>
      </c>
      <c r="HF14" s="62">
        <v>18</v>
      </c>
      <c r="HG14" s="231"/>
      <c r="HH14" s="61">
        <v>8</v>
      </c>
      <c r="HI14" s="61">
        <v>7</v>
      </c>
      <c r="HJ14" s="61">
        <v>0</v>
      </c>
      <c r="HK14" s="61">
        <v>6</v>
      </c>
      <c r="HL14" s="61">
        <v>1</v>
      </c>
      <c r="HM14" s="62">
        <v>22</v>
      </c>
      <c r="HN14" s="63">
        <v>40</v>
      </c>
      <c r="HO14" s="60">
        <v>31</v>
      </c>
      <c r="HP14" s="61">
        <v>17</v>
      </c>
      <c r="HQ14" s="62">
        <v>48</v>
      </c>
      <c r="HR14" s="231"/>
      <c r="HS14" s="61">
        <v>28</v>
      </c>
      <c r="HT14" s="61">
        <v>16</v>
      </c>
      <c r="HU14" s="61">
        <v>10</v>
      </c>
      <c r="HV14" s="61">
        <v>6</v>
      </c>
      <c r="HW14" s="61">
        <v>13</v>
      </c>
      <c r="HX14" s="62">
        <v>73</v>
      </c>
      <c r="HY14" s="63">
        <v>121</v>
      </c>
      <c r="HZ14" s="60">
        <v>40</v>
      </c>
      <c r="IA14" s="61">
        <v>40</v>
      </c>
      <c r="IB14" s="62">
        <v>80</v>
      </c>
      <c r="IC14" s="231"/>
      <c r="ID14" s="61">
        <v>39</v>
      </c>
      <c r="IE14" s="61">
        <v>24</v>
      </c>
      <c r="IF14" s="61">
        <v>14</v>
      </c>
      <c r="IG14" s="61">
        <v>7</v>
      </c>
      <c r="IH14" s="61">
        <v>14</v>
      </c>
      <c r="II14" s="62">
        <v>98</v>
      </c>
      <c r="IJ14" s="63">
        <v>178</v>
      </c>
      <c r="IK14" s="60">
        <v>84</v>
      </c>
      <c r="IL14" s="61">
        <v>59</v>
      </c>
      <c r="IM14" s="62">
        <v>143</v>
      </c>
      <c r="IN14" s="231"/>
      <c r="IO14" s="61">
        <v>81</v>
      </c>
      <c r="IP14" s="61">
        <v>36</v>
      </c>
      <c r="IQ14" s="61">
        <v>15</v>
      </c>
      <c r="IR14" s="61">
        <v>15</v>
      </c>
      <c r="IS14" s="61">
        <v>24</v>
      </c>
      <c r="IT14" s="62">
        <v>171</v>
      </c>
      <c r="IU14" s="63">
        <v>314</v>
      </c>
      <c r="IV14" s="60">
        <v>107</v>
      </c>
      <c r="IW14" s="61">
        <v>72</v>
      </c>
      <c r="IX14" s="62">
        <v>179</v>
      </c>
      <c r="IY14" s="231"/>
      <c r="IZ14" s="61">
        <v>101</v>
      </c>
      <c r="JA14" s="61">
        <v>60</v>
      </c>
      <c r="JB14" s="61">
        <v>39</v>
      </c>
      <c r="JC14" s="61">
        <v>32</v>
      </c>
      <c r="JD14" s="61">
        <v>26</v>
      </c>
      <c r="JE14" s="62">
        <v>258</v>
      </c>
      <c r="JF14" s="63">
        <v>437</v>
      </c>
      <c r="JG14" s="60">
        <v>96</v>
      </c>
      <c r="JH14" s="61">
        <v>56</v>
      </c>
      <c r="JI14" s="62">
        <v>152</v>
      </c>
      <c r="JJ14" s="231"/>
      <c r="JK14" s="61">
        <v>115</v>
      </c>
      <c r="JL14" s="61">
        <v>61</v>
      </c>
      <c r="JM14" s="61">
        <v>61</v>
      </c>
      <c r="JN14" s="61">
        <v>56</v>
      </c>
      <c r="JO14" s="61">
        <v>41</v>
      </c>
      <c r="JP14" s="62">
        <v>334</v>
      </c>
      <c r="JQ14" s="63">
        <v>486</v>
      </c>
      <c r="JR14" s="60">
        <v>0</v>
      </c>
      <c r="JS14" s="61">
        <v>0</v>
      </c>
      <c r="JT14" s="62">
        <v>0</v>
      </c>
      <c r="JU14" s="231"/>
      <c r="JV14" s="61">
        <v>0</v>
      </c>
      <c r="JW14" s="61">
        <v>0</v>
      </c>
      <c r="JX14" s="61">
        <v>0</v>
      </c>
      <c r="JY14" s="61">
        <v>0</v>
      </c>
      <c r="JZ14" s="61">
        <v>0</v>
      </c>
      <c r="KA14" s="62">
        <v>0</v>
      </c>
      <c r="KB14" s="63">
        <v>0</v>
      </c>
      <c r="KC14" s="60">
        <v>364</v>
      </c>
      <c r="KD14" s="61">
        <v>256</v>
      </c>
      <c r="KE14" s="62">
        <v>620</v>
      </c>
      <c r="KF14" s="231"/>
      <c r="KG14" s="61">
        <v>372</v>
      </c>
      <c r="KH14" s="61">
        <v>204</v>
      </c>
      <c r="KI14" s="61">
        <v>139</v>
      </c>
      <c r="KJ14" s="61">
        <v>122</v>
      </c>
      <c r="KK14" s="61">
        <v>119</v>
      </c>
      <c r="KL14" s="62">
        <v>956</v>
      </c>
      <c r="KM14" s="63">
        <v>1576</v>
      </c>
    </row>
    <row r="15" spans="2:299" ht="21" customHeight="1" x14ac:dyDescent="0.2">
      <c r="B15" s="472" t="s">
        <v>11</v>
      </c>
      <c r="C15" s="293">
        <v>52</v>
      </c>
      <c r="D15" s="72">
        <v>38</v>
      </c>
      <c r="E15" s="73">
        <v>90</v>
      </c>
      <c r="F15" s="228"/>
      <c r="G15" s="72">
        <v>95</v>
      </c>
      <c r="H15" s="72">
        <v>44</v>
      </c>
      <c r="I15" s="72">
        <v>38</v>
      </c>
      <c r="J15" s="72">
        <v>34</v>
      </c>
      <c r="K15" s="72">
        <v>13</v>
      </c>
      <c r="L15" s="74">
        <v>224</v>
      </c>
      <c r="M15" s="75">
        <v>314</v>
      </c>
      <c r="N15" s="60">
        <v>1</v>
      </c>
      <c r="O15" s="61">
        <v>1</v>
      </c>
      <c r="P15" s="62">
        <v>2</v>
      </c>
      <c r="Q15" s="231"/>
      <c r="R15" s="61">
        <v>4</v>
      </c>
      <c r="S15" s="61">
        <v>0</v>
      </c>
      <c r="T15" s="61">
        <v>1</v>
      </c>
      <c r="U15" s="61">
        <v>1</v>
      </c>
      <c r="V15" s="61">
        <v>0</v>
      </c>
      <c r="W15" s="62">
        <v>6</v>
      </c>
      <c r="X15" s="63">
        <v>8</v>
      </c>
      <c r="Y15" s="60">
        <v>7</v>
      </c>
      <c r="Z15" s="61">
        <v>1</v>
      </c>
      <c r="AA15" s="62">
        <v>8</v>
      </c>
      <c r="AB15" s="231"/>
      <c r="AC15" s="61">
        <v>7</v>
      </c>
      <c r="AD15" s="61">
        <v>2</v>
      </c>
      <c r="AE15" s="61">
        <v>4</v>
      </c>
      <c r="AF15" s="61">
        <v>2</v>
      </c>
      <c r="AG15" s="61">
        <v>1</v>
      </c>
      <c r="AH15" s="62">
        <v>16</v>
      </c>
      <c r="AI15" s="63">
        <v>24</v>
      </c>
      <c r="AJ15" s="60">
        <v>6</v>
      </c>
      <c r="AK15" s="61">
        <v>8</v>
      </c>
      <c r="AL15" s="62">
        <v>14</v>
      </c>
      <c r="AM15" s="231"/>
      <c r="AN15" s="61">
        <v>22</v>
      </c>
      <c r="AO15" s="61">
        <v>6</v>
      </c>
      <c r="AP15" s="61">
        <v>6</v>
      </c>
      <c r="AQ15" s="61">
        <v>4</v>
      </c>
      <c r="AR15" s="61">
        <v>2</v>
      </c>
      <c r="AS15" s="62">
        <v>40</v>
      </c>
      <c r="AT15" s="63">
        <v>54</v>
      </c>
      <c r="AU15" s="60">
        <v>7</v>
      </c>
      <c r="AV15" s="61">
        <v>7</v>
      </c>
      <c r="AW15" s="62">
        <v>14</v>
      </c>
      <c r="AX15" s="231"/>
      <c r="AY15" s="61">
        <v>22</v>
      </c>
      <c r="AZ15" s="61">
        <v>15</v>
      </c>
      <c r="BA15" s="61">
        <v>7</v>
      </c>
      <c r="BB15" s="61">
        <v>13</v>
      </c>
      <c r="BC15" s="61">
        <v>2</v>
      </c>
      <c r="BD15" s="62">
        <v>59</v>
      </c>
      <c r="BE15" s="63">
        <v>73</v>
      </c>
      <c r="BF15" s="60">
        <v>21</v>
      </c>
      <c r="BG15" s="61">
        <v>13</v>
      </c>
      <c r="BH15" s="62">
        <v>34</v>
      </c>
      <c r="BI15" s="231"/>
      <c r="BJ15" s="61">
        <v>23</v>
      </c>
      <c r="BK15" s="61">
        <v>11</v>
      </c>
      <c r="BL15" s="61">
        <v>7</v>
      </c>
      <c r="BM15" s="61">
        <v>7</v>
      </c>
      <c r="BN15" s="61">
        <v>6</v>
      </c>
      <c r="BO15" s="62">
        <v>54</v>
      </c>
      <c r="BP15" s="63">
        <v>88</v>
      </c>
      <c r="BQ15" s="60">
        <v>10</v>
      </c>
      <c r="BR15" s="61">
        <v>8</v>
      </c>
      <c r="BS15" s="62">
        <v>18</v>
      </c>
      <c r="BT15" s="231"/>
      <c r="BU15" s="61">
        <v>17</v>
      </c>
      <c r="BV15" s="61">
        <v>10</v>
      </c>
      <c r="BW15" s="61">
        <v>13</v>
      </c>
      <c r="BX15" s="61">
        <v>7</v>
      </c>
      <c r="BY15" s="61">
        <v>2</v>
      </c>
      <c r="BZ15" s="62">
        <v>49</v>
      </c>
      <c r="CA15" s="63">
        <v>67</v>
      </c>
      <c r="CB15" s="60">
        <v>0</v>
      </c>
      <c r="CC15" s="61">
        <v>0</v>
      </c>
      <c r="CD15" s="62">
        <v>0</v>
      </c>
      <c r="CE15" s="231"/>
      <c r="CF15" s="61">
        <v>0</v>
      </c>
      <c r="CG15" s="61">
        <v>0</v>
      </c>
      <c r="CH15" s="61">
        <v>0</v>
      </c>
      <c r="CI15" s="61">
        <v>0</v>
      </c>
      <c r="CJ15" s="61">
        <v>0</v>
      </c>
      <c r="CK15" s="62">
        <v>0</v>
      </c>
      <c r="CL15" s="63">
        <v>0</v>
      </c>
      <c r="CM15" s="60">
        <v>52</v>
      </c>
      <c r="CN15" s="61">
        <v>38</v>
      </c>
      <c r="CO15" s="62">
        <v>90</v>
      </c>
      <c r="CP15" s="231"/>
      <c r="CQ15" s="61">
        <v>95</v>
      </c>
      <c r="CR15" s="61">
        <v>44</v>
      </c>
      <c r="CS15" s="61">
        <v>38</v>
      </c>
      <c r="CT15" s="61">
        <v>34</v>
      </c>
      <c r="CU15" s="61">
        <v>13</v>
      </c>
      <c r="CV15" s="62">
        <v>224</v>
      </c>
      <c r="CW15" s="63">
        <v>314</v>
      </c>
      <c r="CX15" s="113">
        <v>21</v>
      </c>
      <c r="CY15" s="72">
        <v>19</v>
      </c>
      <c r="CZ15" s="73">
        <v>40</v>
      </c>
      <c r="DA15" s="228"/>
      <c r="DB15" s="72">
        <v>47</v>
      </c>
      <c r="DC15" s="72">
        <v>19</v>
      </c>
      <c r="DD15" s="72">
        <v>28</v>
      </c>
      <c r="DE15" s="72">
        <v>32</v>
      </c>
      <c r="DF15" s="72">
        <v>9</v>
      </c>
      <c r="DG15" s="74">
        <v>135</v>
      </c>
      <c r="DH15" s="75">
        <v>175</v>
      </c>
      <c r="DI15" s="60">
        <v>0</v>
      </c>
      <c r="DJ15" s="61">
        <v>1</v>
      </c>
      <c r="DK15" s="62">
        <v>1</v>
      </c>
      <c r="DL15" s="231"/>
      <c r="DM15" s="61">
        <v>3</v>
      </c>
      <c r="DN15" s="61">
        <v>0</v>
      </c>
      <c r="DO15" s="61">
        <v>0</v>
      </c>
      <c r="DP15" s="61">
        <v>0</v>
      </c>
      <c r="DQ15" s="61">
        <v>0</v>
      </c>
      <c r="DR15" s="62">
        <v>3</v>
      </c>
      <c r="DS15" s="63">
        <v>4</v>
      </c>
      <c r="DT15" s="60">
        <v>0</v>
      </c>
      <c r="DU15" s="61">
        <v>2</v>
      </c>
      <c r="DV15" s="62">
        <v>2</v>
      </c>
      <c r="DW15" s="231"/>
      <c r="DX15" s="61">
        <v>3</v>
      </c>
      <c r="DY15" s="61">
        <v>1</v>
      </c>
      <c r="DZ15" s="61">
        <v>0</v>
      </c>
      <c r="EA15" s="61">
        <v>1</v>
      </c>
      <c r="EB15" s="61">
        <v>1</v>
      </c>
      <c r="EC15" s="62">
        <v>6</v>
      </c>
      <c r="ED15" s="63">
        <v>8</v>
      </c>
      <c r="EE15" s="60">
        <v>4</v>
      </c>
      <c r="EF15" s="61">
        <v>2</v>
      </c>
      <c r="EG15" s="62">
        <v>6</v>
      </c>
      <c r="EH15" s="231"/>
      <c r="EI15" s="61">
        <v>5</v>
      </c>
      <c r="EJ15" s="61">
        <v>2</v>
      </c>
      <c r="EK15" s="61">
        <v>2</v>
      </c>
      <c r="EL15" s="61">
        <v>1</v>
      </c>
      <c r="EM15" s="61">
        <v>0</v>
      </c>
      <c r="EN15" s="62">
        <v>10</v>
      </c>
      <c r="EO15" s="63">
        <v>16</v>
      </c>
      <c r="EP15" s="60">
        <v>1</v>
      </c>
      <c r="EQ15" s="61">
        <v>4</v>
      </c>
      <c r="ER15" s="62">
        <v>5</v>
      </c>
      <c r="ES15" s="231"/>
      <c r="ET15" s="61">
        <v>9</v>
      </c>
      <c r="EU15" s="61">
        <v>3</v>
      </c>
      <c r="EV15" s="61">
        <v>3</v>
      </c>
      <c r="EW15" s="61">
        <v>3</v>
      </c>
      <c r="EX15" s="61">
        <v>1</v>
      </c>
      <c r="EY15" s="62">
        <v>19</v>
      </c>
      <c r="EZ15" s="63">
        <v>24</v>
      </c>
      <c r="FA15" s="60">
        <v>14</v>
      </c>
      <c r="FB15" s="61">
        <v>5</v>
      </c>
      <c r="FC15" s="62">
        <v>19</v>
      </c>
      <c r="FD15" s="231"/>
      <c r="FE15" s="61">
        <v>17</v>
      </c>
      <c r="FF15" s="61">
        <v>9</v>
      </c>
      <c r="FG15" s="61">
        <v>10</v>
      </c>
      <c r="FH15" s="61">
        <v>6</v>
      </c>
      <c r="FI15" s="61">
        <v>3</v>
      </c>
      <c r="FJ15" s="62">
        <v>45</v>
      </c>
      <c r="FK15" s="63">
        <v>64</v>
      </c>
      <c r="FL15" s="60">
        <v>2</v>
      </c>
      <c r="FM15" s="61">
        <v>5</v>
      </c>
      <c r="FN15" s="62">
        <v>7</v>
      </c>
      <c r="FO15" s="231"/>
      <c r="FP15" s="61">
        <v>10</v>
      </c>
      <c r="FQ15" s="61">
        <v>4</v>
      </c>
      <c r="FR15" s="61">
        <v>13</v>
      </c>
      <c r="FS15" s="61">
        <v>21</v>
      </c>
      <c r="FT15" s="61">
        <v>4</v>
      </c>
      <c r="FU15" s="62">
        <v>52</v>
      </c>
      <c r="FV15" s="63">
        <v>59</v>
      </c>
      <c r="FW15" s="60">
        <v>0</v>
      </c>
      <c r="FX15" s="61">
        <v>0</v>
      </c>
      <c r="FY15" s="62">
        <v>0</v>
      </c>
      <c r="FZ15" s="231">
        <v>0</v>
      </c>
      <c r="GA15" s="61">
        <v>0</v>
      </c>
      <c r="GB15" s="61">
        <v>0</v>
      </c>
      <c r="GC15" s="61">
        <v>0</v>
      </c>
      <c r="GD15" s="61">
        <v>0</v>
      </c>
      <c r="GE15" s="61">
        <v>0</v>
      </c>
      <c r="GF15" s="62">
        <v>0</v>
      </c>
      <c r="GG15" s="63">
        <v>0</v>
      </c>
      <c r="GH15" s="60">
        <v>21</v>
      </c>
      <c r="GI15" s="61">
        <v>19</v>
      </c>
      <c r="GJ15" s="62">
        <v>40</v>
      </c>
      <c r="GK15" s="231"/>
      <c r="GL15" s="61">
        <v>47</v>
      </c>
      <c r="GM15" s="61">
        <v>19</v>
      </c>
      <c r="GN15" s="61">
        <v>28</v>
      </c>
      <c r="GO15" s="61">
        <v>32</v>
      </c>
      <c r="GP15" s="61">
        <v>9</v>
      </c>
      <c r="GQ15" s="62">
        <v>135</v>
      </c>
      <c r="GR15" s="63">
        <v>175</v>
      </c>
      <c r="GS15" s="113">
        <v>73</v>
      </c>
      <c r="GT15" s="72">
        <v>57</v>
      </c>
      <c r="GU15" s="73">
        <v>130</v>
      </c>
      <c r="GV15" s="228"/>
      <c r="GW15" s="72">
        <v>142</v>
      </c>
      <c r="GX15" s="72">
        <v>63</v>
      </c>
      <c r="GY15" s="72">
        <v>66</v>
      </c>
      <c r="GZ15" s="72">
        <v>66</v>
      </c>
      <c r="HA15" s="72">
        <v>22</v>
      </c>
      <c r="HB15" s="74">
        <v>359</v>
      </c>
      <c r="HC15" s="75">
        <v>489</v>
      </c>
      <c r="HD15" s="60">
        <v>1</v>
      </c>
      <c r="HE15" s="61">
        <v>2</v>
      </c>
      <c r="HF15" s="62">
        <v>3</v>
      </c>
      <c r="HG15" s="231"/>
      <c r="HH15" s="61">
        <v>7</v>
      </c>
      <c r="HI15" s="61">
        <v>0</v>
      </c>
      <c r="HJ15" s="61">
        <v>1</v>
      </c>
      <c r="HK15" s="61">
        <v>1</v>
      </c>
      <c r="HL15" s="61">
        <v>0</v>
      </c>
      <c r="HM15" s="62">
        <v>9</v>
      </c>
      <c r="HN15" s="63">
        <v>12</v>
      </c>
      <c r="HO15" s="60">
        <v>7</v>
      </c>
      <c r="HP15" s="61">
        <v>3</v>
      </c>
      <c r="HQ15" s="62">
        <v>10</v>
      </c>
      <c r="HR15" s="231"/>
      <c r="HS15" s="61">
        <v>10</v>
      </c>
      <c r="HT15" s="61">
        <v>3</v>
      </c>
      <c r="HU15" s="61">
        <v>4</v>
      </c>
      <c r="HV15" s="61">
        <v>3</v>
      </c>
      <c r="HW15" s="61">
        <v>2</v>
      </c>
      <c r="HX15" s="62">
        <v>22</v>
      </c>
      <c r="HY15" s="63">
        <v>32</v>
      </c>
      <c r="HZ15" s="60">
        <v>10</v>
      </c>
      <c r="IA15" s="61">
        <v>10</v>
      </c>
      <c r="IB15" s="62">
        <v>20</v>
      </c>
      <c r="IC15" s="231"/>
      <c r="ID15" s="61">
        <v>27</v>
      </c>
      <c r="IE15" s="61">
        <v>8</v>
      </c>
      <c r="IF15" s="61">
        <v>8</v>
      </c>
      <c r="IG15" s="61">
        <v>5</v>
      </c>
      <c r="IH15" s="61">
        <v>2</v>
      </c>
      <c r="II15" s="62">
        <v>50</v>
      </c>
      <c r="IJ15" s="63">
        <v>70</v>
      </c>
      <c r="IK15" s="60">
        <v>8</v>
      </c>
      <c r="IL15" s="61">
        <v>11</v>
      </c>
      <c r="IM15" s="62">
        <v>19</v>
      </c>
      <c r="IN15" s="231"/>
      <c r="IO15" s="61">
        <v>31</v>
      </c>
      <c r="IP15" s="61">
        <v>18</v>
      </c>
      <c r="IQ15" s="61">
        <v>10</v>
      </c>
      <c r="IR15" s="61">
        <v>16</v>
      </c>
      <c r="IS15" s="61">
        <v>3</v>
      </c>
      <c r="IT15" s="62">
        <v>78</v>
      </c>
      <c r="IU15" s="63">
        <v>97</v>
      </c>
      <c r="IV15" s="60">
        <v>35</v>
      </c>
      <c r="IW15" s="61">
        <v>18</v>
      </c>
      <c r="IX15" s="62">
        <v>53</v>
      </c>
      <c r="IY15" s="231"/>
      <c r="IZ15" s="61">
        <v>40</v>
      </c>
      <c r="JA15" s="61">
        <v>20</v>
      </c>
      <c r="JB15" s="61">
        <v>17</v>
      </c>
      <c r="JC15" s="61">
        <v>13</v>
      </c>
      <c r="JD15" s="61">
        <v>9</v>
      </c>
      <c r="JE15" s="62">
        <v>99</v>
      </c>
      <c r="JF15" s="63">
        <v>152</v>
      </c>
      <c r="JG15" s="60">
        <v>12</v>
      </c>
      <c r="JH15" s="61">
        <v>13</v>
      </c>
      <c r="JI15" s="62">
        <v>25</v>
      </c>
      <c r="JJ15" s="231"/>
      <c r="JK15" s="61">
        <v>27</v>
      </c>
      <c r="JL15" s="61">
        <v>14</v>
      </c>
      <c r="JM15" s="61">
        <v>26</v>
      </c>
      <c r="JN15" s="61">
        <v>28</v>
      </c>
      <c r="JO15" s="61">
        <v>6</v>
      </c>
      <c r="JP15" s="62">
        <v>101</v>
      </c>
      <c r="JQ15" s="63">
        <v>126</v>
      </c>
      <c r="JR15" s="60">
        <v>0</v>
      </c>
      <c r="JS15" s="61">
        <v>0</v>
      </c>
      <c r="JT15" s="62">
        <v>0</v>
      </c>
      <c r="JU15" s="231"/>
      <c r="JV15" s="61">
        <v>0</v>
      </c>
      <c r="JW15" s="61">
        <v>0</v>
      </c>
      <c r="JX15" s="61">
        <v>0</v>
      </c>
      <c r="JY15" s="61">
        <v>0</v>
      </c>
      <c r="JZ15" s="61">
        <v>0</v>
      </c>
      <c r="KA15" s="62">
        <v>0</v>
      </c>
      <c r="KB15" s="63">
        <v>0</v>
      </c>
      <c r="KC15" s="60">
        <v>73</v>
      </c>
      <c r="KD15" s="61">
        <v>57</v>
      </c>
      <c r="KE15" s="62">
        <v>130</v>
      </c>
      <c r="KF15" s="231"/>
      <c r="KG15" s="61">
        <v>142</v>
      </c>
      <c r="KH15" s="61">
        <v>63</v>
      </c>
      <c r="KI15" s="61">
        <v>66</v>
      </c>
      <c r="KJ15" s="61">
        <v>66</v>
      </c>
      <c r="KK15" s="61">
        <v>22</v>
      </c>
      <c r="KL15" s="62">
        <v>359</v>
      </c>
      <c r="KM15" s="63">
        <v>489</v>
      </c>
    </row>
    <row r="16" spans="2:299" ht="21" customHeight="1" x14ac:dyDescent="0.2">
      <c r="B16" s="472" t="s">
        <v>12</v>
      </c>
      <c r="C16" s="293">
        <v>124</v>
      </c>
      <c r="D16" s="72">
        <v>101</v>
      </c>
      <c r="E16" s="73">
        <v>225</v>
      </c>
      <c r="F16" s="228"/>
      <c r="G16" s="72">
        <v>119</v>
      </c>
      <c r="H16" s="72">
        <v>85</v>
      </c>
      <c r="I16" s="72">
        <v>47</v>
      </c>
      <c r="J16" s="72">
        <v>58</v>
      </c>
      <c r="K16" s="72">
        <v>34</v>
      </c>
      <c r="L16" s="74">
        <v>343</v>
      </c>
      <c r="M16" s="75">
        <v>568</v>
      </c>
      <c r="N16" s="76">
        <v>3</v>
      </c>
      <c r="O16" s="61">
        <v>5</v>
      </c>
      <c r="P16" s="62">
        <v>8</v>
      </c>
      <c r="Q16" s="231"/>
      <c r="R16" s="61">
        <v>3</v>
      </c>
      <c r="S16" s="61">
        <v>2</v>
      </c>
      <c r="T16" s="61">
        <v>1</v>
      </c>
      <c r="U16" s="61">
        <v>2</v>
      </c>
      <c r="V16" s="61">
        <v>1</v>
      </c>
      <c r="W16" s="62">
        <v>9</v>
      </c>
      <c r="X16" s="63">
        <v>17</v>
      </c>
      <c r="Y16" s="60">
        <v>8</v>
      </c>
      <c r="Z16" s="61">
        <v>12</v>
      </c>
      <c r="AA16" s="62">
        <v>20</v>
      </c>
      <c r="AB16" s="231"/>
      <c r="AC16" s="61">
        <v>5</v>
      </c>
      <c r="AD16" s="61">
        <v>6</v>
      </c>
      <c r="AE16" s="61">
        <v>3</v>
      </c>
      <c r="AF16" s="61">
        <v>3</v>
      </c>
      <c r="AG16" s="61">
        <v>4</v>
      </c>
      <c r="AH16" s="62">
        <v>21</v>
      </c>
      <c r="AI16" s="63">
        <v>41</v>
      </c>
      <c r="AJ16" s="76">
        <v>17</v>
      </c>
      <c r="AK16" s="61">
        <v>10</v>
      </c>
      <c r="AL16" s="62">
        <v>27</v>
      </c>
      <c r="AM16" s="231"/>
      <c r="AN16" s="61">
        <v>8</v>
      </c>
      <c r="AO16" s="61">
        <v>11</v>
      </c>
      <c r="AP16" s="61">
        <v>3</v>
      </c>
      <c r="AQ16" s="61">
        <v>7</v>
      </c>
      <c r="AR16" s="61">
        <v>1</v>
      </c>
      <c r="AS16" s="62">
        <v>30</v>
      </c>
      <c r="AT16" s="63">
        <v>57</v>
      </c>
      <c r="AU16" s="60">
        <v>26</v>
      </c>
      <c r="AV16" s="61">
        <v>28</v>
      </c>
      <c r="AW16" s="62">
        <v>54</v>
      </c>
      <c r="AX16" s="231"/>
      <c r="AY16" s="61">
        <v>31</v>
      </c>
      <c r="AZ16" s="61">
        <v>22</v>
      </c>
      <c r="BA16" s="61">
        <v>12</v>
      </c>
      <c r="BB16" s="61">
        <v>12</v>
      </c>
      <c r="BC16" s="61">
        <v>12</v>
      </c>
      <c r="BD16" s="62">
        <v>89</v>
      </c>
      <c r="BE16" s="63">
        <v>143</v>
      </c>
      <c r="BF16" s="76">
        <v>40</v>
      </c>
      <c r="BG16" s="61">
        <v>21</v>
      </c>
      <c r="BH16" s="62">
        <v>61</v>
      </c>
      <c r="BI16" s="231"/>
      <c r="BJ16" s="61">
        <v>37</v>
      </c>
      <c r="BK16" s="61">
        <v>21</v>
      </c>
      <c r="BL16" s="61">
        <v>13</v>
      </c>
      <c r="BM16" s="61">
        <v>19</v>
      </c>
      <c r="BN16" s="61">
        <v>9</v>
      </c>
      <c r="BO16" s="62">
        <v>99</v>
      </c>
      <c r="BP16" s="63">
        <v>160</v>
      </c>
      <c r="BQ16" s="60">
        <v>30</v>
      </c>
      <c r="BR16" s="61">
        <v>25</v>
      </c>
      <c r="BS16" s="62">
        <v>55</v>
      </c>
      <c r="BT16" s="231"/>
      <c r="BU16" s="61">
        <v>35</v>
      </c>
      <c r="BV16" s="61">
        <v>23</v>
      </c>
      <c r="BW16" s="61">
        <v>15</v>
      </c>
      <c r="BX16" s="61">
        <v>15</v>
      </c>
      <c r="BY16" s="61">
        <v>7</v>
      </c>
      <c r="BZ16" s="62">
        <v>95</v>
      </c>
      <c r="CA16" s="63">
        <v>150</v>
      </c>
      <c r="CB16" s="60">
        <v>0</v>
      </c>
      <c r="CC16" s="61">
        <v>0</v>
      </c>
      <c r="CD16" s="62">
        <v>0</v>
      </c>
      <c r="CE16" s="231"/>
      <c r="CF16" s="61">
        <v>0</v>
      </c>
      <c r="CG16" s="61">
        <v>0</v>
      </c>
      <c r="CH16" s="61">
        <v>0</v>
      </c>
      <c r="CI16" s="61">
        <v>0</v>
      </c>
      <c r="CJ16" s="61">
        <v>0</v>
      </c>
      <c r="CK16" s="62">
        <v>0</v>
      </c>
      <c r="CL16" s="63">
        <v>0</v>
      </c>
      <c r="CM16" s="60">
        <v>124</v>
      </c>
      <c r="CN16" s="61">
        <v>101</v>
      </c>
      <c r="CO16" s="62">
        <v>225</v>
      </c>
      <c r="CP16" s="231"/>
      <c r="CQ16" s="61">
        <v>119</v>
      </c>
      <c r="CR16" s="61">
        <v>85</v>
      </c>
      <c r="CS16" s="61">
        <v>47</v>
      </c>
      <c r="CT16" s="61">
        <v>58</v>
      </c>
      <c r="CU16" s="61">
        <v>34</v>
      </c>
      <c r="CV16" s="62">
        <v>343</v>
      </c>
      <c r="CW16" s="63">
        <v>568</v>
      </c>
      <c r="CX16" s="113">
        <v>40</v>
      </c>
      <c r="CY16" s="72">
        <v>33</v>
      </c>
      <c r="CZ16" s="73">
        <v>73</v>
      </c>
      <c r="DA16" s="228"/>
      <c r="DB16" s="72">
        <v>42</v>
      </c>
      <c r="DC16" s="72">
        <v>29</v>
      </c>
      <c r="DD16" s="72">
        <v>24</v>
      </c>
      <c r="DE16" s="72">
        <v>32</v>
      </c>
      <c r="DF16" s="72">
        <v>9</v>
      </c>
      <c r="DG16" s="74">
        <v>136</v>
      </c>
      <c r="DH16" s="75">
        <v>209</v>
      </c>
      <c r="DI16" s="76">
        <v>1</v>
      </c>
      <c r="DJ16" s="61">
        <v>1</v>
      </c>
      <c r="DK16" s="62">
        <v>2</v>
      </c>
      <c r="DL16" s="231"/>
      <c r="DM16" s="61">
        <v>1</v>
      </c>
      <c r="DN16" s="61">
        <v>0</v>
      </c>
      <c r="DO16" s="61">
        <v>1</v>
      </c>
      <c r="DP16" s="61">
        <v>0</v>
      </c>
      <c r="DQ16" s="61">
        <v>0</v>
      </c>
      <c r="DR16" s="62">
        <v>2</v>
      </c>
      <c r="DS16" s="63">
        <v>4</v>
      </c>
      <c r="DT16" s="60">
        <v>3</v>
      </c>
      <c r="DU16" s="61">
        <v>1</v>
      </c>
      <c r="DV16" s="62">
        <v>4</v>
      </c>
      <c r="DW16" s="231"/>
      <c r="DX16" s="61">
        <v>1</v>
      </c>
      <c r="DY16" s="61">
        <v>1</v>
      </c>
      <c r="DZ16" s="61">
        <v>0</v>
      </c>
      <c r="EA16" s="61">
        <v>1</v>
      </c>
      <c r="EB16" s="61">
        <v>1</v>
      </c>
      <c r="EC16" s="62">
        <v>4</v>
      </c>
      <c r="ED16" s="63">
        <v>8</v>
      </c>
      <c r="EE16" s="76">
        <v>6</v>
      </c>
      <c r="EF16" s="61">
        <v>2</v>
      </c>
      <c r="EG16" s="62">
        <v>8</v>
      </c>
      <c r="EH16" s="231"/>
      <c r="EI16" s="61">
        <v>2</v>
      </c>
      <c r="EJ16" s="61">
        <v>3</v>
      </c>
      <c r="EK16" s="61">
        <v>0</v>
      </c>
      <c r="EL16" s="61">
        <v>0</v>
      </c>
      <c r="EM16" s="61">
        <v>2</v>
      </c>
      <c r="EN16" s="62">
        <v>7</v>
      </c>
      <c r="EO16" s="63">
        <v>15</v>
      </c>
      <c r="EP16" s="60">
        <v>11</v>
      </c>
      <c r="EQ16" s="61">
        <v>12</v>
      </c>
      <c r="ER16" s="62">
        <v>23</v>
      </c>
      <c r="ES16" s="231"/>
      <c r="ET16" s="61">
        <v>10</v>
      </c>
      <c r="EU16" s="61">
        <v>5</v>
      </c>
      <c r="EV16" s="61">
        <v>4</v>
      </c>
      <c r="EW16" s="61">
        <v>7</v>
      </c>
      <c r="EX16" s="61">
        <v>2</v>
      </c>
      <c r="EY16" s="62">
        <v>28</v>
      </c>
      <c r="EZ16" s="63">
        <v>51</v>
      </c>
      <c r="FA16" s="76">
        <v>10</v>
      </c>
      <c r="FB16" s="61">
        <v>10</v>
      </c>
      <c r="FC16" s="62">
        <v>20</v>
      </c>
      <c r="FD16" s="231"/>
      <c r="FE16" s="61">
        <v>11</v>
      </c>
      <c r="FF16" s="61">
        <v>12</v>
      </c>
      <c r="FG16" s="61">
        <v>10</v>
      </c>
      <c r="FH16" s="61">
        <v>5</v>
      </c>
      <c r="FI16" s="61">
        <v>1</v>
      </c>
      <c r="FJ16" s="62">
        <v>39</v>
      </c>
      <c r="FK16" s="63">
        <v>59</v>
      </c>
      <c r="FL16" s="60">
        <v>9</v>
      </c>
      <c r="FM16" s="61">
        <v>7</v>
      </c>
      <c r="FN16" s="62">
        <v>16</v>
      </c>
      <c r="FO16" s="231"/>
      <c r="FP16" s="61">
        <v>17</v>
      </c>
      <c r="FQ16" s="61">
        <v>8</v>
      </c>
      <c r="FR16" s="61">
        <v>9</v>
      </c>
      <c r="FS16" s="61">
        <v>19</v>
      </c>
      <c r="FT16" s="61">
        <v>3</v>
      </c>
      <c r="FU16" s="62">
        <v>56</v>
      </c>
      <c r="FV16" s="63">
        <v>72</v>
      </c>
      <c r="FW16" s="60">
        <v>0</v>
      </c>
      <c r="FX16" s="61">
        <v>0</v>
      </c>
      <c r="FY16" s="62">
        <v>0</v>
      </c>
      <c r="FZ16" s="231">
        <v>0</v>
      </c>
      <c r="GA16" s="61">
        <v>0</v>
      </c>
      <c r="GB16" s="61">
        <v>0</v>
      </c>
      <c r="GC16" s="61">
        <v>0</v>
      </c>
      <c r="GD16" s="61">
        <v>0</v>
      </c>
      <c r="GE16" s="61">
        <v>0</v>
      </c>
      <c r="GF16" s="62">
        <v>0</v>
      </c>
      <c r="GG16" s="63">
        <v>0</v>
      </c>
      <c r="GH16" s="60">
        <v>40</v>
      </c>
      <c r="GI16" s="61">
        <v>33</v>
      </c>
      <c r="GJ16" s="62">
        <v>73</v>
      </c>
      <c r="GK16" s="231"/>
      <c r="GL16" s="61">
        <v>42</v>
      </c>
      <c r="GM16" s="61">
        <v>29</v>
      </c>
      <c r="GN16" s="61">
        <v>24</v>
      </c>
      <c r="GO16" s="61">
        <v>32</v>
      </c>
      <c r="GP16" s="61">
        <v>9</v>
      </c>
      <c r="GQ16" s="62">
        <v>136</v>
      </c>
      <c r="GR16" s="63">
        <v>209</v>
      </c>
      <c r="GS16" s="113">
        <v>164</v>
      </c>
      <c r="GT16" s="72">
        <v>134</v>
      </c>
      <c r="GU16" s="73">
        <v>298</v>
      </c>
      <c r="GV16" s="228"/>
      <c r="GW16" s="72">
        <v>161</v>
      </c>
      <c r="GX16" s="72">
        <v>114</v>
      </c>
      <c r="GY16" s="72">
        <v>71</v>
      </c>
      <c r="GZ16" s="72">
        <v>90</v>
      </c>
      <c r="HA16" s="72">
        <v>43</v>
      </c>
      <c r="HB16" s="74">
        <v>479</v>
      </c>
      <c r="HC16" s="75">
        <v>777</v>
      </c>
      <c r="HD16" s="76">
        <v>4</v>
      </c>
      <c r="HE16" s="61">
        <v>6</v>
      </c>
      <c r="HF16" s="62">
        <v>10</v>
      </c>
      <c r="HG16" s="231"/>
      <c r="HH16" s="61">
        <v>4</v>
      </c>
      <c r="HI16" s="61">
        <v>2</v>
      </c>
      <c r="HJ16" s="61">
        <v>2</v>
      </c>
      <c r="HK16" s="61">
        <v>2</v>
      </c>
      <c r="HL16" s="61">
        <v>1</v>
      </c>
      <c r="HM16" s="62">
        <v>11</v>
      </c>
      <c r="HN16" s="63">
        <v>21</v>
      </c>
      <c r="HO16" s="60">
        <v>11</v>
      </c>
      <c r="HP16" s="61">
        <v>13</v>
      </c>
      <c r="HQ16" s="62">
        <v>24</v>
      </c>
      <c r="HR16" s="231"/>
      <c r="HS16" s="61">
        <v>6</v>
      </c>
      <c r="HT16" s="61">
        <v>7</v>
      </c>
      <c r="HU16" s="61">
        <v>3</v>
      </c>
      <c r="HV16" s="61">
        <v>4</v>
      </c>
      <c r="HW16" s="61">
        <v>5</v>
      </c>
      <c r="HX16" s="62">
        <v>25</v>
      </c>
      <c r="HY16" s="63">
        <v>49</v>
      </c>
      <c r="HZ16" s="76">
        <v>23</v>
      </c>
      <c r="IA16" s="61">
        <v>12</v>
      </c>
      <c r="IB16" s="62">
        <v>35</v>
      </c>
      <c r="IC16" s="231"/>
      <c r="ID16" s="61">
        <v>10</v>
      </c>
      <c r="IE16" s="61">
        <v>14</v>
      </c>
      <c r="IF16" s="61">
        <v>3</v>
      </c>
      <c r="IG16" s="61">
        <v>7</v>
      </c>
      <c r="IH16" s="61">
        <v>3</v>
      </c>
      <c r="II16" s="62">
        <v>37</v>
      </c>
      <c r="IJ16" s="63">
        <v>72</v>
      </c>
      <c r="IK16" s="60">
        <v>37</v>
      </c>
      <c r="IL16" s="61">
        <v>40</v>
      </c>
      <c r="IM16" s="62">
        <v>77</v>
      </c>
      <c r="IN16" s="231"/>
      <c r="IO16" s="61">
        <v>41</v>
      </c>
      <c r="IP16" s="61">
        <v>27</v>
      </c>
      <c r="IQ16" s="61">
        <v>16</v>
      </c>
      <c r="IR16" s="61">
        <v>19</v>
      </c>
      <c r="IS16" s="61">
        <v>14</v>
      </c>
      <c r="IT16" s="62">
        <v>117</v>
      </c>
      <c r="IU16" s="63">
        <v>194</v>
      </c>
      <c r="IV16" s="76">
        <v>50</v>
      </c>
      <c r="IW16" s="61">
        <v>31</v>
      </c>
      <c r="IX16" s="62">
        <v>81</v>
      </c>
      <c r="IY16" s="231"/>
      <c r="IZ16" s="61">
        <v>48</v>
      </c>
      <c r="JA16" s="61">
        <v>33</v>
      </c>
      <c r="JB16" s="61">
        <v>23</v>
      </c>
      <c r="JC16" s="61">
        <v>24</v>
      </c>
      <c r="JD16" s="61">
        <v>10</v>
      </c>
      <c r="JE16" s="62">
        <v>138</v>
      </c>
      <c r="JF16" s="63">
        <v>219</v>
      </c>
      <c r="JG16" s="60">
        <v>39</v>
      </c>
      <c r="JH16" s="61">
        <v>32</v>
      </c>
      <c r="JI16" s="62">
        <v>71</v>
      </c>
      <c r="JJ16" s="231"/>
      <c r="JK16" s="61">
        <v>52</v>
      </c>
      <c r="JL16" s="61">
        <v>31</v>
      </c>
      <c r="JM16" s="61">
        <v>24</v>
      </c>
      <c r="JN16" s="61">
        <v>34</v>
      </c>
      <c r="JO16" s="61">
        <v>10</v>
      </c>
      <c r="JP16" s="62">
        <v>151</v>
      </c>
      <c r="JQ16" s="63">
        <v>222</v>
      </c>
      <c r="JR16" s="60">
        <v>0</v>
      </c>
      <c r="JS16" s="61">
        <v>0</v>
      </c>
      <c r="JT16" s="62">
        <v>0</v>
      </c>
      <c r="JU16" s="231"/>
      <c r="JV16" s="61">
        <v>0</v>
      </c>
      <c r="JW16" s="61">
        <v>0</v>
      </c>
      <c r="JX16" s="61">
        <v>0</v>
      </c>
      <c r="JY16" s="61">
        <v>0</v>
      </c>
      <c r="JZ16" s="61">
        <v>0</v>
      </c>
      <c r="KA16" s="62">
        <v>0</v>
      </c>
      <c r="KB16" s="63">
        <v>0</v>
      </c>
      <c r="KC16" s="60">
        <v>164</v>
      </c>
      <c r="KD16" s="61">
        <v>134</v>
      </c>
      <c r="KE16" s="62">
        <v>298</v>
      </c>
      <c r="KF16" s="231"/>
      <c r="KG16" s="61">
        <v>161</v>
      </c>
      <c r="KH16" s="61">
        <v>114</v>
      </c>
      <c r="KI16" s="61">
        <v>71</v>
      </c>
      <c r="KJ16" s="61">
        <v>90</v>
      </c>
      <c r="KK16" s="61">
        <v>43</v>
      </c>
      <c r="KL16" s="62">
        <v>479</v>
      </c>
      <c r="KM16" s="63">
        <v>777</v>
      </c>
    </row>
    <row r="17" spans="2:299" ht="21" customHeight="1" x14ac:dyDescent="0.2">
      <c r="B17" s="472" t="s">
        <v>13</v>
      </c>
      <c r="C17" s="293">
        <v>52</v>
      </c>
      <c r="D17" s="72">
        <v>39</v>
      </c>
      <c r="E17" s="73">
        <v>91</v>
      </c>
      <c r="F17" s="228"/>
      <c r="G17" s="72">
        <v>63</v>
      </c>
      <c r="H17" s="72">
        <v>56</v>
      </c>
      <c r="I17" s="72">
        <v>30</v>
      </c>
      <c r="J17" s="72">
        <v>23</v>
      </c>
      <c r="K17" s="72">
        <v>21</v>
      </c>
      <c r="L17" s="74">
        <v>193</v>
      </c>
      <c r="M17" s="75">
        <v>284</v>
      </c>
      <c r="N17" s="60">
        <v>1</v>
      </c>
      <c r="O17" s="61">
        <v>2</v>
      </c>
      <c r="P17" s="62">
        <v>3</v>
      </c>
      <c r="Q17" s="231"/>
      <c r="R17" s="61">
        <v>0</v>
      </c>
      <c r="S17" s="61">
        <v>1</v>
      </c>
      <c r="T17" s="61">
        <v>0</v>
      </c>
      <c r="U17" s="61">
        <v>1</v>
      </c>
      <c r="V17" s="61">
        <v>0</v>
      </c>
      <c r="W17" s="62">
        <v>2</v>
      </c>
      <c r="X17" s="63">
        <v>5</v>
      </c>
      <c r="Y17" s="60">
        <v>4</v>
      </c>
      <c r="Z17" s="61">
        <v>1</v>
      </c>
      <c r="AA17" s="62">
        <v>5</v>
      </c>
      <c r="AB17" s="231"/>
      <c r="AC17" s="61">
        <v>5</v>
      </c>
      <c r="AD17" s="61">
        <v>3</v>
      </c>
      <c r="AE17" s="61">
        <v>0</v>
      </c>
      <c r="AF17" s="61">
        <v>1</v>
      </c>
      <c r="AG17" s="61">
        <v>0</v>
      </c>
      <c r="AH17" s="62">
        <v>9</v>
      </c>
      <c r="AI17" s="63">
        <v>14</v>
      </c>
      <c r="AJ17" s="60">
        <v>8</v>
      </c>
      <c r="AK17" s="61">
        <v>3</v>
      </c>
      <c r="AL17" s="62">
        <v>11</v>
      </c>
      <c r="AM17" s="231"/>
      <c r="AN17" s="61">
        <v>5</v>
      </c>
      <c r="AO17" s="61">
        <v>3</v>
      </c>
      <c r="AP17" s="61">
        <v>2</v>
      </c>
      <c r="AQ17" s="61">
        <v>1</v>
      </c>
      <c r="AR17" s="61">
        <v>2</v>
      </c>
      <c r="AS17" s="62">
        <v>13</v>
      </c>
      <c r="AT17" s="63">
        <v>24</v>
      </c>
      <c r="AU17" s="60">
        <v>11</v>
      </c>
      <c r="AV17" s="61">
        <v>9</v>
      </c>
      <c r="AW17" s="62">
        <v>20</v>
      </c>
      <c r="AX17" s="231"/>
      <c r="AY17" s="61">
        <v>18</v>
      </c>
      <c r="AZ17" s="61">
        <v>9</v>
      </c>
      <c r="BA17" s="61">
        <v>9</v>
      </c>
      <c r="BB17" s="61">
        <v>7</v>
      </c>
      <c r="BC17" s="61">
        <v>7</v>
      </c>
      <c r="BD17" s="62">
        <v>50</v>
      </c>
      <c r="BE17" s="63">
        <v>70</v>
      </c>
      <c r="BF17" s="60">
        <v>13</v>
      </c>
      <c r="BG17" s="61">
        <v>12</v>
      </c>
      <c r="BH17" s="62">
        <v>25</v>
      </c>
      <c r="BI17" s="231"/>
      <c r="BJ17" s="61">
        <v>19</v>
      </c>
      <c r="BK17" s="61">
        <v>19</v>
      </c>
      <c r="BL17" s="61">
        <v>7</v>
      </c>
      <c r="BM17" s="61">
        <v>5</v>
      </c>
      <c r="BN17" s="61">
        <v>7</v>
      </c>
      <c r="BO17" s="62">
        <v>57</v>
      </c>
      <c r="BP17" s="63">
        <v>82</v>
      </c>
      <c r="BQ17" s="60">
        <v>15</v>
      </c>
      <c r="BR17" s="61">
        <v>12</v>
      </c>
      <c r="BS17" s="62">
        <v>27</v>
      </c>
      <c r="BT17" s="231"/>
      <c r="BU17" s="61">
        <v>16</v>
      </c>
      <c r="BV17" s="61">
        <v>21</v>
      </c>
      <c r="BW17" s="61">
        <v>12</v>
      </c>
      <c r="BX17" s="61">
        <v>8</v>
      </c>
      <c r="BY17" s="61">
        <v>5</v>
      </c>
      <c r="BZ17" s="62">
        <v>62</v>
      </c>
      <c r="CA17" s="63">
        <v>89</v>
      </c>
      <c r="CB17" s="60">
        <v>0</v>
      </c>
      <c r="CC17" s="61">
        <v>0</v>
      </c>
      <c r="CD17" s="62">
        <v>0</v>
      </c>
      <c r="CE17" s="231"/>
      <c r="CF17" s="61">
        <v>0</v>
      </c>
      <c r="CG17" s="61">
        <v>0</v>
      </c>
      <c r="CH17" s="61">
        <v>0</v>
      </c>
      <c r="CI17" s="61">
        <v>0</v>
      </c>
      <c r="CJ17" s="61">
        <v>0</v>
      </c>
      <c r="CK17" s="62">
        <v>0</v>
      </c>
      <c r="CL17" s="63">
        <v>0</v>
      </c>
      <c r="CM17" s="60">
        <v>52</v>
      </c>
      <c r="CN17" s="61">
        <v>39</v>
      </c>
      <c r="CO17" s="62">
        <v>91</v>
      </c>
      <c r="CP17" s="231"/>
      <c r="CQ17" s="61">
        <v>63</v>
      </c>
      <c r="CR17" s="61">
        <v>56</v>
      </c>
      <c r="CS17" s="61">
        <v>30</v>
      </c>
      <c r="CT17" s="61">
        <v>23</v>
      </c>
      <c r="CU17" s="61">
        <v>21</v>
      </c>
      <c r="CV17" s="62">
        <v>193</v>
      </c>
      <c r="CW17" s="63">
        <v>284</v>
      </c>
      <c r="CX17" s="113">
        <v>16</v>
      </c>
      <c r="CY17" s="72">
        <v>19</v>
      </c>
      <c r="CZ17" s="73">
        <v>35</v>
      </c>
      <c r="DA17" s="228"/>
      <c r="DB17" s="72">
        <v>29</v>
      </c>
      <c r="DC17" s="72">
        <v>17</v>
      </c>
      <c r="DD17" s="72">
        <v>9</v>
      </c>
      <c r="DE17" s="72">
        <v>12</v>
      </c>
      <c r="DF17" s="72">
        <v>15</v>
      </c>
      <c r="DG17" s="74">
        <v>82</v>
      </c>
      <c r="DH17" s="75">
        <v>117</v>
      </c>
      <c r="DI17" s="60">
        <v>2</v>
      </c>
      <c r="DJ17" s="61">
        <v>2</v>
      </c>
      <c r="DK17" s="62">
        <v>4</v>
      </c>
      <c r="DL17" s="231"/>
      <c r="DM17" s="61">
        <v>0</v>
      </c>
      <c r="DN17" s="61">
        <v>0</v>
      </c>
      <c r="DO17" s="61">
        <v>0</v>
      </c>
      <c r="DP17" s="61">
        <v>1</v>
      </c>
      <c r="DQ17" s="61">
        <v>0</v>
      </c>
      <c r="DR17" s="62">
        <v>1</v>
      </c>
      <c r="DS17" s="63">
        <v>5</v>
      </c>
      <c r="DT17" s="60">
        <v>1</v>
      </c>
      <c r="DU17" s="61">
        <v>0</v>
      </c>
      <c r="DV17" s="62">
        <v>1</v>
      </c>
      <c r="DW17" s="231"/>
      <c r="DX17" s="61">
        <v>3</v>
      </c>
      <c r="DY17" s="61">
        <v>0</v>
      </c>
      <c r="DZ17" s="61">
        <v>1</v>
      </c>
      <c r="EA17" s="61">
        <v>0</v>
      </c>
      <c r="EB17" s="61">
        <v>1</v>
      </c>
      <c r="EC17" s="62">
        <v>5</v>
      </c>
      <c r="ED17" s="63">
        <v>6</v>
      </c>
      <c r="EE17" s="60">
        <v>1</v>
      </c>
      <c r="EF17" s="61">
        <v>0</v>
      </c>
      <c r="EG17" s="62">
        <v>1</v>
      </c>
      <c r="EH17" s="231"/>
      <c r="EI17" s="61">
        <v>6</v>
      </c>
      <c r="EJ17" s="61">
        <v>1</v>
      </c>
      <c r="EK17" s="61">
        <v>0</v>
      </c>
      <c r="EL17" s="61">
        <v>0</v>
      </c>
      <c r="EM17" s="61">
        <v>1</v>
      </c>
      <c r="EN17" s="62">
        <v>8</v>
      </c>
      <c r="EO17" s="63">
        <v>9</v>
      </c>
      <c r="EP17" s="60">
        <v>4</v>
      </c>
      <c r="EQ17" s="61">
        <v>6</v>
      </c>
      <c r="ER17" s="62">
        <v>10</v>
      </c>
      <c r="ES17" s="231"/>
      <c r="ET17" s="61">
        <v>3</v>
      </c>
      <c r="EU17" s="61">
        <v>4</v>
      </c>
      <c r="EV17" s="61">
        <v>1</v>
      </c>
      <c r="EW17" s="61">
        <v>1</v>
      </c>
      <c r="EX17" s="61">
        <v>2</v>
      </c>
      <c r="EY17" s="62">
        <v>11</v>
      </c>
      <c r="EZ17" s="63">
        <v>21</v>
      </c>
      <c r="FA17" s="60">
        <v>4</v>
      </c>
      <c r="FB17" s="61">
        <v>5</v>
      </c>
      <c r="FC17" s="62">
        <v>9</v>
      </c>
      <c r="FD17" s="231"/>
      <c r="FE17" s="61">
        <v>10</v>
      </c>
      <c r="FF17" s="61">
        <v>6</v>
      </c>
      <c r="FG17" s="61">
        <v>2</v>
      </c>
      <c r="FH17" s="61">
        <v>3</v>
      </c>
      <c r="FI17" s="61">
        <v>3</v>
      </c>
      <c r="FJ17" s="62">
        <v>24</v>
      </c>
      <c r="FK17" s="63">
        <v>33</v>
      </c>
      <c r="FL17" s="60">
        <v>4</v>
      </c>
      <c r="FM17" s="61">
        <v>6</v>
      </c>
      <c r="FN17" s="62">
        <v>10</v>
      </c>
      <c r="FO17" s="231"/>
      <c r="FP17" s="61">
        <v>7</v>
      </c>
      <c r="FQ17" s="61">
        <v>6</v>
      </c>
      <c r="FR17" s="61">
        <v>5</v>
      </c>
      <c r="FS17" s="61">
        <v>7</v>
      </c>
      <c r="FT17" s="61">
        <v>8</v>
      </c>
      <c r="FU17" s="62">
        <v>33</v>
      </c>
      <c r="FV17" s="63">
        <v>43</v>
      </c>
      <c r="FW17" s="60">
        <v>0</v>
      </c>
      <c r="FX17" s="61">
        <v>0</v>
      </c>
      <c r="FY17" s="62">
        <v>0</v>
      </c>
      <c r="FZ17" s="231">
        <v>0</v>
      </c>
      <c r="GA17" s="61">
        <v>0</v>
      </c>
      <c r="GB17" s="61">
        <v>0</v>
      </c>
      <c r="GC17" s="61">
        <v>0</v>
      </c>
      <c r="GD17" s="61">
        <v>0</v>
      </c>
      <c r="GE17" s="61">
        <v>0</v>
      </c>
      <c r="GF17" s="62">
        <v>0</v>
      </c>
      <c r="GG17" s="63">
        <v>0</v>
      </c>
      <c r="GH17" s="60">
        <v>16</v>
      </c>
      <c r="GI17" s="61">
        <v>19</v>
      </c>
      <c r="GJ17" s="62">
        <v>35</v>
      </c>
      <c r="GK17" s="231"/>
      <c r="GL17" s="61">
        <v>29</v>
      </c>
      <c r="GM17" s="61">
        <v>17</v>
      </c>
      <c r="GN17" s="61">
        <v>9</v>
      </c>
      <c r="GO17" s="61">
        <v>12</v>
      </c>
      <c r="GP17" s="61">
        <v>15</v>
      </c>
      <c r="GQ17" s="62">
        <v>82</v>
      </c>
      <c r="GR17" s="63">
        <v>117</v>
      </c>
      <c r="GS17" s="113">
        <v>68</v>
      </c>
      <c r="GT17" s="72">
        <v>58</v>
      </c>
      <c r="GU17" s="73">
        <v>126</v>
      </c>
      <c r="GV17" s="228"/>
      <c r="GW17" s="72">
        <v>92</v>
      </c>
      <c r="GX17" s="72">
        <v>73</v>
      </c>
      <c r="GY17" s="72">
        <v>39</v>
      </c>
      <c r="GZ17" s="72">
        <v>35</v>
      </c>
      <c r="HA17" s="72">
        <v>36</v>
      </c>
      <c r="HB17" s="74">
        <v>275</v>
      </c>
      <c r="HC17" s="75">
        <v>401</v>
      </c>
      <c r="HD17" s="60">
        <v>3</v>
      </c>
      <c r="HE17" s="61">
        <v>4</v>
      </c>
      <c r="HF17" s="62">
        <v>7</v>
      </c>
      <c r="HG17" s="231"/>
      <c r="HH17" s="61">
        <v>0</v>
      </c>
      <c r="HI17" s="61">
        <v>1</v>
      </c>
      <c r="HJ17" s="61">
        <v>0</v>
      </c>
      <c r="HK17" s="61">
        <v>2</v>
      </c>
      <c r="HL17" s="61">
        <v>0</v>
      </c>
      <c r="HM17" s="62">
        <v>3</v>
      </c>
      <c r="HN17" s="63">
        <v>10</v>
      </c>
      <c r="HO17" s="60">
        <v>5</v>
      </c>
      <c r="HP17" s="61">
        <v>1</v>
      </c>
      <c r="HQ17" s="62">
        <v>6</v>
      </c>
      <c r="HR17" s="231"/>
      <c r="HS17" s="61">
        <v>8</v>
      </c>
      <c r="HT17" s="61">
        <v>3</v>
      </c>
      <c r="HU17" s="61">
        <v>1</v>
      </c>
      <c r="HV17" s="61">
        <v>1</v>
      </c>
      <c r="HW17" s="61">
        <v>1</v>
      </c>
      <c r="HX17" s="62">
        <v>14</v>
      </c>
      <c r="HY17" s="63">
        <v>20</v>
      </c>
      <c r="HZ17" s="60">
        <v>9</v>
      </c>
      <c r="IA17" s="61">
        <v>3</v>
      </c>
      <c r="IB17" s="62">
        <v>12</v>
      </c>
      <c r="IC17" s="231"/>
      <c r="ID17" s="61">
        <v>11</v>
      </c>
      <c r="IE17" s="61">
        <v>4</v>
      </c>
      <c r="IF17" s="61">
        <v>2</v>
      </c>
      <c r="IG17" s="61">
        <v>1</v>
      </c>
      <c r="IH17" s="61">
        <v>3</v>
      </c>
      <c r="II17" s="62">
        <v>21</v>
      </c>
      <c r="IJ17" s="63">
        <v>33</v>
      </c>
      <c r="IK17" s="60">
        <v>15</v>
      </c>
      <c r="IL17" s="61">
        <v>15</v>
      </c>
      <c r="IM17" s="62">
        <v>30</v>
      </c>
      <c r="IN17" s="231"/>
      <c r="IO17" s="61">
        <v>21</v>
      </c>
      <c r="IP17" s="61">
        <v>13</v>
      </c>
      <c r="IQ17" s="61">
        <v>10</v>
      </c>
      <c r="IR17" s="61">
        <v>8</v>
      </c>
      <c r="IS17" s="61">
        <v>9</v>
      </c>
      <c r="IT17" s="62">
        <v>61</v>
      </c>
      <c r="IU17" s="63">
        <v>91</v>
      </c>
      <c r="IV17" s="60">
        <v>17</v>
      </c>
      <c r="IW17" s="61">
        <v>17</v>
      </c>
      <c r="IX17" s="62">
        <v>34</v>
      </c>
      <c r="IY17" s="231"/>
      <c r="IZ17" s="61">
        <v>29</v>
      </c>
      <c r="JA17" s="61">
        <v>25</v>
      </c>
      <c r="JB17" s="61">
        <v>9</v>
      </c>
      <c r="JC17" s="61">
        <v>8</v>
      </c>
      <c r="JD17" s="61">
        <v>10</v>
      </c>
      <c r="JE17" s="62">
        <v>81</v>
      </c>
      <c r="JF17" s="63">
        <v>115</v>
      </c>
      <c r="JG17" s="60">
        <v>19</v>
      </c>
      <c r="JH17" s="61">
        <v>18</v>
      </c>
      <c r="JI17" s="62">
        <v>37</v>
      </c>
      <c r="JJ17" s="231"/>
      <c r="JK17" s="61">
        <v>23</v>
      </c>
      <c r="JL17" s="61">
        <v>27</v>
      </c>
      <c r="JM17" s="61">
        <v>17</v>
      </c>
      <c r="JN17" s="61">
        <v>15</v>
      </c>
      <c r="JO17" s="61">
        <v>13</v>
      </c>
      <c r="JP17" s="62">
        <v>95</v>
      </c>
      <c r="JQ17" s="63">
        <v>132</v>
      </c>
      <c r="JR17" s="60">
        <v>0</v>
      </c>
      <c r="JS17" s="61">
        <v>0</v>
      </c>
      <c r="JT17" s="62">
        <v>0</v>
      </c>
      <c r="JU17" s="231"/>
      <c r="JV17" s="61">
        <v>0</v>
      </c>
      <c r="JW17" s="61">
        <v>0</v>
      </c>
      <c r="JX17" s="61">
        <v>0</v>
      </c>
      <c r="JY17" s="61">
        <v>0</v>
      </c>
      <c r="JZ17" s="61">
        <v>0</v>
      </c>
      <c r="KA17" s="62">
        <v>0</v>
      </c>
      <c r="KB17" s="63">
        <v>0</v>
      </c>
      <c r="KC17" s="60">
        <v>68</v>
      </c>
      <c r="KD17" s="61">
        <v>58</v>
      </c>
      <c r="KE17" s="62">
        <v>126</v>
      </c>
      <c r="KF17" s="231"/>
      <c r="KG17" s="61">
        <v>92</v>
      </c>
      <c r="KH17" s="61">
        <v>73</v>
      </c>
      <c r="KI17" s="61">
        <v>39</v>
      </c>
      <c r="KJ17" s="61">
        <v>35</v>
      </c>
      <c r="KK17" s="61">
        <v>36</v>
      </c>
      <c r="KL17" s="62">
        <v>275</v>
      </c>
      <c r="KM17" s="63">
        <v>401</v>
      </c>
    </row>
    <row r="18" spans="2:299" ht="21" customHeight="1" x14ac:dyDescent="0.2">
      <c r="B18" s="472" t="s">
        <v>15</v>
      </c>
      <c r="C18" s="293">
        <v>10</v>
      </c>
      <c r="D18" s="72">
        <v>8</v>
      </c>
      <c r="E18" s="73">
        <v>18</v>
      </c>
      <c r="F18" s="228"/>
      <c r="G18" s="72">
        <v>15</v>
      </c>
      <c r="H18" s="72">
        <v>14</v>
      </c>
      <c r="I18" s="72">
        <v>6</v>
      </c>
      <c r="J18" s="72">
        <v>8</v>
      </c>
      <c r="K18" s="72">
        <v>6</v>
      </c>
      <c r="L18" s="74">
        <v>49</v>
      </c>
      <c r="M18" s="75">
        <v>67</v>
      </c>
      <c r="N18" s="60">
        <v>2</v>
      </c>
      <c r="O18" s="61">
        <v>1</v>
      </c>
      <c r="P18" s="62">
        <v>3</v>
      </c>
      <c r="Q18" s="231"/>
      <c r="R18" s="61">
        <v>0</v>
      </c>
      <c r="S18" s="61">
        <v>0</v>
      </c>
      <c r="T18" s="61">
        <v>0</v>
      </c>
      <c r="U18" s="61">
        <v>1</v>
      </c>
      <c r="V18" s="61">
        <v>1</v>
      </c>
      <c r="W18" s="62">
        <v>2</v>
      </c>
      <c r="X18" s="63">
        <v>5</v>
      </c>
      <c r="Y18" s="60">
        <v>2</v>
      </c>
      <c r="Z18" s="61">
        <v>0</v>
      </c>
      <c r="AA18" s="62">
        <v>2</v>
      </c>
      <c r="AB18" s="231"/>
      <c r="AC18" s="61">
        <v>2</v>
      </c>
      <c r="AD18" s="61">
        <v>1</v>
      </c>
      <c r="AE18" s="61">
        <v>0</v>
      </c>
      <c r="AF18" s="61">
        <v>1</v>
      </c>
      <c r="AG18" s="61">
        <v>1</v>
      </c>
      <c r="AH18" s="62">
        <v>5</v>
      </c>
      <c r="AI18" s="63">
        <v>7</v>
      </c>
      <c r="AJ18" s="60">
        <v>0</v>
      </c>
      <c r="AK18" s="61">
        <v>0</v>
      </c>
      <c r="AL18" s="62">
        <v>0</v>
      </c>
      <c r="AM18" s="231"/>
      <c r="AN18" s="61">
        <v>2</v>
      </c>
      <c r="AO18" s="61">
        <v>4</v>
      </c>
      <c r="AP18" s="61">
        <v>1</v>
      </c>
      <c r="AQ18" s="61">
        <v>0</v>
      </c>
      <c r="AR18" s="61">
        <v>1</v>
      </c>
      <c r="AS18" s="62">
        <v>8</v>
      </c>
      <c r="AT18" s="63">
        <v>8</v>
      </c>
      <c r="AU18" s="60">
        <v>0</v>
      </c>
      <c r="AV18" s="61">
        <v>4</v>
      </c>
      <c r="AW18" s="62">
        <v>4</v>
      </c>
      <c r="AX18" s="231"/>
      <c r="AY18" s="61">
        <v>6</v>
      </c>
      <c r="AZ18" s="61">
        <v>1</v>
      </c>
      <c r="BA18" s="61">
        <v>1</v>
      </c>
      <c r="BB18" s="61">
        <v>0</v>
      </c>
      <c r="BC18" s="61">
        <v>1</v>
      </c>
      <c r="BD18" s="62">
        <v>9</v>
      </c>
      <c r="BE18" s="63">
        <v>13</v>
      </c>
      <c r="BF18" s="60">
        <v>2</v>
      </c>
      <c r="BG18" s="61">
        <v>3</v>
      </c>
      <c r="BH18" s="62">
        <v>5</v>
      </c>
      <c r="BI18" s="231"/>
      <c r="BJ18" s="61">
        <v>3</v>
      </c>
      <c r="BK18" s="61">
        <v>4</v>
      </c>
      <c r="BL18" s="61">
        <v>3</v>
      </c>
      <c r="BM18" s="61">
        <v>4</v>
      </c>
      <c r="BN18" s="61">
        <v>1</v>
      </c>
      <c r="BO18" s="62">
        <v>15</v>
      </c>
      <c r="BP18" s="63">
        <v>20</v>
      </c>
      <c r="BQ18" s="60">
        <v>4</v>
      </c>
      <c r="BR18" s="61">
        <v>0</v>
      </c>
      <c r="BS18" s="62">
        <v>4</v>
      </c>
      <c r="BT18" s="231"/>
      <c r="BU18" s="61">
        <v>2</v>
      </c>
      <c r="BV18" s="61">
        <v>4</v>
      </c>
      <c r="BW18" s="61">
        <v>1</v>
      </c>
      <c r="BX18" s="61">
        <v>2</v>
      </c>
      <c r="BY18" s="61">
        <v>1</v>
      </c>
      <c r="BZ18" s="62">
        <v>10</v>
      </c>
      <c r="CA18" s="63">
        <v>14</v>
      </c>
      <c r="CB18" s="60">
        <v>0</v>
      </c>
      <c r="CC18" s="61">
        <v>0</v>
      </c>
      <c r="CD18" s="62">
        <v>0</v>
      </c>
      <c r="CE18" s="231"/>
      <c r="CF18" s="61">
        <v>0</v>
      </c>
      <c r="CG18" s="61">
        <v>0</v>
      </c>
      <c r="CH18" s="61">
        <v>0</v>
      </c>
      <c r="CI18" s="61">
        <v>0</v>
      </c>
      <c r="CJ18" s="61">
        <v>0</v>
      </c>
      <c r="CK18" s="62">
        <v>0</v>
      </c>
      <c r="CL18" s="63">
        <v>0</v>
      </c>
      <c r="CM18" s="60">
        <v>10</v>
      </c>
      <c r="CN18" s="61">
        <v>8</v>
      </c>
      <c r="CO18" s="62">
        <v>18</v>
      </c>
      <c r="CP18" s="231"/>
      <c r="CQ18" s="61">
        <v>15</v>
      </c>
      <c r="CR18" s="61">
        <v>14</v>
      </c>
      <c r="CS18" s="61">
        <v>6</v>
      </c>
      <c r="CT18" s="61">
        <v>8</v>
      </c>
      <c r="CU18" s="61">
        <v>6</v>
      </c>
      <c r="CV18" s="62">
        <v>49</v>
      </c>
      <c r="CW18" s="63">
        <v>67</v>
      </c>
      <c r="CX18" s="113">
        <v>5</v>
      </c>
      <c r="CY18" s="72">
        <v>7</v>
      </c>
      <c r="CZ18" s="73">
        <v>12</v>
      </c>
      <c r="DA18" s="228"/>
      <c r="DB18" s="72">
        <v>5</v>
      </c>
      <c r="DC18" s="72">
        <v>10</v>
      </c>
      <c r="DD18" s="72">
        <v>5</v>
      </c>
      <c r="DE18" s="72">
        <v>4</v>
      </c>
      <c r="DF18" s="72">
        <v>0</v>
      </c>
      <c r="DG18" s="74">
        <v>24</v>
      </c>
      <c r="DH18" s="75">
        <v>36</v>
      </c>
      <c r="DI18" s="60">
        <v>1</v>
      </c>
      <c r="DJ18" s="61">
        <v>0</v>
      </c>
      <c r="DK18" s="62">
        <v>1</v>
      </c>
      <c r="DL18" s="231"/>
      <c r="DM18" s="61">
        <v>0</v>
      </c>
      <c r="DN18" s="61">
        <v>0</v>
      </c>
      <c r="DO18" s="61">
        <v>0</v>
      </c>
      <c r="DP18" s="61">
        <v>0</v>
      </c>
      <c r="DQ18" s="61">
        <v>0</v>
      </c>
      <c r="DR18" s="62">
        <v>0</v>
      </c>
      <c r="DS18" s="63">
        <v>1</v>
      </c>
      <c r="DT18" s="60">
        <v>1</v>
      </c>
      <c r="DU18" s="61">
        <v>0</v>
      </c>
      <c r="DV18" s="62">
        <v>1</v>
      </c>
      <c r="DW18" s="231"/>
      <c r="DX18" s="61">
        <v>0</v>
      </c>
      <c r="DY18" s="61">
        <v>0</v>
      </c>
      <c r="DZ18" s="61">
        <v>0</v>
      </c>
      <c r="EA18" s="61">
        <v>0</v>
      </c>
      <c r="EB18" s="61">
        <v>0</v>
      </c>
      <c r="EC18" s="62">
        <v>0</v>
      </c>
      <c r="ED18" s="63">
        <v>1</v>
      </c>
      <c r="EE18" s="60">
        <v>1</v>
      </c>
      <c r="EF18" s="61">
        <v>2</v>
      </c>
      <c r="EG18" s="62">
        <v>3</v>
      </c>
      <c r="EH18" s="231"/>
      <c r="EI18" s="61">
        <v>1</v>
      </c>
      <c r="EJ18" s="61">
        <v>0</v>
      </c>
      <c r="EK18" s="61">
        <v>0</v>
      </c>
      <c r="EL18" s="61">
        <v>0</v>
      </c>
      <c r="EM18" s="61">
        <v>0</v>
      </c>
      <c r="EN18" s="62">
        <v>1</v>
      </c>
      <c r="EO18" s="63">
        <v>4</v>
      </c>
      <c r="EP18" s="60">
        <v>0</v>
      </c>
      <c r="EQ18" s="61">
        <v>3</v>
      </c>
      <c r="ER18" s="62">
        <v>3</v>
      </c>
      <c r="ES18" s="231"/>
      <c r="ET18" s="61">
        <v>1</v>
      </c>
      <c r="EU18" s="61">
        <v>0</v>
      </c>
      <c r="EV18" s="61">
        <v>0</v>
      </c>
      <c r="EW18" s="61">
        <v>0</v>
      </c>
      <c r="EX18" s="61">
        <v>0</v>
      </c>
      <c r="EY18" s="62">
        <v>1</v>
      </c>
      <c r="EZ18" s="63">
        <v>4</v>
      </c>
      <c r="FA18" s="60">
        <v>0</v>
      </c>
      <c r="FB18" s="61">
        <v>1</v>
      </c>
      <c r="FC18" s="62">
        <v>1</v>
      </c>
      <c r="FD18" s="231"/>
      <c r="FE18" s="61">
        <v>2</v>
      </c>
      <c r="FF18" s="61">
        <v>4</v>
      </c>
      <c r="FG18" s="61">
        <v>2</v>
      </c>
      <c r="FH18" s="61">
        <v>1</v>
      </c>
      <c r="FI18" s="61">
        <v>0</v>
      </c>
      <c r="FJ18" s="62">
        <v>9</v>
      </c>
      <c r="FK18" s="63">
        <v>10</v>
      </c>
      <c r="FL18" s="60">
        <v>2</v>
      </c>
      <c r="FM18" s="61">
        <v>1</v>
      </c>
      <c r="FN18" s="62">
        <v>3</v>
      </c>
      <c r="FO18" s="231"/>
      <c r="FP18" s="61">
        <v>1</v>
      </c>
      <c r="FQ18" s="61">
        <v>6</v>
      </c>
      <c r="FR18" s="61">
        <v>3</v>
      </c>
      <c r="FS18" s="61">
        <v>3</v>
      </c>
      <c r="FT18" s="61">
        <v>0</v>
      </c>
      <c r="FU18" s="62">
        <v>13</v>
      </c>
      <c r="FV18" s="63">
        <v>16</v>
      </c>
      <c r="FW18" s="60">
        <v>0</v>
      </c>
      <c r="FX18" s="61">
        <v>0</v>
      </c>
      <c r="FY18" s="62">
        <v>0</v>
      </c>
      <c r="FZ18" s="231">
        <v>0</v>
      </c>
      <c r="GA18" s="61">
        <v>0</v>
      </c>
      <c r="GB18" s="61">
        <v>0</v>
      </c>
      <c r="GC18" s="61">
        <v>0</v>
      </c>
      <c r="GD18" s="61">
        <v>0</v>
      </c>
      <c r="GE18" s="61">
        <v>0</v>
      </c>
      <c r="GF18" s="62">
        <v>0</v>
      </c>
      <c r="GG18" s="63">
        <v>0</v>
      </c>
      <c r="GH18" s="60">
        <v>5</v>
      </c>
      <c r="GI18" s="61">
        <v>7</v>
      </c>
      <c r="GJ18" s="62">
        <v>12</v>
      </c>
      <c r="GK18" s="231"/>
      <c r="GL18" s="61">
        <v>5</v>
      </c>
      <c r="GM18" s="61">
        <v>10</v>
      </c>
      <c r="GN18" s="61">
        <v>5</v>
      </c>
      <c r="GO18" s="61">
        <v>4</v>
      </c>
      <c r="GP18" s="61">
        <v>0</v>
      </c>
      <c r="GQ18" s="62">
        <v>24</v>
      </c>
      <c r="GR18" s="63">
        <v>36</v>
      </c>
      <c r="GS18" s="113">
        <v>15</v>
      </c>
      <c r="GT18" s="72">
        <v>15</v>
      </c>
      <c r="GU18" s="73">
        <v>30</v>
      </c>
      <c r="GV18" s="228"/>
      <c r="GW18" s="72">
        <v>20</v>
      </c>
      <c r="GX18" s="72">
        <v>24</v>
      </c>
      <c r="GY18" s="72">
        <v>11</v>
      </c>
      <c r="GZ18" s="72">
        <v>12</v>
      </c>
      <c r="HA18" s="72">
        <v>6</v>
      </c>
      <c r="HB18" s="74">
        <v>73</v>
      </c>
      <c r="HC18" s="75">
        <v>103</v>
      </c>
      <c r="HD18" s="60">
        <v>3</v>
      </c>
      <c r="HE18" s="61">
        <v>1</v>
      </c>
      <c r="HF18" s="62">
        <v>4</v>
      </c>
      <c r="HG18" s="231"/>
      <c r="HH18" s="61">
        <v>0</v>
      </c>
      <c r="HI18" s="61">
        <v>0</v>
      </c>
      <c r="HJ18" s="61">
        <v>0</v>
      </c>
      <c r="HK18" s="61">
        <v>1</v>
      </c>
      <c r="HL18" s="61">
        <v>1</v>
      </c>
      <c r="HM18" s="62">
        <v>2</v>
      </c>
      <c r="HN18" s="63">
        <v>6</v>
      </c>
      <c r="HO18" s="60">
        <v>3</v>
      </c>
      <c r="HP18" s="61">
        <v>0</v>
      </c>
      <c r="HQ18" s="62">
        <v>3</v>
      </c>
      <c r="HR18" s="231"/>
      <c r="HS18" s="61">
        <v>2</v>
      </c>
      <c r="HT18" s="61">
        <v>1</v>
      </c>
      <c r="HU18" s="61">
        <v>0</v>
      </c>
      <c r="HV18" s="61">
        <v>1</v>
      </c>
      <c r="HW18" s="61">
        <v>1</v>
      </c>
      <c r="HX18" s="62">
        <v>5</v>
      </c>
      <c r="HY18" s="63">
        <v>8</v>
      </c>
      <c r="HZ18" s="60">
        <v>1</v>
      </c>
      <c r="IA18" s="61">
        <v>2</v>
      </c>
      <c r="IB18" s="62">
        <v>3</v>
      </c>
      <c r="IC18" s="231"/>
      <c r="ID18" s="61">
        <v>3</v>
      </c>
      <c r="IE18" s="61">
        <v>4</v>
      </c>
      <c r="IF18" s="61">
        <v>1</v>
      </c>
      <c r="IG18" s="61">
        <v>0</v>
      </c>
      <c r="IH18" s="61">
        <v>1</v>
      </c>
      <c r="II18" s="62">
        <v>9</v>
      </c>
      <c r="IJ18" s="63">
        <v>12</v>
      </c>
      <c r="IK18" s="60">
        <v>0</v>
      </c>
      <c r="IL18" s="61">
        <v>7</v>
      </c>
      <c r="IM18" s="62">
        <v>7</v>
      </c>
      <c r="IN18" s="231"/>
      <c r="IO18" s="61">
        <v>7</v>
      </c>
      <c r="IP18" s="61">
        <v>1</v>
      </c>
      <c r="IQ18" s="61">
        <v>1</v>
      </c>
      <c r="IR18" s="61">
        <v>0</v>
      </c>
      <c r="IS18" s="61">
        <v>1</v>
      </c>
      <c r="IT18" s="62">
        <v>10</v>
      </c>
      <c r="IU18" s="63">
        <v>17</v>
      </c>
      <c r="IV18" s="60">
        <v>2</v>
      </c>
      <c r="IW18" s="61">
        <v>4</v>
      </c>
      <c r="IX18" s="62">
        <v>6</v>
      </c>
      <c r="IY18" s="231"/>
      <c r="IZ18" s="61">
        <v>5</v>
      </c>
      <c r="JA18" s="61">
        <v>8</v>
      </c>
      <c r="JB18" s="61">
        <v>5</v>
      </c>
      <c r="JC18" s="61">
        <v>5</v>
      </c>
      <c r="JD18" s="61">
        <v>1</v>
      </c>
      <c r="JE18" s="62">
        <v>24</v>
      </c>
      <c r="JF18" s="63">
        <v>30</v>
      </c>
      <c r="JG18" s="60">
        <v>6</v>
      </c>
      <c r="JH18" s="61">
        <v>1</v>
      </c>
      <c r="JI18" s="62">
        <v>7</v>
      </c>
      <c r="JJ18" s="231"/>
      <c r="JK18" s="61">
        <v>3</v>
      </c>
      <c r="JL18" s="61">
        <v>10</v>
      </c>
      <c r="JM18" s="61">
        <v>4</v>
      </c>
      <c r="JN18" s="61">
        <v>5</v>
      </c>
      <c r="JO18" s="61">
        <v>1</v>
      </c>
      <c r="JP18" s="62">
        <v>23</v>
      </c>
      <c r="JQ18" s="63">
        <v>30</v>
      </c>
      <c r="JR18" s="60">
        <v>0</v>
      </c>
      <c r="JS18" s="61">
        <v>0</v>
      </c>
      <c r="JT18" s="62">
        <v>0</v>
      </c>
      <c r="JU18" s="231"/>
      <c r="JV18" s="61">
        <v>0</v>
      </c>
      <c r="JW18" s="61">
        <v>0</v>
      </c>
      <c r="JX18" s="61">
        <v>0</v>
      </c>
      <c r="JY18" s="61">
        <v>0</v>
      </c>
      <c r="JZ18" s="61">
        <v>0</v>
      </c>
      <c r="KA18" s="62">
        <v>0</v>
      </c>
      <c r="KB18" s="63">
        <v>0</v>
      </c>
      <c r="KC18" s="60">
        <v>15</v>
      </c>
      <c r="KD18" s="61">
        <v>15</v>
      </c>
      <c r="KE18" s="62">
        <v>30</v>
      </c>
      <c r="KF18" s="231"/>
      <c r="KG18" s="61">
        <v>20</v>
      </c>
      <c r="KH18" s="61">
        <v>24</v>
      </c>
      <c r="KI18" s="61">
        <v>11</v>
      </c>
      <c r="KJ18" s="61">
        <v>12</v>
      </c>
      <c r="KK18" s="61">
        <v>6</v>
      </c>
      <c r="KL18" s="62">
        <v>73</v>
      </c>
      <c r="KM18" s="63">
        <v>103</v>
      </c>
    </row>
    <row r="19" spans="2:299" ht="21" customHeight="1" x14ac:dyDescent="0.2">
      <c r="B19" s="472" t="s">
        <v>16</v>
      </c>
      <c r="C19" s="293">
        <v>27</v>
      </c>
      <c r="D19" s="72">
        <v>28</v>
      </c>
      <c r="E19" s="73">
        <v>55</v>
      </c>
      <c r="F19" s="228"/>
      <c r="G19" s="72">
        <v>57</v>
      </c>
      <c r="H19" s="72">
        <v>60</v>
      </c>
      <c r="I19" s="72">
        <v>42</v>
      </c>
      <c r="J19" s="72">
        <v>22</v>
      </c>
      <c r="K19" s="72">
        <v>21</v>
      </c>
      <c r="L19" s="74">
        <v>202</v>
      </c>
      <c r="M19" s="75">
        <v>257</v>
      </c>
      <c r="N19" s="60">
        <v>0</v>
      </c>
      <c r="O19" s="61">
        <v>1</v>
      </c>
      <c r="P19" s="62">
        <v>1</v>
      </c>
      <c r="Q19" s="231"/>
      <c r="R19" s="61">
        <v>0</v>
      </c>
      <c r="S19" s="61">
        <v>2</v>
      </c>
      <c r="T19" s="61">
        <v>1</v>
      </c>
      <c r="U19" s="61">
        <v>0</v>
      </c>
      <c r="V19" s="61">
        <v>4</v>
      </c>
      <c r="W19" s="62">
        <v>7</v>
      </c>
      <c r="X19" s="63">
        <v>8</v>
      </c>
      <c r="Y19" s="60">
        <v>1</v>
      </c>
      <c r="Z19" s="61">
        <v>5</v>
      </c>
      <c r="AA19" s="62">
        <v>6</v>
      </c>
      <c r="AB19" s="231"/>
      <c r="AC19" s="61">
        <v>3</v>
      </c>
      <c r="AD19" s="61">
        <v>7</v>
      </c>
      <c r="AE19" s="61">
        <v>4</v>
      </c>
      <c r="AF19" s="61">
        <v>1</v>
      </c>
      <c r="AG19" s="61">
        <v>1</v>
      </c>
      <c r="AH19" s="62">
        <v>16</v>
      </c>
      <c r="AI19" s="63">
        <v>22</v>
      </c>
      <c r="AJ19" s="60">
        <v>5</v>
      </c>
      <c r="AK19" s="61">
        <v>3</v>
      </c>
      <c r="AL19" s="62">
        <v>8</v>
      </c>
      <c r="AM19" s="231"/>
      <c r="AN19" s="61">
        <v>4</v>
      </c>
      <c r="AO19" s="61">
        <v>8</v>
      </c>
      <c r="AP19" s="61">
        <v>9</v>
      </c>
      <c r="AQ19" s="61">
        <v>3</v>
      </c>
      <c r="AR19" s="61">
        <v>4</v>
      </c>
      <c r="AS19" s="62">
        <v>28</v>
      </c>
      <c r="AT19" s="63">
        <v>36</v>
      </c>
      <c r="AU19" s="60">
        <v>9</v>
      </c>
      <c r="AV19" s="61">
        <v>6</v>
      </c>
      <c r="AW19" s="62">
        <v>15</v>
      </c>
      <c r="AX19" s="231"/>
      <c r="AY19" s="61">
        <v>20</v>
      </c>
      <c r="AZ19" s="61">
        <v>20</v>
      </c>
      <c r="BA19" s="61">
        <v>8</v>
      </c>
      <c r="BB19" s="61">
        <v>1</v>
      </c>
      <c r="BC19" s="61">
        <v>5</v>
      </c>
      <c r="BD19" s="62">
        <v>54</v>
      </c>
      <c r="BE19" s="63">
        <v>69</v>
      </c>
      <c r="BF19" s="60">
        <v>9</v>
      </c>
      <c r="BG19" s="61">
        <v>8</v>
      </c>
      <c r="BH19" s="62">
        <v>17</v>
      </c>
      <c r="BI19" s="231"/>
      <c r="BJ19" s="61">
        <v>18</v>
      </c>
      <c r="BK19" s="61">
        <v>11</v>
      </c>
      <c r="BL19" s="61">
        <v>12</v>
      </c>
      <c r="BM19" s="61">
        <v>9</v>
      </c>
      <c r="BN19" s="61">
        <v>6</v>
      </c>
      <c r="BO19" s="62">
        <v>56</v>
      </c>
      <c r="BP19" s="63">
        <v>73</v>
      </c>
      <c r="BQ19" s="60">
        <v>3</v>
      </c>
      <c r="BR19" s="61">
        <v>5</v>
      </c>
      <c r="BS19" s="62">
        <v>8</v>
      </c>
      <c r="BT19" s="231"/>
      <c r="BU19" s="61">
        <v>12</v>
      </c>
      <c r="BV19" s="61">
        <v>12</v>
      </c>
      <c r="BW19" s="61">
        <v>8</v>
      </c>
      <c r="BX19" s="61">
        <v>8</v>
      </c>
      <c r="BY19" s="61">
        <v>1</v>
      </c>
      <c r="BZ19" s="62">
        <v>41</v>
      </c>
      <c r="CA19" s="63">
        <v>49</v>
      </c>
      <c r="CB19" s="60">
        <v>0</v>
      </c>
      <c r="CC19" s="61">
        <v>0</v>
      </c>
      <c r="CD19" s="62">
        <v>0</v>
      </c>
      <c r="CE19" s="231"/>
      <c r="CF19" s="61">
        <v>0</v>
      </c>
      <c r="CG19" s="61">
        <v>0</v>
      </c>
      <c r="CH19" s="61">
        <v>0</v>
      </c>
      <c r="CI19" s="61">
        <v>0</v>
      </c>
      <c r="CJ19" s="61">
        <v>0</v>
      </c>
      <c r="CK19" s="62">
        <v>0</v>
      </c>
      <c r="CL19" s="63">
        <v>0</v>
      </c>
      <c r="CM19" s="60">
        <v>27</v>
      </c>
      <c r="CN19" s="61">
        <v>28</v>
      </c>
      <c r="CO19" s="62">
        <v>55</v>
      </c>
      <c r="CP19" s="231"/>
      <c r="CQ19" s="61">
        <v>57</v>
      </c>
      <c r="CR19" s="61">
        <v>60</v>
      </c>
      <c r="CS19" s="61">
        <v>42</v>
      </c>
      <c r="CT19" s="61">
        <v>22</v>
      </c>
      <c r="CU19" s="61">
        <v>21</v>
      </c>
      <c r="CV19" s="62">
        <v>202</v>
      </c>
      <c r="CW19" s="63">
        <v>257</v>
      </c>
      <c r="CX19" s="113">
        <v>10</v>
      </c>
      <c r="CY19" s="72">
        <v>17</v>
      </c>
      <c r="CZ19" s="73">
        <v>27</v>
      </c>
      <c r="DA19" s="228"/>
      <c r="DB19" s="72">
        <v>19</v>
      </c>
      <c r="DC19" s="72">
        <v>20</v>
      </c>
      <c r="DD19" s="72">
        <v>17</v>
      </c>
      <c r="DE19" s="72">
        <v>16</v>
      </c>
      <c r="DF19" s="72">
        <v>7</v>
      </c>
      <c r="DG19" s="74">
        <v>79</v>
      </c>
      <c r="DH19" s="75">
        <v>106</v>
      </c>
      <c r="DI19" s="60">
        <v>0</v>
      </c>
      <c r="DJ19" s="61">
        <v>1</v>
      </c>
      <c r="DK19" s="62">
        <v>1</v>
      </c>
      <c r="DL19" s="231"/>
      <c r="DM19" s="61">
        <v>1</v>
      </c>
      <c r="DN19" s="61">
        <v>0</v>
      </c>
      <c r="DO19" s="61">
        <v>1</v>
      </c>
      <c r="DP19" s="61">
        <v>0</v>
      </c>
      <c r="DQ19" s="61">
        <v>0</v>
      </c>
      <c r="DR19" s="62">
        <v>2</v>
      </c>
      <c r="DS19" s="63">
        <v>3</v>
      </c>
      <c r="DT19" s="60">
        <v>0</v>
      </c>
      <c r="DU19" s="61">
        <v>3</v>
      </c>
      <c r="DV19" s="62">
        <v>3</v>
      </c>
      <c r="DW19" s="231"/>
      <c r="DX19" s="61">
        <v>1</v>
      </c>
      <c r="DY19" s="61">
        <v>2</v>
      </c>
      <c r="DZ19" s="61">
        <v>0</v>
      </c>
      <c r="EA19" s="61">
        <v>0</v>
      </c>
      <c r="EB19" s="61">
        <v>0</v>
      </c>
      <c r="EC19" s="62">
        <v>3</v>
      </c>
      <c r="ED19" s="63">
        <v>6</v>
      </c>
      <c r="EE19" s="60">
        <v>3</v>
      </c>
      <c r="EF19" s="61">
        <v>2</v>
      </c>
      <c r="EG19" s="62">
        <v>5</v>
      </c>
      <c r="EH19" s="231"/>
      <c r="EI19" s="61">
        <v>0</v>
      </c>
      <c r="EJ19" s="61">
        <v>1</v>
      </c>
      <c r="EK19" s="61">
        <v>2</v>
      </c>
      <c r="EL19" s="61">
        <v>1</v>
      </c>
      <c r="EM19" s="61">
        <v>0</v>
      </c>
      <c r="EN19" s="62">
        <v>4</v>
      </c>
      <c r="EO19" s="63">
        <v>9</v>
      </c>
      <c r="EP19" s="60">
        <v>4</v>
      </c>
      <c r="EQ19" s="61">
        <v>3</v>
      </c>
      <c r="ER19" s="62">
        <v>7</v>
      </c>
      <c r="ES19" s="231"/>
      <c r="ET19" s="61">
        <v>5</v>
      </c>
      <c r="EU19" s="61">
        <v>4</v>
      </c>
      <c r="EV19" s="61">
        <v>1</v>
      </c>
      <c r="EW19" s="61">
        <v>0</v>
      </c>
      <c r="EX19" s="61">
        <v>1</v>
      </c>
      <c r="EY19" s="62">
        <v>11</v>
      </c>
      <c r="EZ19" s="63">
        <v>18</v>
      </c>
      <c r="FA19" s="60">
        <v>1</v>
      </c>
      <c r="FB19" s="61">
        <v>4</v>
      </c>
      <c r="FC19" s="62">
        <v>5</v>
      </c>
      <c r="FD19" s="231"/>
      <c r="FE19" s="61">
        <v>6</v>
      </c>
      <c r="FF19" s="61">
        <v>6</v>
      </c>
      <c r="FG19" s="61">
        <v>5</v>
      </c>
      <c r="FH19" s="61">
        <v>3</v>
      </c>
      <c r="FI19" s="61">
        <v>0</v>
      </c>
      <c r="FJ19" s="62">
        <v>20</v>
      </c>
      <c r="FK19" s="63">
        <v>25</v>
      </c>
      <c r="FL19" s="60">
        <v>2</v>
      </c>
      <c r="FM19" s="61">
        <v>4</v>
      </c>
      <c r="FN19" s="62">
        <v>6</v>
      </c>
      <c r="FO19" s="231"/>
      <c r="FP19" s="61">
        <v>6</v>
      </c>
      <c r="FQ19" s="61">
        <v>7</v>
      </c>
      <c r="FR19" s="61">
        <v>8</v>
      </c>
      <c r="FS19" s="61">
        <v>12</v>
      </c>
      <c r="FT19" s="61">
        <v>6</v>
      </c>
      <c r="FU19" s="62">
        <v>39</v>
      </c>
      <c r="FV19" s="63">
        <v>45</v>
      </c>
      <c r="FW19" s="60">
        <v>0</v>
      </c>
      <c r="FX19" s="61">
        <v>0</v>
      </c>
      <c r="FY19" s="62">
        <v>0</v>
      </c>
      <c r="FZ19" s="231">
        <v>0</v>
      </c>
      <c r="GA19" s="61">
        <v>0</v>
      </c>
      <c r="GB19" s="61">
        <v>0</v>
      </c>
      <c r="GC19" s="61">
        <v>0</v>
      </c>
      <c r="GD19" s="61">
        <v>0</v>
      </c>
      <c r="GE19" s="61">
        <v>0</v>
      </c>
      <c r="GF19" s="62">
        <v>0</v>
      </c>
      <c r="GG19" s="63">
        <v>0</v>
      </c>
      <c r="GH19" s="60">
        <v>10</v>
      </c>
      <c r="GI19" s="61">
        <v>17</v>
      </c>
      <c r="GJ19" s="62">
        <v>27</v>
      </c>
      <c r="GK19" s="231"/>
      <c r="GL19" s="61">
        <v>19</v>
      </c>
      <c r="GM19" s="61">
        <v>20</v>
      </c>
      <c r="GN19" s="61">
        <v>17</v>
      </c>
      <c r="GO19" s="61">
        <v>16</v>
      </c>
      <c r="GP19" s="61">
        <v>7</v>
      </c>
      <c r="GQ19" s="62">
        <v>79</v>
      </c>
      <c r="GR19" s="63">
        <v>106</v>
      </c>
      <c r="GS19" s="113">
        <v>37</v>
      </c>
      <c r="GT19" s="72">
        <v>45</v>
      </c>
      <c r="GU19" s="73">
        <v>82</v>
      </c>
      <c r="GV19" s="228"/>
      <c r="GW19" s="72">
        <v>76</v>
      </c>
      <c r="GX19" s="72">
        <v>80</v>
      </c>
      <c r="GY19" s="72">
        <v>59</v>
      </c>
      <c r="GZ19" s="72">
        <v>38</v>
      </c>
      <c r="HA19" s="72">
        <v>28</v>
      </c>
      <c r="HB19" s="74">
        <v>281</v>
      </c>
      <c r="HC19" s="75">
        <v>363</v>
      </c>
      <c r="HD19" s="60">
        <v>0</v>
      </c>
      <c r="HE19" s="61">
        <v>2</v>
      </c>
      <c r="HF19" s="62">
        <v>2</v>
      </c>
      <c r="HG19" s="231"/>
      <c r="HH19" s="61">
        <v>1</v>
      </c>
      <c r="HI19" s="61">
        <v>2</v>
      </c>
      <c r="HJ19" s="61">
        <v>2</v>
      </c>
      <c r="HK19" s="61">
        <v>0</v>
      </c>
      <c r="HL19" s="61">
        <v>4</v>
      </c>
      <c r="HM19" s="62">
        <v>9</v>
      </c>
      <c r="HN19" s="63">
        <v>11</v>
      </c>
      <c r="HO19" s="60">
        <v>1</v>
      </c>
      <c r="HP19" s="61">
        <v>8</v>
      </c>
      <c r="HQ19" s="62">
        <v>9</v>
      </c>
      <c r="HR19" s="231"/>
      <c r="HS19" s="61">
        <v>4</v>
      </c>
      <c r="HT19" s="61">
        <v>9</v>
      </c>
      <c r="HU19" s="61">
        <v>4</v>
      </c>
      <c r="HV19" s="61">
        <v>1</v>
      </c>
      <c r="HW19" s="61">
        <v>1</v>
      </c>
      <c r="HX19" s="62">
        <v>19</v>
      </c>
      <c r="HY19" s="63">
        <v>28</v>
      </c>
      <c r="HZ19" s="60">
        <v>8</v>
      </c>
      <c r="IA19" s="61">
        <v>5</v>
      </c>
      <c r="IB19" s="62">
        <v>13</v>
      </c>
      <c r="IC19" s="231"/>
      <c r="ID19" s="61">
        <v>4</v>
      </c>
      <c r="IE19" s="61">
        <v>9</v>
      </c>
      <c r="IF19" s="61">
        <v>11</v>
      </c>
      <c r="IG19" s="61">
        <v>4</v>
      </c>
      <c r="IH19" s="61">
        <v>4</v>
      </c>
      <c r="II19" s="62">
        <v>32</v>
      </c>
      <c r="IJ19" s="63">
        <v>45</v>
      </c>
      <c r="IK19" s="60">
        <v>13</v>
      </c>
      <c r="IL19" s="61">
        <v>9</v>
      </c>
      <c r="IM19" s="62">
        <v>22</v>
      </c>
      <c r="IN19" s="231"/>
      <c r="IO19" s="61">
        <v>25</v>
      </c>
      <c r="IP19" s="61">
        <v>24</v>
      </c>
      <c r="IQ19" s="61">
        <v>9</v>
      </c>
      <c r="IR19" s="61">
        <v>1</v>
      </c>
      <c r="IS19" s="61">
        <v>6</v>
      </c>
      <c r="IT19" s="62">
        <v>65</v>
      </c>
      <c r="IU19" s="63">
        <v>87</v>
      </c>
      <c r="IV19" s="60">
        <v>10</v>
      </c>
      <c r="IW19" s="61">
        <v>12</v>
      </c>
      <c r="IX19" s="62">
        <v>22</v>
      </c>
      <c r="IY19" s="231"/>
      <c r="IZ19" s="61">
        <v>24</v>
      </c>
      <c r="JA19" s="61">
        <v>17</v>
      </c>
      <c r="JB19" s="61">
        <v>17</v>
      </c>
      <c r="JC19" s="61">
        <v>12</v>
      </c>
      <c r="JD19" s="61">
        <v>6</v>
      </c>
      <c r="JE19" s="62">
        <v>76</v>
      </c>
      <c r="JF19" s="63">
        <v>98</v>
      </c>
      <c r="JG19" s="60">
        <v>5</v>
      </c>
      <c r="JH19" s="61">
        <v>9</v>
      </c>
      <c r="JI19" s="62">
        <v>14</v>
      </c>
      <c r="JJ19" s="231"/>
      <c r="JK19" s="61">
        <v>18</v>
      </c>
      <c r="JL19" s="61">
        <v>19</v>
      </c>
      <c r="JM19" s="61">
        <v>16</v>
      </c>
      <c r="JN19" s="61">
        <v>20</v>
      </c>
      <c r="JO19" s="61">
        <v>7</v>
      </c>
      <c r="JP19" s="62">
        <v>80</v>
      </c>
      <c r="JQ19" s="63">
        <v>94</v>
      </c>
      <c r="JR19" s="60">
        <v>0</v>
      </c>
      <c r="JS19" s="61">
        <v>0</v>
      </c>
      <c r="JT19" s="62">
        <v>0</v>
      </c>
      <c r="JU19" s="231"/>
      <c r="JV19" s="61">
        <v>0</v>
      </c>
      <c r="JW19" s="61">
        <v>0</v>
      </c>
      <c r="JX19" s="61">
        <v>0</v>
      </c>
      <c r="JY19" s="61">
        <v>0</v>
      </c>
      <c r="JZ19" s="61">
        <v>0</v>
      </c>
      <c r="KA19" s="62">
        <v>0</v>
      </c>
      <c r="KB19" s="63">
        <v>0</v>
      </c>
      <c r="KC19" s="60">
        <v>37</v>
      </c>
      <c r="KD19" s="61">
        <v>45</v>
      </c>
      <c r="KE19" s="62">
        <v>82</v>
      </c>
      <c r="KF19" s="231"/>
      <c r="KG19" s="61">
        <v>76</v>
      </c>
      <c r="KH19" s="61">
        <v>80</v>
      </c>
      <c r="KI19" s="61">
        <v>59</v>
      </c>
      <c r="KJ19" s="61">
        <v>38</v>
      </c>
      <c r="KK19" s="61">
        <v>28</v>
      </c>
      <c r="KL19" s="62">
        <v>281</v>
      </c>
      <c r="KM19" s="63">
        <v>363</v>
      </c>
    </row>
    <row r="20" spans="2:299" ht="21" customHeight="1" x14ac:dyDescent="0.2">
      <c r="B20" s="472" t="s">
        <v>17</v>
      </c>
      <c r="C20" s="293">
        <v>50</v>
      </c>
      <c r="D20" s="72">
        <v>50</v>
      </c>
      <c r="E20" s="73">
        <v>100</v>
      </c>
      <c r="F20" s="228"/>
      <c r="G20" s="72">
        <v>76</v>
      </c>
      <c r="H20" s="72">
        <v>87</v>
      </c>
      <c r="I20" s="72">
        <v>65</v>
      </c>
      <c r="J20" s="72">
        <v>49</v>
      </c>
      <c r="K20" s="72">
        <v>24</v>
      </c>
      <c r="L20" s="74">
        <v>301</v>
      </c>
      <c r="M20" s="75">
        <v>401</v>
      </c>
      <c r="N20" s="60">
        <v>3</v>
      </c>
      <c r="O20" s="61">
        <v>1</v>
      </c>
      <c r="P20" s="62">
        <v>4</v>
      </c>
      <c r="Q20" s="231"/>
      <c r="R20" s="61">
        <v>4</v>
      </c>
      <c r="S20" s="61">
        <v>4</v>
      </c>
      <c r="T20" s="61">
        <v>3</v>
      </c>
      <c r="U20" s="61">
        <v>3</v>
      </c>
      <c r="V20" s="61">
        <v>0</v>
      </c>
      <c r="W20" s="62">
        <v>14</v>
      </c>
      <c r="X20" s="63">
        <v>18</v>
      </c>
      <c r="Y20" s="60">
        <v>1</v>
      </c>
      <c r="Z20" s="61">
        <v>4</v>
      </c>
      <c r="AA20" s="62">
        <v>5</v>
      </c>
      <c r="AB20" s="231"/>
      <c r="AC20" s="61">
        <v>2</v>
      </c>
      <c r="AD20" s="61">
        <v>11</v>
      </c>
      <c r="AE20" s="61">
        <v>6</v>
      </c>
      <c r="AF20" s="61">
        <v>4</v>
      </c>
      <c r="AG20" s="61">
        <v>2</v>
      </c>
      <c r="AH20" s="62">
        <v>25</v>
      </c>
      <c r="AI20" s="63">
        <v>30</v>
      </c>
      <c r="AJ20" s="60">
        <v>5</v>
      </c>
      <c r="AK20" s="61">
        <v>4</v>
      </c>
      <c r="AL20" s="62">
        <v>9</v>
      </c>
      <c r="AM20" s="231"/>
      <c r="AN20" s="61">
        <v>13</v>
      </c>
      <c r="AO20" s="61">
        <v>10</v>
      </c>
      <c r="AP20" s="61">
        <v>13</v>
      </c>
      <c r="AQ20" s="61">
        <v>10</v>
      </c>
      <c r="AR20" s="61">
        <v>6</v>
      </c>
      <c r="AS20" s="62">
        <v>52</v>
      </c>
      <c r="AT20" s="63">
        <v>61</v>
      </c>
      <c r="AU20" s="60">
        <v>11</v>
      </c>
      <c r="AV20" s="61">
        <v>10</v>
      </c>
      <c r="AW20" s="62">
        <v>21</v>
      </c>
      <c r="AX20" s="231"/>
      <c r="AY20" s="61">
        <v>19</v>
      </c>
      <c r="AZ20" s="61">
        <v>20</v>
      </c>
      <c r="BA20" s="61">
        <v>15</v>
      </c>
      <c r="BB20" s="61">
        <v>8</v>
      </c>
      <c r="BC20" s="61">
        <v>5</v>
      </c>
      <c r="BD20" s="62">
        <v>67</v>
      </c>
      <c r="BE20" s="63">
        <v>88</v>
      </c>
      <c r="BF20" s="60">
        <v>18</v>
      </c>
      <c r="BG20" s="61">
        <v>16</v>
      </c>
      <c r="BH20" s="62">
        <v>34</v>
      </c>
      <c r="BI20" s="231"/>
      <c r="BJ20" s="61">
        <v>25</v>
      </c>
      <c r="BK20" s="61">
        <v>21</v>
      </c>
      <c r="BL20" s="61">
        <v>16</v>
      </c>
      <c r="BM20" s="61">
        <v>12</v>
      </c>
      <c r="BN20" s="61">
        <v>4</v>
      </c>
      <c r="BO20" s="62">
        <v>78</v>
      </c>
      <c r="BP20" s="63">
        <v>112</v>
      </c>
      <c r="BQ20" s="60">
        <v>12</v>
      </c>
      <c r="BR20" s="61">
        <v>15</v>
      </c>
      <c r="BS20" s="62">
        <v>27</v>
      </c>
      <c r="BT20" s="231"/>
      <c r="BU20" s="61">
        <v>13</v>
      </c>
      <c r="BV20" s="61">
        <v>21</v>
      </c>
      <c r="BW20" s="61">
        <v>12</v>
      </c>
      <c r="BX20" s="61">
        <v>12</v>
      </c>
      <c r="BY20" s="61">
        <v>7</v>
      </c>
      <c r="BZ20" s="62">
        <v>65</v>
      </c>
      <c r="CA20" s="63">
        <v>92</v>
      </c>
      <c r="CB20" s="60">
        <v>0</v>
      </c>
      <c r="CC20" s="61">
        <v>0</v>
      </c>
      <c r="CD20" s="62">
        <v>0</v>
      </c>
      <c r="CE20" s="231"/>
      <c r="CF20" s="61">
        <v>0</v>
      </c>
      <c r="CG20" s="61">
        <v>0</v>
      </c>
      <c r="CH20" s="61">
        <v>0</v>
      </c>
      <c r="CI20" s="61">
        <v>0</v>
      </c>
      <c r="CJ20" s="61">
        <v>0</v>
      </c>
      <c r="CK20" s="62">
        <v>0</v>
      </c>
      <c r="CL20" s="63">
        <v>0</v>
      </c>
      <c r="CM20" s="60">
        <v>50</v>
      </c>
      <c r="CN20" s="61">
        <v>50</v>
      </c>
      <c r="CO20" s="62">
        <v>100</v>
      </c>
      <c r="CP20" s="231"/>
      <c r="CQ20" s="61">
        <v>76</v>
      </c>
      <c r="CR20" s="61">
        <v>87</v>
      </c>
      <c r="CS20" s="61">
        <v>65</v>
      </c>
      <c r="CT20" s="61">
        <v>49</v>
      </c>
      <c r="CU20" s="61">
        <v>24</v>
      </c>
      <c r="CV20" s="62">
        <v>301</v>
      </c>
      <c r="CW20" s="63">
        <v>401</v>
      </c>
      <c r="CX20" s="113">
        <v>18</v>
      </c>
      <c r="CY20" s="72">
        <v>21</v>
      </c>
      <c r="CZ20" s="73">
        <v>39</v>
      </c>
      <c r="DA20" s="228"/>
      <c r="DB20" s="72">
        <v>31</v>
      </c>
      <c r="DC20" s="72">
        <v>35</v>
      </c>
      <c r="DD20" s="72">
        <v>30</v>
      </c>
      <c r="DE20" s="72">
        <v>14</v>
      </c>
      <c r="DF20" s="72">
        <v>25</v>
      </c>
      <c r="DG20" s="74">
        <v>135</v>
      </c>
      <c r="DH20" s="75">
        <v>174</v>
      </c>
      <c r="DI20" s="60">
        <v>2</v>
      </c>
      <c r="DJ20" s="61">
        <v>1</v>
      </c>
      <c r="DK20" s="62">
        <v>3</v>
      </c>
      <c r="DL20" s="231"/>
      <c r="DM20" s="61">
        <v>0</v>
      </c>
      <c r="DN20" s="61">
        <v>1</v>
      </c>
      <c r="DO20" s="61">
        <v>0</v>
      </c>
      <c r="DP20" s="61">
        <v>0</v>
      </c>
      <c r="DQ20" s="61">
        <v>0</v>
      </c>
      <c r="DR20" s="62">
        <v>1</v>
      </c>
      <c r="DS20" s="63">
        <v>4</v>
      </c>
      <c r="DT20" s="60">
        <v>0</v>
      </c>
      <c r="DU20" s="61">
        <v>0</v>
      </c>
      <c r="DV20" s="62">
        <v>0</v>
      </c>
      <c r="DW20" s="231"/>
      <c r="DX20" s="61">
        <v>0</v>
      </c>
      <c r="DY20" s="61">
        <v>1</v>
      </c>
      <c r="DZ20" s="61">
        <v>1</v>
      </c>
      <c r="EA20" s="61">
        <v>1</v>
      </c>
      <c r="EB20" s="61">
        <v>1</v>
      </c>
      <c r="EC20" s="62">
        <v>4</v>
      </c>
      <c r="ED20" s="63">
        <v>4</v>
      </c>
      <c r="EE20" s="60">
        <v>3</v>
      </c>
      <c r="EF20" s="61">
        <v>2</v>
      </c>
      <c r="EG20" s="62">
        <v>5</v>
      </c>
      <c r="EH20" s="231"/>
      <c r="EI20" s="61">
        <v>6</v>
      </c>
      <c r="EJ20" s="61">
        <v>5</v>
      </c>
      <c r="EK20" s="61">
        <v>4</v>
      </c>
      <c r="EL20" s="61">
        <v>1</v>
      </c>
      <c r="EM20" s="61">
        <v>1</v>
      </c>
      <c r="EN20" s="62">
        <v>17</v>
      </c>
      <c r="EO20" s="63">
        <v>22</v>
      </c>
      <c r="EP20" s="60">
        <v>4</v>
      </c>
      <c r="EQ20" s="61">
        <v>9</v>
      </c>
      <c r="ER20" s="62">
        <v>13</v>
      </c>
      <c r="ES20" s="231"/>
      <c r="ET20" s="61">
        <v>5</v>
      </c>
      <c r="EU20" s="61">
        <v>6</v>
      </c>
      <c r="EV20" s="61">
        <v>7</v>
      </c>
      <c r="EW20" s="61">
        <v>4</v>
      </c>
      <c r="EX20" s="61">
        <v>9</v>
      </c>
      <c r="EY20" s="62">
        <v>31</v>
      </c>
      <c r="EZ20" s="63">
        <v>44</v>
      </c>
      <c r="FA20" s="60">
        <v>4</v>
      </c>
      <c r="FB20" s="61">
        <v>6</v>
      </c>
      <c r="FC20" s="62">
        <v>10</v>
      </c>
      <c r="FD20" s="231"/>
      <c r="FE20" s="61">
        <v>12</v>
      </c>
      <c r="FF20" s="61">
        <v>9</v>
      </c>
      <c r="FG20" s="61">
        <v>5</v>
      </c>
      <c r="FH20" s="61">
        <v>1</v>
      </c>
      <c r="FI20" s="61">
        <v>5</v>
      </c>
      <c r="FJ20" s="62">
        <v>32</v>
      </c>
      <c r="FK20" s="63">
        <v>42</v>
      </c>
      <c r="FL20" s="60">
        <v>5</v>
      </c>
      <c r="FM20" s="61">
        <v>3</v>
      </c>
      <c r="FN20" s="62">
        <v>8</v>
      </c>
      <c r="FO20" s="231"/>
      <c r="FP20" s="61">
        <v>8</v>
      </c>
      <c r="FQ20" s="61">
        <v>13</v>
      </c>
      <c r="FR20" s="61">
        <v>13</v>
      </c>
      <c r="FS20" s="61">
        <v>7</v>
      </c>
      <c r="FT20" s="61">
        <v>9</v>
      </c>
      <c r="FU20" s="62">
        <v>50</v>
      </c>
      <c r="FV20" s="63">
        <v>58</v>
      </c>
      <c r="FW20" s="60">
        <v>0</v>
      </c>
      <c r="FX20" s="61">
        <v>0</v>
      </c>
      <c r="FY20" s="62">
        <v>0</v>
      </c>
      <c r="FZ20" s="231">
        <v>0</v>
      </c>
      <c r="GA20" s="61">
        <v>0</v>
      </c>
      <c r="GB20" s="61">
        <v>0</v>
      </c>
      <c r="GC20" s="61">
        <v>0</v>
      </c>
      <c r="GD20" s="61">
        <v>0</v>
      </c>
      <c r="GE20" s="61">
        <v>0</v>
      </c>
      <c r="GF20" s="62">
        <v>0</v>
      </c>
      <c r="GG20" s="63">
        <v>0</v>
      </c>
      <c r="GH20" s="60">
        <v>18</v>
      </c>
      <c r="GI20" s="61">
        <v>21</v>
      </c>
      <c r="GJ20" s="62">
        <v>39</v>
      </c>
      <c r="GK20" s="231"/>
      <c r="GL20" s="61">
        <v>31</v>
      </c>
      <c r="GM20" s="61">
        <v>35</v>
      </c>
      <c r="GN20" s="61">
        <v>30</v>
      </c>
      <c r="GO20" s="61">
        <v>14</v>
      </c>
      <c r="GP20" s="61">
        <v>25</v>
      </c>
      <c r="GQ20" s="62">
        <v>135</v>
      </c>
      <c r="GR20" s="63">
        <v>174</v>
      </c>
      <c r="GS20" s="113">
        <v>68</v>
      </c>
      <c r="GT20" s="72">
        <v>71</v>
      </c>
      <c r="GU20" s="73">
        <v>139</v>
      </c>
      <c r="GV20" s="228"/>
      <c r="GW20" s="72">
        <v>107</v>
      </c>
      <c r="GX20" s="72">
        <v>122</v>
      </c>
      <c r="GY20" s="72">
        <v>95</v>
      </c>
      <c r="GZ20" s="72">
        <v>63</v>
      </c>
      <c r="HA20" s="72">
        <v>49</v>
      </c>
      <c r="HB20" s="74">
        <v>436</v>
      </c>
      <c r="HC20" s="75">
        <v>575</v>
      </c>
      <c r="HD20" s="60">
        <v>5</v>
      </c>
      <c r="HE20" s="61">
        <v>2</v>
      </c>
      <c r="HF20" s="62">
        <v>7</v>
      </c>
      <c r="HG20" s="231"/>
      <c r="HH20" s="61">
        <v>4</v>
      </c>
      <c r="HI20" s="61">
        <v>5</v>
      </c>
      <c r="HJ20" s="61">
        <v>3</v>
      </c>
      <c r="HK20" s="61">
        <v>3</v>
      </c>
      <c r="HL20" s="61">
        <v>0</v>
      </c>
      <c r="HM20" s="62">
        <v>15</v>
      </c>
      <c r="HN20" s="63">
        <v>22</v>
      </c>
      <c r="HO20" s="60">
        <v>1</v>
      </c>
      <c r="HP20" s="61">
        <v>4</v>
      </c>
      <c r="HQ20" s="62">
        <v>5</v>
      </c>
      <c r="HR20" s="231"/>
      <c r="HS20" s="61">
        <v>2</v>
      </c>
      <c r="HT20" s="61">
        <v>12</v>
      </c>
      <c r="HU20" s="61">
        <v>7</v>
      </c>
      <c r="HV20" s="61">
        <v>5</v>
      </c>
      <c r="HW20" s="61">
        <v>3</v>
      </c>
      <c r="HX20" s="62">
        <v>29</v>
      </c>
      <c r="HY20" s="63">
        <v>34</v>
      </c>
      <c r="HZ20" s="60">
        <v>8</v>
      </c>
      <c r="IA20" s="61">
        <v>6</v>
      </c>
      <c r="IB20" s="62">
        <v>14</v>
      </c>
      <c r="IC20" s="231"/>
      <c r="ID20" s="61">
        <v>19</v>
      </c>
      <c r="IE20" s="61">
        <v>15</v>
      </c>
      <c r="IF20" s="61">
        <v>17</v>
      </c>
      <c r="IG20" s="61">
        <v>11</v>
      </c>
      <c r="IH20" s="61">
        <v>7</v>
      </c>
      <c r="II20" s="62">
        <v>69</v>
      </c>
      <c r="IJ20" s="63">
        <v>83</v>
      </c>
      <c r="IK20" s="60">
        <v>15</v>
      </c>
      <c r="IL20" s="61">
        <v>19</v>
      </c>
      <c r="IM20" s="62">
        <v>34</v>
      </c>
      <c r="IN20" s="231"/>
      <c r="IO20" s="61">
        <v>24</v>
      </c>
      <c r="IP20" s="61">
        <v>26</v>
      </c>
      <c r="IQ20" s="61">
        <v>22</v>
      </c>
      <c r="IR20" s="61">
        <v>12</v>
      </c>
      <c r="IS20" s="61">
        <v>14</v>
      </c>
      <c r="IT20" s="62">
        <v>98</v>
      </c>
      <c r="IU20" s="63">
        <v>132</v>
      </c>
      <c r="IV20" s="60">
        <v>22</v>
      </c>
      <c r="IW20" s="61">
        <v>22</v>
      </c>
      <c r="IX20" s="62">
        <v>44</v>
      </c>
      <c r="IY20" s="231"/>
      <c r="IZ20" s="61">
        <v>37</v>
      </c>
      <c r="JA20" s="61">
        <v>30</v>
      </c>
      <c r="JB20" s="61">
        <v>21</v>
      </c>
      <c r="JC20" s="61">
        <v>13</v>
      </c>
      <c r="JD20" s="61">
        <v>9</v>
      </c>
      <c r="JE20" s="62">
        <v>110</v>
      </c>
      <c r="JF20" s="63">
        <v>154</v>
      </c>
      <c r="JG20" s="60">
        <v>17</v>
      </c>
      <c r="JH20" s="61">
        <v>18</v>
      </c>
      <c r="JI20" s="62">
        <v>35</v>
      </c>
      <c r="JJ20" s="231"/>
      <c r="JK20" s="61">
        <v>21</v>
      </c>
      <c r="JL20" s="61">
        <v>34</v>
      </c>
      <c r="JM20" s="61">
        <v>25</v>
      </c>
      <c r="JN20" s="61">
        <v>19</v>
      </c>
      <c r="JO20" s="61">
        <v>16</v>
      </c>
      <c r="JP20" s="62">
        <v>115</v>
      </c>
      <c r="JQ20" s="63">
        <v>150</v>
      </c>
      <c r="JR20" s="60">
        <v>0</v>
      </c>
      <c r="JS20" s="61">
        <v>0</v>
      </c>
      <c r="JT20" s="62">
        <v>0</v>
      </c>
      <c r="JU20" s="231"/>
      <c r="JV20" s="61">
        <v>0</v>
      </c>
      <c r="JW20" s="61">
        <v>0</v>
      </c>
      <c r="JX20" s="61">
        <v>0</v>
      </c>
      <c r="JY20" s="61">
        <v>0</v>
      </c>
      <c r="JZ20" s="61">
        <v>0</v>
      </c>
      <c r="KA20" s="62">
        <v>0</v>
      </c>
      <c r="KB20" s="63">
        <v>0</v>
      </c>
      <c r="KC20" s="60">
        <v>68</v>
      </c>
      <c r="KD20" s="61">
        <v>71</v>
      </c>
      <c r="KE20" s="62">
        <v>139</v>
      </c>
      <c r="KF20" s="231"/>
      <c r="KG20" s="61">
        <v>107</v>
      </c>
      <c r="KH20" s="61">
        <v>122</v>
      </c>
      <c r="KI20" s="61">
        <v>95</v>
      </c>
      <c r="KJ20" s="61">
        <v>63</v>
      </c>
      <c r="KK20" s="61">
        <v>49</v>
      </c>
      <c r="KL20" s="62">
        <v>436</v>
      </c>
      <c r="KM20" s="63">
        <v>575</v>
      </c>
    </row>
    <row r="21" spans="2:299" ht="21" customHeight="1" x14ac:dyDescent="0.2">
      <c r="B21" s="472" t="s">
        <v>18</v>
      </c>
      <c r="C21" s="293">
        <v>56</v>
      </c>
      <c r="D21" s="72">
        <v>63</v>
      </c>
      <c r="E21" s="73">
        <v>119</v>
      </c>
      <c r="F21" s="228"/>
      <c r="G21" s="72">
        <v>105</v>
      </c>
      <c r="H21" s="72">
        <v>97</v>
      </c>
      <c r="I21" s="72">
        <v>45</v>
      </c>
      <c r="J21" s="72">
        <v>54</v>
      </c>
      <c r="K21" s="72">
        <v>27</v>
      </c>
      <c r="L21" s="74">
        <v>328</v>
      </c>
      <c r="M21" s="75">
        <v>447</v>
      </c>
      <c r="N21" s="60">
        <v>2</v>
      </c>
      <c r="O21" s="61">
        <v>3</v>
      </c>
      <c r="P21" s="62">
        <v>5</v>
      </c>
      <c r="Q21" s="231"/>
      <c r="R21" s="61">
        <v>6</v>
      </c>
      <c r="S21" s="61">
        <v>7</v>
      </c>
      <c r="T21" s="61">
        <v>3</v>
      </c>
      <c r="U21" s="61">
        <v>1</v>
      </c>
      <c r="V21" s="61">
        <v>2</v>
      </c>
      <c r="W21" s="62">
        <v>19</v>
      </c>
      <c r="X21" s="63">
        <v>24</v>
      </c>
      <c r="Y21" s="60">
        <v>6</v>
      </c>
      <c r="Z21" s="61">
        <v>6</v>
      </c>
      <c r="AA21" s="62">
        <v>12</v>
      </c>
      <c r="AB21" s="231"/>
      <c r="AC21" s="61">
        <v>10</v>
      </c>
      <c r="AD21" s="61">
        <v>9</v>
      </c>
      <c r="AE21" s="61">
        <v>2</v>
      </c>
      <c r="AF21" s="61">
        <v>3</v>
      </c>
      <c r="AG21" s="61">
        <v>2</v>
      </c>
      <c r="AH21" s="62">
        <v>26</v>
      </c>
      <c r="AI21" s="63">
        <v>38</v>
      </c>
      <c r="AJ21" s="60">
        <v>7</v>
      </c>
      <c r="AK21" s="61">
        <v>8</v>
      </c>
      <c r="AL21" s="62">
        <v>15</v>
      </c>
      <c r="AM21" s="231"/>
      <c r="AN21" s="61">
        <v>12</v>
      </c>
      <c r="AO21" s="61">
        <v>10</v>
      </c>
      <c r="AP21" s="61">
        <v>8</v>
      </c>
      <c r="AQ21" s="61">
        <v>9</v>
      </c>
      <c r="AR21" s="61">
        <v>6</v>
      </c>
      <c r="AS21" s="62">
        <v>45</v>
      </c>
      <c r="AT21" s="63">
        <v>60</v>
      </c>
      <c r="AU21" s="60">
        <v>14</v>
      </c>
      <c r="AV21" s="61">
        <v>16</v>
      </c>
      <c r="AW21" s="62">
        <v>30</v>
      </c>
      <c r="AX21" s="231"/>
      <c r="AY21" s="61">
        <v>31</v>
      </c>
      <c r="AZ21" s="61">
        <v>21</v>
      </c>
      <c r="BA21" s="61">
        <v>7</v>
      </c>
      <c r="BB21" s="61">
        <v>15</v>
      </c>
      <c r="BC21" s="61">
        <v>7</v>
      </c>
      <c r="BD21" s="62">
        <v>81</v>
      </c>
      <c r="BE21" s="63">
        <v>111</v>
      </c>
      <c r="BF21" s="60">
        <v>15</v>
      </c>
      <c r="BG21" s="61">
        <v>15</v>
      </c>
      <c r="BH21" s="62">
        <v>30</v>
      </c>
      <c r="BI21" s="231"/>
      <c r="BJ21" s="61">
        <v>24</v>
      </c>
      <c r="BK21" s="61">
        <v>31</v>
      </c>
      <c r="BL21" s="61">
        <v>12</v>
      </c>
      <c r="BM21" s="61">
        <v>13</v>
      </c>
      <c r="BN21" s="61">
        <v>5</v>
      </c>
      <c r="BO21" s="62">
        <v>85</v>
      </c>
      <c r="BP21" s="63">
        <v>115</v>
      </c>
      <c r="BQ21" s="60">
        <v>12</v>
      </c>
      <c r="BR21" s="61">
        <v>15</v>
      </c>
      <c r="BS21" s="62">
        <v>27</v>
      </c>
      <c r="BT21" s="231"/>
      <c r="BU21" s="61">
        <v>22</v>
      </c>
      <c r="BV21" s="61">
        <v>19</v>
      </c>
      <c r="BW21" s="61">
        <v>13</v>
      </c>
      <c r="BX21" s="61">
        <v>13</v>
      </c>
      <c r="BY21" s="61">
        <v>5</v>
      </c>
      <c r="BZ21" s="62">
        <v>72</v>
      </c>
      <c r="CA21" s="63">
        <v>99</v>
      </c>
      <c r="CB21" s="60">
        <v>0</v>
      </c>
      <c r="CC21" s="61">
        <v>0</v>
      </c>
      <c r="CD21" s="62">
        <v>0</v>
      </c>
      <c r="CE21" s="231"/>
      <c r="CF21" s="61">
        <v>0</v>
      </c>
      <c r="CG21" s="61">
        <v>0</v>
      </c>
      <c r="CH21" s="61">
        <v>0</v>
      </c>
      <c r="CI21" s="61">
        <v>0</v>
      </c>
      <c r="CJ21" s="61">
        <v>0</v>
      </c>
      <c r="CK21" s="62">
        <v>0</v>
      </c>
      <c r="CL21" s="63">
        <v>0</v>
      </c>
      <c r="CM21" s="60">
        <v>56</v>
      </c>
      <c r="CN21" s="61">
        <v>63</v>
      </c>
      <c r="CO21" s="62">
        <v>119</v>
      </c>
      <c r="CP21" s="231"/>
      <c r="CQ21" s="61">
        <v>105</v>
      </c>
      <c r="CR21" s="61">
        <v>97</v>
      </c>
      <c r="CS21" s="61">
        <v>45</v>
      </c>
      <c r="CT21" s="61">
        <v>54</v>
      </c>
      <c r="CU21" s="61">
        <v>27</v>
      </c>
      <c r="CV21" s="62">
        <v>328</v>
      </c>
      <c r="CW21" s="63">
        <v>447</v>
      </c>
      <c r="CX21" s="113">
        <v>24</v>
      </c>
      <c r="CY21" s="72">
        <v>29</v>
      </c>
      <c r="CZ21" s="73">
        <v>53</v>
      </c>
      <c r="DA21" s="228"/>
      <c r="DB21" s="72">
        <v>41</v>
      </c>
      <c r="DC21" s="72">
        <v>37</v>
      </c>
      <c r="DD21" s="72">
        <v>37</v>
      </c>
      <c r="DE21" s="72">
        <v>28</v>
      </c>
      <c r="DF21" s="72">
        <v>26</v>
      </c>
      <c r="DG21" s="74">
        <v>169</v>
      </c>
      <c r="DH21" s="75">
        <v>222</v>
      </c>
      <c r="DI21" s="60">
        <v>1</v>
      </c>
      <c r="DJ21" s="61">
        <v>2</v>
      </c>
      <c r="DK21" s="62">
        <v>3</v>
      </c>
      <c r="DL21" s="231"/>
      <c r="DM21" s="61">
        <v>1</v>
      </c>
      <c r="DN21" s="61">
        <v>0</v>
      </c>
      <c r="DO21" s="61">
        <v>0</v>
      </c>
      <c r="DP21" s="61">
        <v>0</v>
      </c>
      <c r="DQ21" s="61">
        <v>2</v>
      </c>
      <c r="DR21" s="62">
        <v>3</v>
      </c>
      <c r="DS21" s="63">
        <v>6</v>
      </c>
      <c r="DT21" s="60">
        <v>4</v>
      </c>
      <c r="DU21" s="61">
        <v>3</v>
      </c>
      <c r="DV21" s="62">
        <v>7</v>
      </c>
      <c r="DW21" s="231"/>
      <c r="DX21" s="61">
        <v>3</v>
      </c>
      <c r="DY21" s="61">
        <v>2</v>
      </c>
      <c r="DZ21" s="61">
        <v>0</v>
      </c>
      <c r="EA21" s="61">
        <v>0</v>
      </c>
      <c r="EB21" s="61">
        <v>3</v>
      </c>
      <c r="EC21" s="62">
        <v>8</v>
      </c>
      <c r="ED21" s="63">
        <v>15</v>
      </c>
      <c r="EE21" s="60">
        <v>4</v>
      </c>
      <c r="EF21" s="61">
        <v>6</v>
      </c>
      <c r="EG21" s="62">
        <v>10</v>
      </c>
      <c r="EH21" s="231"/>
      <c r="EI21" s="61">
        <v>4</v>
      </c>
      <c r="EJ21" s="61">
        <v>4</v>
      </c>
      <c r="EK21" s="61">
        <v>3</v>
      </c>
      <c r="EL21" s="61">
        <v>1</v>
      </c>
      <c r="EM21" s="61">
        <v>2</v>
      </c>
      <c r="EN21" s="62">
        <v>14</v>
      </c>
      <c r="EO21" s="63">
        <v>24</v>
      </c>
      <c r="EP21" s="60">
        <v>8</v>
      </c>
      <c r="EQ21" s="61">
        <v>8</v>
      </c>
      <c r="ER21" s="62">
        <v>16</v>
      </c>
      <c r="ES21" s="231"/>
      <c r="ET21" s="61">
        <v>11</v>
      </c>
      <c r="EU21" s="61">
        <v>11</v>
      </c>
      <c r="EV21" s="61">
        <v>3</v>
      </c>
      <c r="EW21" s="61">
        <v>7</v>
      </c>
      <c r="EX21" s="61">
        <v>0</v>
      </c>
      <c r="EY21" s="62">
        <v>32</v>
      </c>
      <c r="EZ21" s="63">
        <v>48</v>
      </c>
      <c r="FA21" s="60">
        <v>7</v>
      </c>
      <c r="FB21" s="61">
        <v>6</v>
      </c>
      <c r="FC21" s="62">
        <v>13</v>
      </c>
      <c r="FD21" s="231"/>
      <c r="FE21" s="61">
        <v>13</v>
      </c>
      <c r="FF21" s="61">
        <v>8</v>
      </c>
      <c r="FG21" s="61">
        <v>12</v>
      </c>
      <c r="FH21" s="61">
        <v>7</v>
      </c>
      <c r="FI21" s="61">
        <v>6</v>
      </c>
      <c r="FJ21" s="62">
        <v>46</v>
      </c>
      <c r="FK21" s="63">
        <v>59</v>
      </c>
      <c r="FL21" s="60">
        <v>0</v>
      </c>
      <c r="FM21" s="61">
        <v>4</v>
      </c>
      <c r="FN21" s="62">
        <v>4</v>
      </c>
      <c r="FO21" s="231"/>
      <c r="FP21" s="61">
        <v>9</v>
      </c>
      <c r="FQ21" s="61">
        <v>12</v>
      </c>
      <c r="FR21" s="61">
        <v>19</v>
      </c>
      <c r="FS21" s="61">
        <v>13</v>
      </c>
      <c r="FT21" s="61">
        <v>13</v>
      </c>
      <c r="FU21" s="62">
        <v>66</v>
      </c>
      <c r="FV21" s="63">
        <v>70</v>
      </c>
      <c r="FW21" s="60">
        <v>0</v>
      </c>
      <c r="FX21" s="61">
        <v>0</v>
      </c>
      <c r="FY21" s="62">
        <v>0</v>
      </c>
      <c r="FZ21" s="231">
        <v>0</v>
      </c>
      <c r="GA21" s="61">
        <v>0</v>
      </c>
      <c r="GB21" s="61">
        <v>0</v>
      </c>
      <c r="GC21" s="61">
        <v>0</v>
      </c>
      <c r="GD21" s="61">
        <v>0</v>
      </c>
      <c r="GE21" s="61">
        <v>0</v>
      </c>
      <c r="GF21" s="62">
        <v>0</v>
      </c>
      <c r="GG21" s="63">
        <v>0</v>
      </c>
      <c r="GH21" s="60">
        <v>24</v>
      </c>
      <c r="GI21" s="61">
        <v>29</v>
      </c>
      <c r="GJ21" s="62">
        <v>53</v>
      </c>
      <c r="GK21" s="231"/>
      <c r="GL21" s="61">
        <v>41</v>
      </c>
      <c r="GM21" s="61">
        <v>37</v>
      </c>
      <c r="GN21" s="61">
        <v>37</v>
      </c>
      <c r="GO21" s="61">
        <v>28</v>
      </c>
      <c r="GP21" s="61">
        <v>26</v>
      </c>
      <c r="GQ21" s="62">
        <v>169</v>
      </c>
      <c r="GR21" s="63">
        <v>222</v>
      </c>
      <c r="GS21" s="113">
        <v>80</v>
      </c>
      <c r="GT21" s="72">
        <v>92</v>
      </c>
      <c r="GU21" s="73">
        <v>172</v>
      </c>
      <c r="GV21" s="228"/>
      <c r="GW21" s="72">
        <v>146</v>
      </c>
      <c r="GX21" s="72">
        <v>134</v>
      </c>
      <c r="GY21" s="72">
        <v>82</v>
      </c>
      <c r="GZ21" s="72">
        <v>82</v>
      </c>
      <c r="HA21" s="72">
        <v>53</v>
      </c>
      <c r="HB21" s="74">
        <v>497</v>
      </c>
      <c r="HC21" s="75">
        <v>669</v>
      </c>
      <c r="HD21" s="60">
        <v>3</v>
      </c>
      <c r="HE21" s="61">
        <v>5</v>
      </c>
      <c r="HF21" s="62">
        <v>8</v>
      </c>
      <c r="HG21" s="231"/>
      <c r="HH21" s="61">
        <v>7</v>
      </c>
      <c r="HI21" s="61">
        <v>7</v>
      </c>
      <c r="HJ21" s="61">
        <v>3</v>
      </c>
      <c r="HK21" s="61">
        <v>1</v>
      </c>
      <c r="HL21" s="61">
        <v>4</v>
      </c>
      <c r="HM21" s="62">
        <v>22</v>
      </c>
      <c r="HN21" s="63">
        <v>30</v>
      </c>
      <c r="HO21" s="60">
        <v>10</v>
      </c>
      <c r="HP21" s="61">
        <v>9</v>
      </c>
      <c r="HQ21" s="62">
        <v>19</v>
      </c>
      <c r="HR21" s="231"/>
      <c r="HS21" s="61">
        <v>13</v>
      </c>
      <c r="HT21" s="61">
        <v>11</v>
      </c>
      <c r="HU21" s="61">
        <v>2</v>
      </c>
      <c r="HV21" s="61">
        <v>3</v>
      </c>
      <c r="HW21" s="61">
        <v>5</v>
      </c>
      <c r="HX21" s="62">
        <v>34</v>
      </c>
      <c r="HY21" s="63">
        <v>53</v>
      </c>
      <c r="HZ21" s="60">
        <v>11</v>
      </c>
      <c r="IA21" s="61">
        <v>14</v>
      </c>
      <c r="IB21" s="62">
        <v>25</v>
      </c>
      <c r="IC21" s="231"/>
      <c r="ID21" s="61">
        <v>16</v>
      </c>
      <c r="IE21" s="61">
        <v>14</v>
      </c>
      <c r="IF21" s="61">
        <v>11</v>
      </c>
      <c r="IG21" s="61">
        <v>10</v>
      </c>
      <c r="IH21" s="61">
        <v>8</v>
      </c>
      <c r="II21" s="62">
        <v>59</v>
      </c>
      <c r="IJ21" s="63">
        <v>84</v>
      </c>
      <c r="IK21" s="60">
        <v>22</v>
      </c>
      <c r="IL21" s="61">
        <v>24</v>
      </c>
      <c r="IM21" s="62">
        <v>46</v>
      </c>
      <c r="IN21" s="231"/>
      <c r="IO21" s="61">
        <v>42</v>
      </c>
      <c r="IP21" s="61">
        <v>32</v>
      </c>
      <c r="IQ21" s="61">
        <v>10</v>
      </c>
      <c r="IR21" s="61">
        <v>22</v>
      </c>
      <c r="IS21" s="61">
        <v>7</v>
      </c>
      <c r="IT21" s="62">
        <v>113</v>
      </c>
      <c r="IU21" s="63">
        <v>159</v>
      </c>
      <c r="IV21" s="60">
        <v>22</v>
      </c>
      <c r="IW21" s="61">
        <v>21</v>
      </c>
      <c r="IX21" s="62">
        <v>43</v>
      </c>
      <c r="IY21" s="231"/>
      <c r="IZ21" s="61">
        <v>37</v>
      </c>
      <c r="JA21" s="61">
        <v>39</v>
      </c>
      <c r="JB21" s="61">
        <v>24</v>
      </c>
      <c r="JC21" s="61">
        <v>20</v>
      </c>
      <c r="JD21" s="61">
        <v>11</v>
      </c>
      <c r="JE21" s="62">
        <v>131</v>
      </c>
      <c r="JF21" s="63">
        <v>174</v>
      </c>
      <c r="JG21" s="60">
        <v>12</v>
      </c>
      <c r="JH21" s="61">
        <v>19</v>
      </c>
      <c r="JI21" s="62">
        <v>31</v>
      </c>
      <c r="JJ21" s="231"/>
      <c r="JK21" s="61">
        <v>31</v>
      </c>
      <c r="JL21" s="61">
        <v>31</v>
      </c>
      <c r="JM21" s="61">
        <v>32</v>
      </c>
      <c r="JN21" s="61">
        <v>26</v>
      </c>
      <c r="JO21" s="61">
        <v>18</v>
      </c>
      <c r="JP21" s="62">
        <v>138</v>
      </c>
      <c r="JQ21" s="63">
        <v>169</v>
      </c>
      <c r="JR21" s="60">
        <v>0</v>
      </c>
      <c r="JS21" s="61">
        <v>0</v>
      </c>
      <c r="JT21" s="62">
        <v>0</v>
      </c>
      <c r="JU21" s="231"/>
      <c r="JV21" s="61">
        <v>0</v>
      </c>
      <c r="JW21" s="61">
        <v>0</v>
      </c>
      <c r="JX21" s="61">
        <v>0</v>
      </c>
      <c r="JY21" s="61">
        <v>0</v>
      </c>
      <c r="JZ21" s="61">
        <v>0</v>
      </c>
      <c r="KA21" s="62">
        <v>0</v>
      </c>
      <c r="KB21" s="63">
        <v>0</v>
      </c>
      <c r="KC21" s="60">
        <v>80</v>
      </c>
      <c r="KD21" s="61">
        <v>92</v>
      </c>
      <c r="KE21" s="62">
        <v>172</v>
      </c>
      <c r="KF21" s="231"/>
      <c r="KG21" s="61">
        <v>146</v>
      </c>
      <c r="KH21" s="61">
        <v>134</v>
      </c>
      <c r="KI21" s="61">
        <v>82</v>
      </c>
      <c r="KJ21" s="61">
        <v>82</v>
      </c>
      <c r="KK21" s="61">
        <v>53</v>
      </c>
      <c r="KL21" s="62">
        <v>497</v>
      </c>
      <c r="KM21" s="63">
        <v>669</v>
      </c>
    </row>
    <row r="22" spans="2:299" ht="21" customHeight="1" x14ac:dyDescent="0.2">
      <c r="B22" s="472" t="s">
        <v>19</v>
      </c>
      <c r="C22" s="293">
        <v>27</v>
      </c>
      <c r="D22" s="72">
        <v>21</v>
      </c>
      <c r="E22" s="73">
        <v>48</v>
      </c>
      <c r="F22" s="228"/>
      <c r="G22" s="72">
        <v>47</v>
      </c>
      <c r="H22" s="72">
        <v>36</v>
      </c>
      <c r="I22" s="72">
        <v>20</v>
      </c>
      <c r="J22" s="72">
        <v>19</v>
      </c>
      <c r="K22" s="72">
        <v>14</v>
      </c>
      <c r="L22" s="74">
        <v>136</v>
      </c>
      <c r="M22" s="75">
        <v>184</v>
      </c>
      <c r="N22" s="76">
        <v>2</v>
      </c>
      <c r="O22" s="61">
        <v>1</v>
      </c>
      <c r="P22" s="62">
        <v>3</v>
      </c>
      <c r="Q22" s="231"/>
      <c r="R22" s="61">
        <v>1</v>
      </c>
      <c r="S22" s="61">
        <v>0</v>
      </c>
      <c r="T22" s="61">
        <v>0</v>
      </c>
      <c r="U22" s="61">
        <v>1</v>
      </c>
      <c r="V22" s="61">
        <v>0</v>
      </c>
      <c r="W22" s="62">
        <v>2</v>
      </c>
      <c r="X22" s="63">
        <v>5</v>
      </c>
      <c r="Y22" s="60">
        <v>2</v>
      </c>
      <c r="Z22" s="61">
        <v>1</v>
      </c>
      <c r="AA22" s="62">
        <v>3</v>
      </c>
      <c r="AB22" s="231"/>
      <c r="AC22" s="61">
        <v>6</v>
      </c>
      <c r="AD22" s="61">
        <v>3</v>
      </c>
      <c r="AE22" s="61">
        <v>2</v>
      </c>
      <c r="AF22" s="61">
        <v>0</v>
      </c>
      <c r="AG22" s="61">
        <v>1</v>
      </c>
      <c r="AH22" s="62">
        <v>12</v>
      </c>
      <c r="AI22" s="63">
        <v>15</v>
      </c>
      <c r="AJ22" s="76">
        <v>4</v>
      </c>
      <c r="AK22" s="61">
        <v>2</v>
      </c>
      <c r="AL22" s="62">
        <v>6</v>
      </c>
      <c r="AM22" s="231"/>
      <c r="AN22" s="61">
        <v>4</v>
      </c>
      <c r="AO22" s="61">
        <v>5</v>
      </c>
      <c r="AP22" s="61">
        <v>0</v>
      </c>
      <c r="AQ22" s="61">
        <v>6</v>
      </c>
      <c r="AR22" s="61">
        <v>2</v>
      </c>
      <c r="AS22" s="62">
        <v>17</v>
      </c>
      <c r="AT22" s="63">
        <v>23</v>
      </c>
      <c r="AU22" s="60">
        <v>3</v>
      </c>
      <c r="AV22" s="61">
        <v>4</v>
      </c>
      <c r="AW22" s="62">
        <v>7</v>
      </c>
      <c r="AX22" s="231"/>
      <c r="AY22" s="61">
        <v>9</v>
      </c>
      <c r="AZ22" s="61">
        <v>10</v>
      </c>
      <c r="BA22" s="61">
        <v>5</v>
      </c>
      <c r="BB22" s="61">
        <v>1</v>
      </c>
      <c r="BC22" s="61">
        <v>6</v>
      </c>
      <c r="BD22" s="62">
        <v>31</v>
      </c>
      <c r="BE22" s="63">
        <v>38</v>
      </c>
      <c r="BF22" s="76">
        <v>9</v>
      </c>
      <c r="BG22" s="61">
        <v>7</v>
      </c>
      <c r="BH22" s="62">
        <v>16</v>
      </c>
      <c r="BI22" s="231"/>
      <c r="BJ22" s="61">
        <v>10</v>
      </c>
      <c r="BK22" s="61">
        <v>10</v>
      </c>
      <c r="BL22" s="61">
        <v>3</v>
      </c>
      <c r="BM22" s="61">
        <v>6</v>
      </c>
      <c r="BN22" s="61">
        <v>4</v>
      </c>
      <c r="BO22" s="62">
        <v>33</v>
      </c>
      <c r="BP22" s="63">
        <v>49</v>
      </c>
      <c r="BQ22" s="60">
        <v>7</v>
      </c>
      <c r="BR22" s="61">
        <v>6</v>
      </c>
      <c r="BS22" s="62">
        <v>13</v>
      </c>
      <c r="BT22" s="231"/>
      <c r="BU22" s="61">
        <v>17</v>
      </c>
      <c r="BV22" s="61">
        <v>8</v>
      </c>
      <c r="BW22" s="61">
        <v>10</v>
      </c>
      <c r="BX22" s="61">
        <v>5</v>
      </c>
      <c r="BY22" s="61">
        <v>1</v>
      </c>
      <c r="BZ22" s="62">
        <v>41</v>
      </c>
      <c r="CA22" s="63">
        <v>54</v>
      </c>
      <c r="CB22" s="60">
        <v>0</v>
      </c>
      <c r="CC22" s="61">
        <v>0</v>
      </c>
      <c r="CD22" s="62">
        <v>0</v>
      </c>
      <c r="CE22" s="231"/>
      <c r="CF22" s="61">
        <v>0</v>
      </c>
      <c r="CG22" s="61">
        <v>0</v>
      </c>
      <c r="CH22" s="61">
        <v>0</v>
      </c>
      <c r="CI22" s="61">
        <v>0</v>
      </c>
      <c r="CJ22" s="61">
        <v>0</v>
      </c>
      <c r="CK22" s="62">
        <v>0</v>
      </c>
      <c r="CL22" s="63">
        <v>0</v>
      </c>
      <c r="CM22" s="60">
        <v>27</v>
      </c>
      <c r="CN22" s="61">
        <v>21</v>
      </c>
      <c r="CO22" s="62">
        <v>48</v>
      </c>
      <c r="CP22" s="231"/>
      <c r="CQ22" s="61">
        <v>47</v>
      </c>
      <c r="CR22" s="61">
        <v>36</v>
      </c>
      <c r="CS22" s="61">
        <v>20</v>
      </c>
      <c r="CT22" s="61">
        <v>19</v>
      </c>
      <c r="CU22" s="61">
        <v>14</v>
      </c>
      <c r="CV22" s="62">
        <v>136</v>
      </c>
      <c r="CW22" s="63">
        <v>184</v>
      </c>
      <c r="CX22" s="113">
        <v>10</v>
      </c>
      <c r="CY22" s="72">
        <v>2</v>
      </c>
      <c r="CZ22" s="73">
        <v>12</v>
      </c>
      <c r="DA22" s="228"/>
      <c r="DB22" s="72">
        <v>13</v>
      </c>
      <c r="DC22" s="72">
        <v>13</v>
      </c>
      <c r="DD22" s="72">
        <v>14</v>
      </c>
      <c r="DE22" s="72">
        <v>4</v>
      </c>
      <c r="DF22" s="72">
        <v>5</v>
      </c>
      <c r="DG22" s="74">
        <v>49</v>
      </c>
      <c r="DH22" s="75">
        <v>61</v>
      </c>
      <c r="DI22" s="76">
        <v>0</v>
      </c>
      <c r="DJ22" s="61">
        <v>0</v>
      </c>
      <c r="DK22" s="62">
        <v>0</v>
      </c>
      <c r="DL22" s="231"/>
      <c r="DM22" s="61">
        <v>0</v>
      </c>
      <c r="DN22" s="61">
        <v>0</v>
      </c>
      <c r="DO22" s="61">
        <v>1</v>
      </c>
      <c r="DP22" s="61">
        <v>1</v>
      </c>
      <c r="DQ22" s="61">
        <v>0</v>
      </c>
      <c r="DR22" s="62">
        <v>2</v>
      </c>
      <c r="DS22" s="63">
        <v>2</v>
      </c>
      <c r="DT22" s="60">
        <v>1</v>
      </c>
      <c r="DU22" s="61">
        <v>0</v>
      </c>
      <c r="DV22" s="62">
        <v>1</v>
      </c>
      <c r="DW22" s="231"/>
      <c r="DX22" s="61">
        <v>1</v>
      </c>
      <c r="DY22" s="61">
        <v>2</v>
      </c>
      <c r="DZ22" s="61">
        <v>1</v>
      </c>
      <c r="EA22" s="61">
        <v>0</v>
      </c>
      <c r="EB22" s="61">
        <v>0</v>
      </c>
      <c r="EC22" s="62">
        <v>4</v>
      </c>
      <c r="ED22" s="63">
        <v>5</v>
      </c>
      <c r="EE22" s="76">
        <v>4</v>
      </c>
      <c r="EF22" s="61">
        <v>0</v>
      </c>
      <c r="EG22" s="62">
        <v>4</v>
      </c>
      <c r="EH22" s="231"/>
      <c r="EI22" s="61">
        <v>0</v>
      </c>
      <c r="EJ22" s="61">
        <v>1</v>
      </c>
      <c r="EK22" s="61">
        <v>1</v>
      </c>
      <c r="EL22" s="61">
        <v>1</v>
      </c>
      <c r="EM22" s="61">
        <v>0</v>
      </c>
      <c r="EN22" s="62">
        <v>3</v>
      </c>
      <c r="EO22" s="63">
        <v>7</v>
      </c>
      <c r="EP22" s="60">
        <v>3</v>
      </c>
      <c r="EQ22" s="61">
        <v>0</v>
      </c>
      <c r="ER22" s="62">
        <v>3</v>
      </c>
      <c r="ES22" s="231"/>
      <c r="ET22" s="61">
        <v>4</v>
      </c>
      <c r="EU22" s="61">
        <v>1</v>
      </c>
      <c r="EV22" s="61">
        <v>3</v>
      </c>
      <c r="EW22" s="61">
        <v>0</v>
      </c>
      <c r="EX22" s="61">
        <v>1</v>
      </c>
      <c r="EY22" s="62">
        <v>9</v>
      </c>
      <c r="EZ22" s="63">
        <v>12</v>
      </c>
      <c r="FA22" s="76">
        <v>1</v>
      </c>
      <c r="FB22" s="61">
        <v>1</v>
      </c>
      <c r="FC22" s="62">
        <v>2</v>
      </c>
      <c r="FD22" s="231"/>
      <c r="FE22" s="61">
        <v>3</v>
      </c>
      <c r="FF22" s="61">
        <v>4</v>
      </c>
      <c r="FG22" s="61">
        <v>3</v>
      </c>
      <c r="FH22" s="61">
        <v>0</v>
      </c>
      <c r="FI22" s="61">
        <v>1</v>
      </c>
      <c r="FJ22" s="62">
        <v>11</v>
      </c>
      <c r="FK22" s="63">
        <v>13</v>
      </c>
      <c r="FL22" s="60">
        <v>1</v>
      </c>
      <c r="FM22" s="61">
        <v>1</v>
      </c>
      <c r="FN22" s="62">
        <v>2</v>
      </c>
      <c r="FO22" s="231"/>
      <c r="FP22" s="61">
        <v>5</v>
      </c>
      <c r="FQ22" s="61">
        <v>5</v>
      </c>
      <c r="FR22" s="61">
        <v>5</v>
      </c>
      <c r="FS22" s="61">
        <v>2</v>
      </c>
      <c r="FT22" s="61">
        <v>3</v>
      </c>
      <c r="FU22" s="62">
        <v>20</v>
      </c>
      <c r="FV22" s="63">
        <v>22</v>
      </c>
      <c r="FW22" s="60">
        <v>0</v>
      </c>
      <c r="FX22" s="61">
        <v>0</v>
      </c>
      <c r="FY22" s="62">
        <v>0</v>
      </c>
      <c r="FZ22" s="231">
        <v>0</v>
      </c>
      <c r="GA22" s="61">
        <v>0</v>
      </c>
      <c r="GB22" s="61">
        <v>0</v>
      </c>
      <c r="GC22" s="61">
        <v>0</v>
      </c>
      <c r="GD22" s="61">
        <v>0</v>
      </c>
      <c r="GE22" s="61">
        <v>0</v>
      </c>
      <c r="GF22" s="62">
        <v>0</v>
      </c>
      <c r="GG22" s="63">
        <v>0</v>
      </c>
      <c r="GH22" s="60">
        <v>10</v>
      </c>
      <c r="GI22" s="61">
        <v>2</v>
      </c>
      <c r="GJ22" s="62">
        <v>12</v>
      </c>
      <c r="GK22" s="231"/>
      <c r="GL22" s="61">
        <v>13</v>
      </c>
      <c r="GM22" s="61">
        <v>13</v>
      </c>
      <c r="GN22" s="61">
        <v>14</v>
      </c>
      <c r="GO22" s="61">
        <v>4</v>
      </c>
      <c r="GP22" s="61">
        <v>5</v>
      </c>
      <c r="GQ22" s="62">
        <v>49</v>
      </c>
      <c r="GR22" s="63">
        <v>61</v>
      </c>
      <c r="GS22" s="113">
        <v>37</v>
      </c>
      <c r="GT22" s="72">
        <v>23</v>
      </c>
      <c r="GU22" s="73">
        <v>60</v>
      </c>
      <c r="GV22" s="228"/>
      <c r="GW22" s="72">
        <v>60</v>
      </c>
      <c r="GX22" s="72">
        <v>49</v>
      </c>
      <c r="GY22" s="72">
        <v>34</v>
      </c>
      <c r="GZ22" s="72">
        <v>23</v>
      </c>
      <c r="HA22" s="72">
        <v>19</v>
      </c>
      <c r="HB22" s="74">
        <v>185</v>
      </c>
      <c r="HC22" s="75">
        <v>245</v>
      </c>
      <c r="HD22" s="76">
        <v>2</v>
      </c>
      <c r="HE22" s="61">
        <v>1</v>
      </c>
      <c r="HF22" s="62">
        <v>3</v>
      </c>
      <c r="HG22" s="231"/>
      <c r="HH22" s="61">
        <v>1</v>
      </c>
      <c r="HI22" s="61">
        <v>0</v>
      </c>
      <c r="HJ22" s="61">
        <v>1</v>
      </c>
      <c r="HK22" s="61">
        <v>2</v>
      </c>
      <c r="HL22" s="61">
        <v>0</v>
      </c>
      <c r="HM22" s="62">
        <v>4</v>
      </c>
      <c r="HN22" s="63">
        <v>7</v>
      </c>
      <c r="HO22" s="60">
        <v>3</v>
      </c>
      <c r="HP22" s="61">
        <v>1</v>
      </c>
      <c r="HQ22" s="62">
        <v>4</v>
      </c>
      <c r="HR22" s="231"/>
      <c r="HS22" s="61">
        <v>7</v>
      </c>
      <c r="HT22" s="61">
        <v>5</v>
      </c>
      <c r="HU22" s="61">
        <v>3</v>
      </c>
      <c r="HV22" s="61">
        <v>0</v>
      </c>
      <c r="HW22" s="61">
        <v>1</v>
      </c>
      <c r="HX22" s="62">
        <v>16</v>
      </c>
      <c r="HY22" s="63">
        <v>20</v>
      </c>
      <c r="HZ22" s="76">
        <v>8</v>
      </c>
      <c r="IA22" s="61">
        <v>2</v>
      </c>
      <c r="IB22" s="62">
        <v>10</v>
      </c>
      <c r="IC22" s="231"/>
      <c r="ID22" s="61">
        <v>4</v>
      </c>
      <c r="IE22" s="61">
        <v>6</v>
      </c>
      <c r="IF22" s="61">
        <v>1</v>
      </c>
      <c r="IG22" s="61">
        <v>7</v>
      </c>
      <c r="IH22" s="61">
        <v>2</v>
      </c>
      <c r="II22" s="62">
        <v>20</v>
      </c>
      <c r="IJ22" s="63">
        <v>30</v>
      </c>
      <c r="IK22" s="60">
        <v>6</v>
      </c>
      <c r="IL22" s="61">
        <v>4</v>
      </c>
      <c r="IM22" s="62">
        <v>10</v>
      </c>
      <c r="IN22" s="231"/>
      <c r="IO22" s="61">
        <v>13</v>
      </c>
      <c r="IP22" s="61">
        <v>11</v>
      </c>
      <c r="IQ22" s="61">
        <v>8</v>
      </c>
      <c r="IR22" s="61">
        <v>1</v>
      </c>
      <c r="IS22" s="61">
        <v>7</v>
      </c>
      <c r="IT22" s="62">
        <v>40</v>
      </c>
      <c r="IU22" s="63">
        <v>50</v>
      </c>
      <c r="IV22" s="76">
        <v>10</v>
      </c>
      <c r="IW22" s="61">
        <v>8</v>
      </c>
      <c r="IX22" s="62">
        <v>18</v>
      </c>
      <c r="IY22" s="231"/>
      <c r="IZ22" s="61">
        <v>13</v>
      </c>
      <c r="JA22" s="61">
        <v>14</v>
      </c>
      <c r="JB22" s="61">
        <v>6</v>
      </c>
      <c r="JC22" s="61">
        <v>6</v>
      </c>
      <c r="JD22" s="61">
        <v>5</v>
      </c>
      <c r="JE22" s="62">
        <v>44</v>
      </c>
      <c r="JF22" s="63">
        <v>62</v>
      </c>
      <c r="JG22" s="60">
        <v>8</v>
      </c>
      <c r="JH22" s="61">
        <v>7</v>
      </c>
      <c r="JI22" s="62">
        <v>15</v>
      </c>
      <c r="JJ22" s="231"/>
      <c r="JK22" s="61">
        <v>22</v>
      </c>
      <c r="JL22" s="61">
        <v>13</v>
      </c>
      <c r="JM22" s="61">
        <v>15</v>
      </c>
      <c r="JN22" s="61">
        <v>7</v>
      </c>
      <c r="JO22" s="61">
        <v>4</v>
      </c>
      <c r="JP22" s="62">
        <v>61</v>
      </c>
      <c r="JQ22" s="63">
        <v>76</v>
      </c>
      <c r="JR22" s="60">
        <v>0</v>
      </c>
      <c r="JS22" s="61">
        <v>0</v>
      </c>
      <c r="JT22" s="62">
        <v>0</v>
      </c>
      <c r="JU22" s="231"/>
      <c r="JV22" s="61">
        <v>0</v>
      </c>
      <c r="JW22" s="61">
        <v>0</v>
      </c>
      <c r="JX22" s="61">
        <v>0</v>
      </c>
      <c r="JY22" s="61">
        <v>0</v>
      </c>
      <c r="JZ22" s="61">
        <v>0</v>
      </c>
      <c r="KA22" s="62">
        <v>0</v>
      </c>
      <c r="KB22" s="63">
        <v>0</v>
      </c>
      <c r="KC22" s="60">
        <v>37</v>
      </c>
      <c r="KD22" s="61">
        <v>23</v>
      </c>
      <c r="KE22" s="62">
        <v>60</v>
      </c>
      <c r="KF22" s="231"/>
      <c r="KG22" s="61">
        <v>60</v>
      </c>
      <c r="KH22" s="61">
        <v>49</v>
      </c>
      <c r="KI22" s="61">
        <v>34</v>
      </c>
      <c r="KJ22" s="61">
        <v>23</v>
      </c>
      <c r="KK22" s="61">
        <v>19</v>
      </c>
      <c r="KL22" s="62">
        <v>185</v>
      </c>
      <c r="KM22" s="63">
        <v>245</v>
      </c>
    </row>
    <row r="23" spans="2:299" ht="21" customHeight="1" x14ac:dyDescent="0.2">
      <c r="B23" s="472" t="s">
        <v>20</v>
      </c>
      <c r="C23" s="293">
        <v>30</v>
      </c>
      <c r="D23" s="72">
        <v>56</v>
      </c>
      <c r="E23" s="73">
        <v>86</v>
      </c>
      <c r="F23" s="228"/>
      <c r="G23" s="72">
        <v>57</v>
      </c>
      <c r="H23" s="72">
        <v>47</v>
      </c>
      <c r="I23" s="72">
        <v>29</v>
      </c>
      <c r="J23" s="72">
        <v>26</v>
      </c>
      <c r="K23" s="72">
        <v>17</v>
      </c>
      <c r="L23" s="74">
        <v>176</v>
      </c>
      <c r="M23" s="75">
        <v>262</v>
      </c>
      <c r="N23" s="60">
        <v>2</v>
      </c>
      <c r="O23" s="61">
        <v>1</v>
      </c>
      <c r="P23" s="62">
        <v>3</v>
      </c>
      <c r="Q23" s="231"/>
      <c r="R23" s="61">
        <v>3</v>
      </c>
      <c r="S23" s="61">
        <v>0</v>
      </c>
      <c r="T23" s="61">
        <v>1</v>
      </c>
      <c r="U23" s="61">
        <v>1</v>
      </c>
      <c r="V23" s="61">
        <v>0</v>
      </c>
      <c r="W23" s="62">
        <v>5</v>
      </c>
      <c r="X23" s="63">
        <v>8</v>
      </c>
      <c r="Y23" s="60">
        <v>3</v>
      </c>
      <c r="Z23" s="61">
        <v>4</v>
      </c>
      <c r="AA23" s="62">
        <v>7</v>
      </c>
      <c r="AB23" s="231"/>
      <c r="AC23" s="61">
        <v>5</v>
      </c>
      <c r="AD23" s="61">
        <v>5</v>
      </c>
      <c r="AE23" s="61">
        <v>5</v>
      </c>
      <c r="AF23" s="61">
        <v>2</v>
      </c>
      <c r="AG23" s="61">
        <v>1</v>
      </c>
      <c r="AH23" s="62">
        <v>18</v>
      </c>
      <c r="AI23" s="63">
        <v>25</v>
      </c>
      <c r="AJ23" s="60">
        <v>3</v>
      </c>
      <c r="AK23" s="61">
        <v>7</v>
      </c>
      <c r="AL23" s="62">
        <v>10</v>
      </c>
      <c r="AM23" s="231"/>
      <c r="AN23" s="61">
        <v>5</v>
      </c>
      <c r="AO23" s="61">
        <v>4</v>
      </c>
      <c r="AP23" s="61">
        <v>4</v>
      </c>
      <c r="AQ23" s="61">
        <v>4</v>
      </c>
      <c r="AR23" s="61">
        <v>3</v>
      </c>
      <c r="AS23" s="62">
        <v>20</v>
      </c>
      <c r="AT23" s="63">
        <v>30</v>
      </c>
      <c r="AU23" s="60">
        <v>10</v>
      </c>
      <c r="AV23" s="61">
        <v>13</v>
      </c>
      <c r="AW23" s="62">
        <v>23</v>
      </c>
      <c r="AX23" s="231"/>
      <c r="AY23" s="61">
        <v>19</v>
      </c>
      <c r="AZ23" s="61">
        <v>16</v>
      </c>
      <c r="BA23" s="61">
        <v>10</v>
      </c>
      <c r="BB23" s="61">
        <v>6</v>
      </c>
      <c r="BC23" s="61">
        <v>4</v>
      </c>
      <c r="BD23" s="62">
        <v>55</v>
      </c>
      <c r="BE23" s="63">
        <v>78</v>
      </c>
      <c r="BF23" s="60">
        <v>6</v>
      </c>
      <c r="BG23" s="61">
        <v>21</v>
      </c>
      <c r="BH23" s="62">
        <v>27</v>
      </c>
      <c r="BI23" s="231"/>
      <c r="BJ23" s="61">
        <v>14</v>
      </c>
      <c r="BK23" s="61">
        <v>12</v>
      </c>
      <c r="BL23" s="61">
        <v>5</v>
      </c>
      <c r="BM23" s="61">
        <v>7</v>
      </c>
      <c r="BN23" s="61">
        <v>5</v>
      </c>
      <c r="BO23" s="62">
        <v>43</v>
      </c>
      <c r="BP23" s="63">
        <v>70</v>
      </c>
      <c r="BQ23" s="60">
        <v>6</v>
      </c>
      <c r="BR23" s="61">
        <v>10</v>
      </c>
      <c r="BS23" s="62">
        <v>16</v>
      </c>
      <c r="BT23" s="231"/>
      <c r="BU23" s="61">
        <v>11</v>
      </c>
      <c r="BV23" s="61">
        <v>10</v>
      </c>
      <c r="BW23" s="61">
        <v>4</v>
      </c>
      <c r="BX23" s="61">
        <v>6</v>
      </c>
      <c r="BY23" s="61">
        <v>4</v>
      </c>
      <c r="BZ23" s="62">
        <v>35</v>
      </c>
      <c r="CA23" s="63">
        <v>51</v>
      </c>
      <c r="CB23" s="60">
        <v>0</v>
      </c>
      <c r="CC23" s="61">
        <v>0</v>
      </c>
      <c r="CD23" s="62">
        <v>0</v>
      </c>
      <c r="CE23" s="231"/>
      <c r="CF23" s="61">
        <v>0</v>
      </c>
      <c r="CG23" s="61">
        <v>0</v>
      </c>
      <c r="CH23" s="61">
        <v>0</v>
      </c>
      <c r="CI23" s="61">
        <v>0</v>
      </c>
      <c r="CJ23" s="61">
        <v>0</v>
      </c>
      <c r="CK23" s="62">
        <v>0</v>
      </c>
      <c r="CL23" s="63">
        <v>0</v>
      </c>
      <c r="CM23" s="60">
        <v>30</v>
      </c>
      <c r="CN23" s="61">
        <v>56</v>
      </c>
      <c r="CO23" s="62">
        <v>86</v>
      </c>
      <c r="CP23" s="231"/>
      <c r="CQ23" s="61">
        <v>57</v>
      </c>
      <c r="CR23" s="61">
        <v>47</v>
      </c>
      <c r="CS23" s="61">
        <v>29</v>
      </c>
      <c r="CT23" s="61">
        <v>26</v>
      </c>
      <c r="CU23" s="61">
        <v>17</v>
      </c>
      <c r="CV23" s="62">
        <v>176</v>
      </c>
      <c r="CW23" s="63">
        <v>262</v>
      </c>
      <c r="CX23" s="113">
        <v>12</v>
      </c>
      <c r="CY23" s="72">
        <v>16</v>
      </c>
      <c r="CZ23" s="73">
        <v>28</v>
      </c>
      <c r="DA23" s="228"/>
      <c r="DB23" s="72">
        <v>24</v>
      </c>
      <c r="DC23" s="72">
        <v>23</v>
      </c>
      <c r="DD23" s="72">
        <v>9</v>
      </c>
      <c r="DE23" s="72">
        <v>15</v>
      </c>
      <c r="DF23" s="72">
        <v>6</v>
      </c>
      <c r="DG23" s="74">
        <v>77</v>
      </c>
      <c r="DH23" s="75">
        <v>105</v>
      </c>
      <c r="DI23" s="60">
        <v>1</v>
      </c>
      <c r="DJ23" s="61">
        <v>0</v>
      </c>
      <c r="DK23" s="62">
        <v>1</v>
      </c>
      <c r="DL23" s="231"/>
      <c r="DM23" s="61">
        <v>1</v>
      </c>
      <c r="DN23" s="61">
        <v>1</v>
      </c>
      <c r="DO23" s="61">
        <v>0</v>
      </c>
      <c r="DP23" s="61">
        <v>0</v>
      </c>
      <c r="DQ23" s="61">
        <v>0</v>
      </c>
      <c r="DR23" s="62">
        <v>2</v>
      </c>
      <c r="DS23" s="63">
        <v>3</v>
      </c>
      <c r="DT23" s="60">
        <v>1</v>
      </c>
      <c r="DU23" s="61">
        <v>0</v>
      </c>
      <c r="DV23" s="62">
        <v>1</v>
      </c>
      <c r="DW23" s="231"/>
      <c r="DX23" s="61">
        <v>1</v>
      </c>
      <c r="DY23" s="61">
        <v>0</v>
      </c>
      <c r="DZ23" s="61">
        <v>0</v>
      </c>
      <c r="EA23" s="61">
        <v>0</v>
      </c>
      <c r="EB23" s="61">
        <v>0</v>
      </c>
      <c r="EC23" s="62">
        <v>1</v>
      </c>
      <c r="ED23" s="63">
        <v>2</v>
      </c>
      <c r="EE23" s="60">
        <v>1</v>
      </c>
      <c r="EF23" s="61">
        <v>4</v>
      </c>
      <c r="EG23" s="62">
        <v>5</v>
      </c>
      <c r="EH23" s="231"/>
      <c r="EI23" s="61">
        <v>1</v>
      </c>
      <c r="EJ23" s="61">
        <v>4</v>
      </c>
      <c r="EK23" s="61">
        <v>2</v>
      </c>
      <c r="EL23" s="61">
        <v>1</v>
      </c>
      <c r="EM23" s="61">
        <v>1</v>
      </c>
      <c r="EN23" s="62">
        <v>9</v>
      </c>
      <c r="EO23" s="63">
        <v>14</v>
      </c>
      <c r="EP23" s="60">
        <v>3</v>
      </c>
      <c r="EQ23" s="61">
        <v>4</v>
      </c>
      <c r="ER23" s="62">
        <v>7</v>
      </c>
      <c r="ES23" s="231"/>
      <c r="ET23" s="61">
        <v>5</v>
      </c>
      <c r="EU23" s="61">
        <v>5</v>
      </c>
      <c r="EV23" s="61">
        <v>1</v>
      </c>
      <c r="EW23" s="61">
        <v>3</v>
      </c>
      <c r="EX23" s="61">
        <v>0</v>
      </c>
      <c r="EY23" s="62">
        <v>14</v>
      </c>
      <c r="EZ23" s="63">
        <v>21</v>
      </c>
      <c r="FA23" s="60">
        <v>5</v>
      </c>
      <c r="FB23" s="61">
        <v>2</v>
      </c>
      <c r="FC23" s="62">
        <v>7</v>
      </c>
      <c r="FD23" s="231"/>
      <c r="FE23" s="61">
        <v>7</v>
      </c>
      <c r="FF23" s="61">
        <v>5</v>
      </c>
      <c r="FG23" s="61">
        <v>1</v>
      </c>
      <c r="FH23" s="61">
        <v>3</v>
      </c>
      <c r="FI23" s="61">
        <v>1</v>
      </c>
      <c r="FJ23" s="62">
        <v>17</v>
      </c>
      <c r="FK23" s="63">
        <v>24</v>
      </c>
      <c r="FL23" s="60">
        <v>1</v>
      </c>
      <c r="FM23" s="61">
        <v>6</v>
      </c>
      <c r="FN23" s="62">
        <v>7</v>
      </c>
      <c r="FO23" s="231"/>
      <c r="FP23" s="61">
        <v>9</v>
      </c>
      <c r="FQ23" s="61">
        <v>8</v>
      </c>
      <c r="FR23" s="61">
        <v>5</v>
      </c>
      <c r="FS23" s="61">
        <v>8</v>
      </c>
      <c r="FT23" s="61">
        <v>4</v>
      </c>
      <c r="FU23" s="62">
        <v>34</v>
      </c>
      <c r="FV23" s="63">
        <v>41</v>
      </c>
      <c r="FW23" s="60">
        <v>0</v>
      </c>
      <c r="FX23" s="61">
        <v>0</v>
      </c>
      <c r="FY23" s="62">
        <v>0</v>
      </c>
      <c r="FZ23" s="231">
        <v>0</v>
      </c>
      <c r="GA23" s="61">
        <v>0</v>
      </c>
      <c r="GB23" s="61">
        <v>0</v>
      </c>
      <c r="GC23" s="61">
        <v>0</v>
      </c>
      <c r="GD23" s="61">
        <v>0</v>
      </c>
      <c r="GE23" s="61">
        <v>0</v>
      </c>
      <c r="GF23" s="62">
        <v>0</v>
      </c>
      <c r="GG23" s="63">
        <v>0</v>
      </c>
      <c r="GH23" s="60">
        <v>12</v>
      </c>
      <c r="GI23" s="61">
        <v>16</v>
      </c>
      <c r="GJ23" s="62">
        <v>28</v>
      </c>
      <c r="GK23" s="231"/>
      <c r="GL23" s="61">
        <v>24</v>
      </c>
      <c r="GM23" s="61">
        <v>23</v>
      </c>
      <c r="GN23" s="61">
        <v>9</v>
      </c>
      <c r="GO23" s="61">
        <v>15</v>
      </c>
      <c r="GP23" s="61">
        <v>6</v>
      </c>
      <c r="GQ23" s="62">
        <v>77</v>
      </c>
      <c r="GR23" s="63">
        <v>105</v>
      </c>
      <c r="GS23" s="113">
        <v>42</v>
      </c>
      <c r="GT23" s="72">
        <v>72</v>
      </c>
      <c r="GU23" s="73">
        <v>114</v>
      </c>
      <c r="GV23" s="228"/>
      <c r="GW23" s="72">
        <v>81</v>
      </c>
      <c r="GX23" s="72">
        <v>70</v>
      </c>
      <c r="GY23" s="72">
        <v>38</v>
      </c>
      <c r="GZ23" s="72">
        <v>41</v>
      </c>
      <c r="HA23" s="72">
        <v>23</v>
      </c>
      <c r="HB23" s="74">
        <v>253</v>
      </c>
      <c r="HC23" s="75">
        <v>367</v>
      </c>
      <c r="HD23" s="60">
        <v>3</v>
      </c>
      <c r="HE23" s="61">
        <v>1</v>
      </c>
      <c r="HF23" s="62">
        <v>4</v>
      </c>
      <c r="HG23" s="231"/>
      <c r="HH23" s="61">
        <v>4</v>
      </c>
      <c r="HI23" s="61">
        <v>1</v>
      </c>
      <c r="HJ23" s="61">
        <v>1</v>
      </c>
      <c r="HK23" s="61">
        <v>1</v>
      </c>
      <c r="HL23" s="61">
        <v>0</v>
      </c>
      <c r="HM23" s="62">
        <v>7</v>
      </c>
      <c r="HN23" s="63">
        <v>11</v>
      </c>
      <c r="HO23" s="60">
        <v>4</v>
      </c>
      <c r="HP23" s="61">
        <v>4</v>
      </c>
      <c r="HQ23" s="62">
        <v>8</v>
      </c>
      <c r="HR23" s="231"/>
      <c r="HS23" s="61">
        <v>6</v>
      </c>
      <c r="HT23" s="61">
        <v>5</v>
      </c>
      <c r="HU23" s="61">
        <v>5</v>
      </c>
      <c r="HV23" s="61">
        <v>2</v>
      </c>
      <c r="HW23" s="61">
        <v>1</v>
      </c>
      <c r="HX23" s="62">
        <v>19</v>
      </c>
      <c r="HY23" s="63">
        <v>27</v>
      </c>
      <c r="HZ23" s="60">
        <v>4</v>
      </c>
      <c r="IA23" s="61">
        <v>11</v>
      </c>
      <c r="IB23" s="62">
        <v>15</v>
      </c>
      <c r="IC23" s="231"/>
      <c r="ID23" s="61">
        <v>6</v>
      </c>
      <c r="IE23" s="61">
        <v>8</v>
      </c>
      <c r="IF23" s="61">
        <v>6</v>
      </c>
      <c r="IG23" s="61">
        <v>5</v>
      </c>
      <c r="IH23" s="61">
        <v>4</v>
      </c>
      <c r="II23" s="62">
        <v>29</v>
      </c>
      <c r="IJ23" s="63">
        <v>44</v>
      </c>
      <c r="IK23" s="60">
        <v>13</v>
      </c>
      <c r="IL23" s="61">
        <v>17</v>
      </c>
      <c r="IM23" s="62">
        <v>30</v>
      </c>
      <c r="IN23" s="231"/>
      <c r="IO23" s="61">
        <v>24</v>
      </c>
      <c r="IP23" s="61">
        <v>21</v>
      </c>
      <c r="IQ23" s="61">
        <v>11</v>
      </c>
      <c r="IR23" s="61">
        <v>9</v>
      </c>
      <c r="IS23" s="61">
        <v>4</v>
      </c>
      <c r="IT23" s="62">
        <v>69</v>
      </c>
      <c r="IU23" s="63">
        <v>99</v>
      </c>
      <c r="IV23" s="60">
        <v>11</v>
      </c>
      <c r="IW23" s="61">
        <v>23</v>
      </c>
      <c r="IX23" s="62">
        <v>34</v>
      </c>
      <c r="IY23" s="231"/>
      <c r="IZ23" s="61">
        <v>21</v>
      </c>
      <c r="JA23" s="61">
        <v>17</v>
      </c>
      <c r="JB23" s="61">
        <v>6</v>
      </c>
      <c r="JC23" s="61">
        <v>10</v>
      </c>
      <c r="JD23" s="61">
        <v>6</v>
      </c>
      <c r="JE23" s="62">
        <v>60</v>
      </c>
      <c r="JF23" s="63">
        <v>94</v>
      </c>
      <c r="JG23" s="60">
        <v>7</v>
      </c>
      <c r="JH23" s="61">
        <v>16</v>
      </c>
      <c r="JI23" s="62">
        <v>23</v>
      </c>
      <c r="JJ23" s="231"/>
      <c r="JK23" s="61">
        <v>20</v>
      </c>
      <c r="JL23" s="61">
        <v>18</v>
      </c>
      <c r="JM23" s="61">
        <v>9</v>
      </c>
      <c r="JN23" s="61">
        <v>14</v>
      </c>
      <c r="JO23" s="61">
        <v>8</v>
      </c>
      <c r="JP23" s="62">
        <v>69</v>
      </c>
      <c r="JQ23" s="63">
        <v>92</v>
      </c>
      <c r="JR23" s="60">
        <v>0</v>
      </c>
      <c r="JS23" s="61">
        <v>0</v>
      </c>
      <c r="JT23" s="62">
        <v>0</v>
      </c>
      <c r="JU23" s="231"/>
      <c r="JV23" s="61">
        <v>0</v>
      </c>
      <c r="JW23" s="61">
        <v>0</v>
      </c>
      <c r="JX23" s="61">
        <v>0</v>
      </c>
      <c r="JY23" s="61">
        <v>0</v>
      </c>
      <c r="JZ23" s="61">
        <v>0</v>
      </c>
      <c r="KA23" s="62">
        <v>0</v>
      </c>
      <c r="KB23" s="63">
        <v>0</v>
      </c>
      <c r="KC23" s="60">
        <v>42</v>
      </c>
      <c r="KD23" s="61">
        <v>72</v>
      </c>
      <c r="KE23" s="62">
        <v>114</v>
      </c>
      <c r="KF23" s="231"/>
      <c r="KG23" s="61">
        <v>81</v>
      </c>
      <c r="KH23" s="61">
        <v>70</v>
      </c>
      <c r="KI23" s="61">
        <v>38</v>
      </c>
      <c r="KJ23" s="61">
        <v>41</v>
      </c>
      <c r="KK23" s="61">
        <v>23</v>
      </c>
      <c r="KL23" s="62">
        <v>253</v>
      </c>
      <c r="KM23" s="63">
        <v>367</v>
      </c>
    </row>
    <row r="24" spans="2:299" ht="21" customHeight="1" x14ac:dyDescent="0.2">
      <c r="B24" s="472" t="s">
        <v>21</v>
      </c>
      <c r="C24" s="293">
        <v>28</v>
      </c>
      <c r="D24" s="72">
        <v>31</v>
      </c>
      <c r="E24" s="73">
        <v>59</v>
      </c>
      <c r="F24" s="228"/>
      <c r="G24" s="72">
        <v>46</v>
      </c>
      <c r="H24" s="72">
        <v>34</v>
      </c>
      <c r="I24" s="72">
        <v>25</v>
      </c>
      <c r="J24" s="72">
        <v>21</v>
      </c>
      <c r="K24" s="72">
        <v>14</v>
      </c>
      <c r="L24" s="74">
        <v>140</v>
      </c>
      <c r="M24" s="75">
        <v>199</v>
      </c>
      <c r="N24" s="60">
        <v>0</v>
      </c>
      <c r="O24" s="61">
        <v>4</v>
      </c>
      <c r="P24" s="62">
        <v>4</v>
      </c>
      <c r="Q24" s="231"/>
      <c r="R24" s="61">
        <v>3</v>
      </c>
      <c r="S24" s="61">
        <v>0</v>
      </c>
      <c r="T24" s="61">
        <v>0</v>
      </c>
      <c r="U24" s="61">
        <v>2</v>
      </c>
      <c r="V24" s="61">
        <v>2</v>
      </c>
      <c r="W24" s="62">
        <v>7</v>
      </c>
      <c r="X24" s="63">
        <v>11</v>
      </c>
      <c r="Y24" s="60">
        <v>4</v>
      </c>
      <c r="Z24" s="61">
        <v>1</v>
      </c>
      <c r="AA24" s="62">
        <v>5</v>
      </c>
      <c r="AB24" s="231"/>
      <c r="AC24" s="61">
        <v>3</v>
      </c>
      <c r="AD24" s="61">
        <v>4</v>
      </c>
      <c r="AE24" s="61">
        <v>0</v>
      </c>
      <c r="AF24" s="61">
        <v>3</v>
      </c>
      <c r="AG24" s="61">
        <v>1</v>
      </c>
      <c r="AH24" s="62">
        <v>11</v>
      </c>
      <c r="AI24" s="63">
        <v>16</v>
      </c>
      <c r="AJ24" s="60">
        <v>3</v>
      </c>
      <c r="AK24" s="61">
        <v>5</v>
      </c>
      <c r="AL24" s="62">
        <v>8</v>
      </c>
      <c r="AM24" s="231"/>
      <c r="AN24" s="61">
        <v>8</v>
      </c>
      <c r="AO24" s="61">
        <v>3</v>
      </c>
      <c r="AP24" s="61">
        <v>3</v>
      </c>
      <c r="AQ24" s="61">
        <v>2</v>
      </c>
      <c r="AR24" s="61">
        <v>1</v>
      </c>
      <c r="AS24" s="62">
        <v>17</v>
      </c>
      <c r="AT24" s="63">
        <v>25</v>
      </c>
      <c r="AU24" s="60">
        <v>4</v>
      </c>
      <c r="AV24" s="61">
        <v>8</v>
      </c>
      <c r="AW24" s="62">
        <v>12</v>
      </c>
      <c r="AX24" s="231"/>
      <c r="AY24" s="61">
        <v>11</v>
      </c>
      <c r="AZ24" s="61">
        <v>6</v>
      </c>
      <c r="BA24" s="61">
        <v>5</v>
      </c>
      <c r="BB24" s="61">
        <v>8</v>
      </c>
      <c r="BC24" s="61">
        <v>2</v>
      </c>
      <c r="BD24" s="62">
        <v>32</v>
      </c>
      <c r="BE24" s="63">
        <v>44</v>
      </c>
      <c r="BF24" s="60">
        <v>12</v>
      </c>
      <c r="BG24" s="61">
        <v>6</v>
      </c>
      <c r="BH24" s="62">
        <v>18</v>
      </c>
      <c r="BI24" s="231"/>
      <c r="BJ24" s="61">
        <v>12</v>
      </c>
      <c r="BK24" s="61">
        <v>13</v>
      </c>
      <c r="BL24" s="61">
        <v>6</v>
      </c>
      <c r="BM24" s="61">
        <v>5</v>
      </c>
      <c r="BN24" s="61">
        <v>4</v>
      </c>
      <c r="BO24" s="62">
        <v>40</v>
      </c>
      <c r="BP24" s="63">
        <v>58</v>
      </c>
      <c r="BQ24" s="60">
        <v>5</v>
      </c>
      <c r="BR24" s="61">
        <v>7</v>
      </c>
      <c r="BS24" s="62">
        <v>12</v>
      </c>
      <c r="BT24" s="231"/>
      <c r="BU24" s="61">
        <v>9</v>
      </c>
      <c r="BV24" s="61">
        <v>8</v>
      </c>
      <c r="BW24" s="61">
        <v>11</v>
      </c>
      <c r="BX24" s="61">
        <v>1</v>
      </c>
      <c r="BY24" s="61">
        <v>4</v>
      </c>
      <c r="BZ24" s="62">
        <v>33</v>
      </c>
      <c r="CA24" s="63">
        <v>45</v>
      </c>
      <c r="CB24" s="60">
        <v>0</v>
      </c>
      <c r="CC24" s="61">
        <v>0</v>
      </c>
      <c r="CD24" s="62">
        <v>0</v>
      </c>
      <c r="CE24" s="231"/>
      <c r="CF24" s="61">
        <v>0</v>
      </c>
      <c r="CG24" s="61">
        <v>0</v>
      </c>
      <c r="CH24" s="61">
        <v>0</v>
      </c>
      <c r="CI24" s="61">
        <v>0</v>
      </c>
      <c r="CJ24" s="61">
        <v>0</v>
      </c>
      <c r="CK24" s="62">
        <v>0</v>
      </c>
      <c r="CL24" s="63">
        <v>0</v>
      </c>
      <c r="CM24" s="60">
        <v>28</v>
      </c>
      <c r="CN24" s="61">
        <v>31</v>
      </c>
      <c r="CO24" s="62">
        <v>59</v>
      </c>
      <c r="CP24" s="231"/>
      <c r="CQ24" s="61">
        <v>46</v>
      </c>
      <c r="CR24" s="61">
        <v>34</v>
      </c>
      <c r="CS24" s="61">
        <v>25</v>
      </c>
      <c r="CT24" s="61">
        <v>21</v>
      </c>
      <c r="CU24" s="61">
        <v>14</v>
      </c>
      <c r="CV24" s="62">
        <v>140</v>
      </c>
      <c r="CW24" s="63">
        <v>199</v>
      </c>
      <c r="CX24" s="113">
        <v>12</v>
      </c>
      <c r="CY24" s="72">
        <v>7</v>
      </c>
      <c r="CZ24" s="73">
        <v>19</v>
      </c>
      <c r="DA24" s="228"/>
      <c r="DB24" s="72">
        <v>15</v>
      </c>
      <c r="DC24" s="72">
        <v>15</v>
      </c>
      <c r="DD24" s="72">
        <v>8</v>
      </c>
      <c r="DE24" s="72">
        <v>7</v>
      </c>
      <c r="DF24" s="72">
        <v>10</v>
      </c>
      <c r="DG24" s="74">
        <v>55</v>
      </c>
      <c r="DH24" s="75">
        <v>74</v>
      </c>
      <c r="DI24" s="60">
        <v>0</v>
      </c>
      <c r="DJ24" s="61">
        <v>0</v>
      </c>
      <c r="DK24" s="62">
        <v>0</v>
      </c>
      <c r="DL24" s="231"/>
      <c r="DM24" s="61">
        <v>0</v>
      </c>
      <c r="DN24" s="61">
        <v>0</v>
      </c>
      <c r="DO24" s="61">
        <v>0</v>
      </c>
      <c r="DP24" s="61">
        <v>0</v>
      </c>
      <c r="DQ24" s="61">
        <v>0</v>
      </c>
      <c r="DR24" s="62">
        <v>0</v>
      </c>
      <c r="DS24" s="63">
        <v>0</v>
      </c>
      <c r="DT24" s="60">
        <v>3</v>
      </c>
      <c r="DU24" s="61">
        <v>0</v>
      </c>
      <c r="DV24" s="62">
        <v>3</v>
      </c>
      <c r="DW24" s="231"/>
      <c r="DX24" s="61">
        <v>2</v>
      </c>
      <c r="DY24" s="61">
        <v>3</v>
      </c>
      <c r="DZ24" s="61">
        <v>0</v>
      </c>
      <c r="EA24" s="61">
        <v>0</v>
      </c>
      <c r="EB24" s="61">
        <v>1</v>
      </c>
      <c r="EC24" s="62">
        <v>6</v>
      </c>
      <c r="ED24" s="63">
        <v>9</v>
      </c>
      <c r="EE24" s="60">
        <v>0</v>
      </c>
      <c r="EF24" s="61">
        <v>1</v>
      </c>
      <c r="EG24" s="62">
        <v>1</v>
      </c>
      <c r="EH24" s="231"/>
      <c r="EI24" s="61">
        <v>2</v>
      </c>
      <c r="EJ24" s="61">
        <v>0</v>
      </c>
      <c r="EK24" s="61">
        <v>0</v>
      </c>
      <c r="EL24" s="61">
        <v>0</v>
      </c>
      <c r="EM24" s="61">
        <v>1</v>
      </c>
      <c r="EN24" s="62">
        <v>3</v>
      </c>
      <c r="EO24" s="63">
        <v>4</v>
      </c>
      <c r="EP24" s="60">
        <v>6</v>
      </c>
      <c r="EQ24" s="61">
        <v>4</v>
      </c>
      <c r="ER24" s="62">
        <v>10</v>
      </c>
      <c r="ES24" s="231"/>
      <c r="ET24" s="61">
        <v>1</v>
      </c>
      <c r="EU24" s="61">
        <v>4</v>
      </c>
      <c r="EV24" s="61">
        <v>0</v>
      </c>
      <c r="EW24" s="61">
        <v>1</v>
      </c>
      <c r="EX24" s="61">
        <v>1</v>
      </c>
      <c r="EY24" s="62">
        <v>7</v>
      </c>
      <c r="EZ24" s="63">
        <v>17</v>
      </c>
      <c r="FA24" s="60">
        <v>0</v>
      </c>
      <c r="FB24" s="61">
        <v>2</v>
      </c>
      <c r="FC24" s="62">
        <v>2</v>
      </c>
      <c r="FD24" s="231"/>
      <c r="FE24" s="61">
        <v>3</v>
      </c>
      <c r="FF24" s="61">
        <v>3</v>
      </c>
      <c r="FG24" s="61">
        <v>4</v>
      </c>
      <c r="FH24" s="61">
        <v>2</v>
      </c>
      <c r="FI24" s="61">
        <v>2</v>
      </c>
      <c r="FJ24" s="62">
        <v>14</v>
      </c>
      <c r="FK24" s="63">
        <v>16</v>
      </c>
      <c r="FL24" s="60">
        <v>3</v>
      </c>
      <c r="FM24" s="61">
        <v>0</v>
      </c>
      <c r="FN24" s="62">
        <v>3</v>
      </c>
      <c r="FO24" s="231"/>
      <c r="FP24" s="61">
        <v>7</v>
      </c>
      <c r="FQ24" s="61">
        <v>5</v>
      </c>
      <c r="FR24" s="61">
        <v>4</v>
      </c>
      <c r="FS24" s="61">
        <v>4</v>
      </c>
      <c r="FT24" s="61">
        <v>5</v>
      </c>
      <c r="FU24" s="62">
        <v>25</v>
      </c>
      <c r="FV24" s="63">
        <v>28</v>
      </c>
      <c r="FW24" s="60">
        <v>0</v>
      </c>
      <c r="FX24" s="61">
        <v>0</v>
      </c>
      <c r="FY24" s="62">
        <v>0</v>
      </c>
      <c r="FZ24" s="231">
        <v>0</v>
      </c>
      <c r="GA24" s="61">
        <v>0</v>
      </c>
      <c r="GB24" s="61">
        <v>0</v>
      </c>
      <c r="GC24" s="61">
        <v>0</v>
      </c>
      <c r="GD24" s="61">
        <v>0</v>
      </c>
      <c r="GE24" s="61">
        <v>0</v>
      </c>
      <c r="GF24" s="62">
        <v>0</v>
      </c>
      <c r="GG24" s="63">
        <v>0</v>
      </c>
      <c r="GH24" s="60">
        <v>12</v>
      </c>
      <c r="GI24" s="61">
        <v>7</v>
      </c>
      <c r="GJ24" s="62">
        <v>19</v>
      </c>
      <c r="GK24" s="231"/>
      <c r="GL24" s="61">
        <v>15</v>
      </c>
      <c r="GM24" s="61">
        <v>15</v>
      </c>
      <c r="GN24" s="61">
        <v>8</v>
      </c>
      <c r="GO24" s="61">
        <v>7</v>
      </c>
      <c r="GP24" s="61">
        <v>10</v>
      </c>
      <c r="GQ24" s="62">
        <v>55</v>
      </c>
      <c r="GR24" s="63">
        <v>74</v>
      </c>
      <c r="GS24" s="113">
        <v>40</v>
      </c>
      <c r="GT24" s="72">
        <v>38</v>
      </c>
      <c r="GU24" s="73">
        <v>78</v>
      </c>
      <c r="GV24" s="228"/>
      <c r="GW24" s="72">
        <v>61</v>
      </c>
      <c r="GX24" s="72">
        <v>49</v>
      </c>
      <c r="GY24" s="72">
        <v>33</v>
      </c>
      <c r="GZ24" s="72">
        <v>28</v>
      </c>
      <c r="HA24" s="72">
        <v>24</v>
      </c>
      <c r="HB24" s="74">
        <v>195</v>
      </c>
      <c r="HC24" s="75">
        <v>273</v>
      </c>
      <c r="HD24" s="60">
        <v>0</v>
      </c>
      <c r="HE24" s="61">
        <v>4</v>
      </c>
      <c r="HF24" s="62">
        <v>4</v>
      </c>
      <c r="HG24" s="231"/>
      <c r="HH24" s="61">
        <v>3</v>
      </c>
      <c r="HI24" s="61">
        <v>0</v>
      </c>
      <c r="HJ24" s="61">
        <v>0</v>
      </c>
      <c r="HK24" s="61">
        <v>2</v>
      </c>
      <c r="HL24" s="61">
        <v>2</v>
      </c>
      <c r="HM24" s="62">
        <v>7</v>
      </c>
      <c r="HN24" s="63">
        <v>11</v>
      </c>
      <c r="HO24" s="60">
        <v>7</v>
      </c>
      <c r="HP24" s="61">
        <v>1</v>
      </c>
      <c r="HQ24" s="62">
        <v>8</v>
      </c>
      <c r="HR24" s="231"/>
      <c r="HS24" s="61">
        <v>5</v>
      </c>
      <c r="HT24" s="61">
        <v>7</v>
      </c>
      <c r="HU24" s="61">
        <v>0</v>
      </c>
      <c r="HV24" s="61">
        <v>3</v>
      </c>
      <c r="HW24" s="61">
        <v>2</v>
      </c>
      <c r="HX24" s="62">
        <v>17</v>
      </c>
      <c r="HY24" s="63">
        <v>25</v>
      </c>
      <c r="HZ24" s="60">
        <v>3</v>
      </c>
      <c r="IA24" s="61">
        <v>6</v>
      </c>
      <c r="IB24" s="62">
        <v>9</v>
      </c>
      <c r="IC24" s="231"/>
      <c r="ID24" s="61">
        <v>10</v>
      </c>
      <c r="IE24" s="61">
        <v>3</v>
      </c>
      <c r="IF24" s="61">
        <v>3</v>
      </c>
      <c r="IG24" s="61">
        <v>2</v>
      </c>
      <c r="IH24" s="61">
        <v>2</v>
      </c>
      <c r="II24" s="62">
        <v>20</v>
      </c>
      <c r="IJ24" s="63">
        <v>29</v>
      </c>
      <c r="IK24" s="60">
        <v>10</v>
      </c>
      <c r="IL24" s="61">
        <v>12</v>
      </c>
      <c r="IM24" s="62">
        <v>22</v>
      </c>
      <c r="IN24" s="231"/>
      <c r="IO24" s="61">
        <v>12</v>
      </c>
      <c r="IP24" s="61">
        <v>10</v>
      </c>
      <c r="IQ24" s="61">
        <v>5</v>
      </c>
      <c r="IR24" s="61">
        <v>9</v>
      </c>
      <c r="IS24" s="61">
        <v>3</v>
      </c>
      <c r="IT24" s="62">
        <v>39</v>
      </c>
      <c r="IU24" s="63">
        <v>61</v>
      </c>
      <c r="IV24" s="60">
        <v>12</v>
      </c>
      <c r="IW24" s="61">
        <v>8</v>
      </c>
      <c r="IX24" s="62">
        <v>20</v>
      </c>
      <c r="IY24" s="231"/>
      <c r="IZ24" s="61">
        <v>15</v>
      </c>
      <c r="JA24" s="61">
        <v>16</v>
      </c>
      <c r="JB24" s="61">
        <v>10</v>
      </c>
      <c r="JC24" s="61">
        <v>7</v>
      </c>
      <c r="JD24" s="61">
        <v>6</v>
      </c>
      <c r="JE24" s="62">
        <v>54</v>
      </c>
      <c r="JF24" s="63">
        <v>74</v>
      </c>
      <c r="JG24" s="60">
        <v>8</v>
      </c>
      <c r="JH24" s="61">
        <v>7</v>
      </c>
      <c r="JI24" s="62">
        <v>15</v>
      </c>
      <c r="JJ24" s="231"/>
      <c r="JK24" s="61">
        <v>16</v>
      </c>
      <c r="JL24" s="61">
        <v>13</v>
      </c>
      <c r="JM24" s="61">
        <v>15</v>
      </c>
      <c r="JN24" s="61">
        <v>5</v>
      </c>
      <c r="JO24" s="61">
        <v>9</v>
      </c>
      <c r="JP24" s="62">
        <v>58</v>
      </c>
      <c r="JQ24" s="63">
        <v>73</v>
      </c>
      <c r="JR24" s="60">
        <v>0</v>
      </c>
      <c r="JS24" s="61">
        <v>0</v>
      </c>
      <c r="JT24" s="62">
        <v>0</v>
      </c>
      <c r="JU24" s="231"/>
      <c r="JV24" s="61">
        <v>0</v>
      </c>
      <c r="JW24" s="61">
        <v>0</v>
      </c>
      <c r="JX24" s="61">
        <v>0</v>
      </c>
      <c r="JY24" s="61">
        <v>0</v>
      </c>
      <c r="JZ24" s="61">
        <v>0</v>
      </c>
      <c r="KA24" s="62">
        <v>0</v>
      </c>
      <c r="KB24" s="63">
        <v>0</v>
      </c>
      <c r="KC24" s="60">
        <v>40</v>
      </c>
      <c r="KD24" s="61">
        <v>38</v>
      </c>
      <c r="KE24" s="62">
        <v>78</v>
      </c>
      <c r="KF24" s="231"/>
      <c r="KG24" s="61">
        <v>61</v>
      </c>
      <c r="KH24" s="61">
        <v>49</v>
      </c>
      <c r="KI24" s="61">
        <v>33</v>
      </c>
      <c r="KJ24" s="61">
        <v>28</v>
      </c>
      <c r="KK24" s="61">
        <v>24</v>
      </c>
      <c r="KL24" s="62">
        <v>195</v>
      </c>
      <c r="KM24" s="63">
        <v>273</v>
      </c>
    </row>
    <row r="25" spans="2:299" ht="21" customHeight="1" x14ac:dyDescent="0.2">
      <c r="B25" s="472" t="s">
        <v>22</v>
      </c>
      <c r="C25" s="293">
        <v>7</v>
      </c>
      <c r="D25" s="72">
        <v>9</v>
      </c>
      <c r="E25" s="73">
        <v>16</v>
      </c>
      <c r="F25" s="228"/>
      <c r="G25" s="72">
        <v>24</v>
      </c>
      <c r="H25" s="72">
        <v>16</v>
      </c>
      <c r="I25" s="72">
        <v>14</v>
      </c>
      <c r="J25" s="72">
        <v>7</v>
      </c>
      <c r="K25" s="72">
        <v>8</v>
      </c>
      <c r="L25" s="74">
        <v>69</v>
      </c>
      <c r="M25" s="75">
        <v>85</v>
      </c>
      <c r="N25" s="60">
        <v>0</v>
      </c>
      <c r="O25" s="61">
        <v>0</v>
      </c>
      <c r="P25" s="62">
        <v>0</v>
      </c>
      <c r="Q25" s="231"/>
      <c r="R25" s="61">
        <v>0</v>
      </c>
      <c r="S25" s="61">
        <v>0</v>
      </c>
      <c r="T25" s="61">
        <v>0</v>
      </c>
      <c r="U25" s="61">
        <v>1</v>
      </c>
      <c r="V25" s="61">
        <v>0</v>
      </c>
      <c r="W25" s="62">
        <v>1</v>
      </c>
      <c r="X25" s="63">
        <v>1</v>
      </c>
      <c r="Y25" s="60">
        <v>0</v>
      </c>
      <c r="Z25" s="61">
        <v>1</v>
      </c>
      <c r="AA25" s="62">
        <v>1</v>
      </c>
      <c r="AB25" s="231"/>
      <c r="AC25" s="61">
        <v>4</v>
      </c>
      <c r="AD25" s="61">
        <v>0</v>
      </c>
      <c r="AE25" s="61">
        <v>0</v>
      </c>
      <c r="AF25" s="61">
        <v>0</v>
      </c>
      <c r="AG25" s="61">
        <v>2</v>
      </c>
      <c r="AH25" s="62">
        <v>6</v>
      </c>
      <c r="AI25" s="63">
        <v>7</v>
      </c>
      <c r="AJ25" s="60">
        <v>0</v>
      </c>
      <c r="AK25" s="61">
        <v>0</v>
      </c>
      <c r="AL25" s="62">
        <v>0</v>
      </c>
      <c r="AM25" s="231"/>
      <c r="AN25" s="61">
        <v>3</v>
      </c>
      <c r="AO25" s="61">
        <v>0</v>
      </c>
      <c r="AP25" s="61">
        <v>2</v>
      </c>
      <c r="AQ25" s="61">
        <v>0</v>
      </c>
      <c r="AR25" s="61">
        <v>2</v>
      </c>
      <c r="AS25" s="62">
        <v>7</v>
      </c>
      <c r="AT25" s="63">
        <v>7</v>
      </c>
      <c r="AU25" s="60">
        <v>5</v>
      </c>
      <c r="AV25" s="61">
        <v>5</v>
      </c>
      <c r="AW25" s="62">
        <v>10</v>
      </c>
      <c r="AX25" s="231"/>
      <c r="AY25" s="61">
        <v>5</v>
      </c>
      <c r="AZ25" s="61">
        <v>7</v>
      </c>
      <c r="BA25" s="61">
        <v>3</v>
      </c>
      <c r="BB25" s="61">
        <v>1</v>
      </c>
      <c r="BC25" s="61">
        <v>2</v>
      </c>
      <c r="BD25" s="62">
        <v>18</v>
      </c>
      <c r="BE25" s="63">
        <v>28</v>
      </c>
      <c r="BF25" s="60">
        <v>2</v>
      </c>
      <c r="BG25" s="61">
        <v>2</v>
      </c>
      <c r="BH25" s="62">
        <v>4</v>
      </c>
      <c r="BI25" s="231"/>
      <c r="BJ25" s="61">
        <v>6</v>
      </c>
      <c r="BK25" s="61">
        <v>3</v>
      </c>
      <c r="BL25" s="61">
        <v>3</v>
      </c>
      <c r="BM25" s="61">
        <v>1</v>
      </c>
      <c r="BN25" s="61">
        <v>1</v>
      </c>
      <c r="BO25" s="62">
        <v>14</v>
      </c>
      <c r="BP25" s="63">
        <v>18</v>
      </c>
      <c r="BQ25" s="60">
        <v>0</v>
      </c>
      <c r="BR25" s="61">
        <v>1</v>
      </c>
      <c r="BS25" s="62">
        <v>1</v>
      </c>
      <c r="BT25" s="231"/>
      <c r="BU25" s="61">
        <v>6</v>
      </c>
      <c r="BV25" s="61">
        <v>6</v>
      </c>
      <c r="BW25" s="61">
        <v>6</v>
      </c>
      <c r="BX25" s="61">
        <v>4</v>
      </c>
      <c r="BY25" s="61">
        <v>1</v>
      </c>
      <c r="BZ25" s="62">
        <v>23</v>
      </c>
      <c r="CA25" s="63">
        <v>24</v>
      </c>
      <c r="CB25" s="60">
        <v>0</v>
      </c>
      <c r="CC25" s="61">
        <v>0</v>
      </c>
      <c r="CD25" s="62">
        <v>0</v>
      </c>
      <c r="CE25" s="231"/>
      <c r="CF25" s="61">
        <v>0</v>
      </c>
      <c r="CG25" s="61">
        <v>0</v>
      </c>
      <c r="CH25" s="61">
        <v>0</v>
      </c>
      <c r="CI25" s="61">
        <v>0</v>
      </c>
      <c r="CJ25" s="61">
        <v>0</v>
      </c>
      <c r="CK25" s="62">
        <v>0</v>
      </c>
      <c r="CL25" s="63">
        <v>0</v>
      </c>
      <c r="CM25" s="60">
        <v>7</v>
      </c>
      <c r="CN25" s="61">
        <v>9</v>
      </c>
      <c r="CO25" s="62">
        <v>16</v>
      </c>
      <c r="CP25" s="231"/>
      <c r="CQ25" s="61">
        <v>24</v>
      </c>
      <c r="CR25" s="61">
        <v>16</v>
      </c>
      <c r="CS25" s="61">
        <v>14</v>
      </c>
      <c r="CT25" s="61">
        <v>7</v>
      </c>
      <c r="CU25" s="61">
        <v>8</v>
      </c>
      <c r="CV25" s="62">
        <v>69</v>
      </c>
      <c r="CW25" s="63">
        <v>85</v>
      </c>
      <c r="CX25" s="113">
        <v>1</v>
      </c>
      <c r="CY25" s="72">
        <v>4</v>
      </c>
      <c r="CZ25" s="73">
        <v>5</v>
      </c>
      <c r="DA25" s="228"/>
      <c r="DB25" s="72">
        <v>9</v>
      </c>
      <c r="DC25" s="72">
        <v>3</v>
      </c>
      <c r="DD25" s="72">
        <v>4</v>
      </c>
      <c r="DE25" s="72">
        <v>3</v>
      </c>
      <c r="DF25" s="72">
        <v>2</v>
      </c>
      <c r="DG25" s="74">
        <v>21</v>
      </c>
      <c r="DH25" s="75">
        <v>26</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1</v>
      </c>
      <c r="EF25" s="61">
        <v>1</v>
      </c>
      <c r="EG25" s="62">
        <v>2</v>
      </c>
      <c r="EH25" s="231"/>
      <c r="EI25" s="61">
        <v>0</v>
      </c>
      <c r="EJ25" s="61">
        <v>1</v>
      </c>
      <c r="EK25" s="61">
        <v>0</v>
      </c>
      <c r="EL25" s="61">
        <v>0</v>
      </c>
      <c r="EM25" s="61">
        <v>0</v>
      </c>
      <c r="EN25" s="62">
        <v>1</v>
      </c>
      <c r="EO25" s="63">
        <v>3</v>
      </c>
      <c r="EP25" s="60">
        <v>0</v>
      </c>
      <c r="EQ25" s="61">
        <v>1</v>
      </c>
      <c r="ER25" s="62">
        <v>1</v>
      </c>
      <c r="ES25" s="231"/>
      <c r="ET25" s="61">
        <v>2</v>
      </c>
      <c r="EU25" s="61">
        <v>0</v>
      </c>
      <c r="EV25" s="61">
        <v>1</v>
      </c>
      <c r="EW25" s="61">
        <v>1</v>
      </c>
      <c r="EX25" s="61">
        <v>0</v>
      </c>
      <c r="EY25" s="62">
        <v>4</v>
      </c>
      <c r="EZ25" s="63">
        <v>5</v>
      </c>
      <c r="FA25" s="60">
        <v>0</v>
      </c>
      <c r="FB25" s="61">
        <v>0</v>
      </c>
      <c r="FC25" s="62">
        <v>0</v>
      </c>
      <c r="FD25" s="231"/>
      <c r="FE25" s="61">
        <v>1</v>
      </c>
      <c r="FF25" s="61">
        <v>1</v>
      </c>
      <c r="FG25" s="61">
        <v>2</v>
      </c>
      <c r="FH25" s="61">
        <v>0</v>
      </c>
      <c r="FI25" s="61">
        <v>0</v>
      </c>
      <c r="FJ25" s="62">
        <v>4</v>
      </c>
      <c r="FK25" s="63">
        <v>4</v>
      </c>
      <c r="FL25" s="60">
        <v>0</v>
      </c>
      <c r="FM25" s="61">
        <v>2</v>
      </c>
      <c r="FN25" s="62">
        <v>2</v>
      </c>
      <c r="FO25" s="231"/>
      <c r="FP25" s="61">
        <v>6</v>
      </c>
      <c r="FQ25" s="61">
        <v>1</v>
      </c>
      <c r="FR25" s="61">
        <v>1</v>
      </c>
      <c r="FS25" s="61">
        <v>2</v>
      </c>
      <c r="FT25" s="61">
        <v>2</v>
      </c>
      <c r="FU25" s="62">
        <v>12</v>
      </c>
      <c r="FV25" s="63">
        <v>14</v>
      </c>
      <c r="FW25" s="60">
        <v>0</v>
      </c>
      <c r="FX25" s="61">
        <v>0</v>
      </c>
      <c r="FY25" s="62">
        <v>0</v>
      </c>
      <c r="FZ25" s="231">
        <v>0</v>
      </c>
      <c r="GA25" s="61">
        <v>0</v>
      </c>
      <c r="GB25" s="61">
        <v>0</v>
      </c>
      <c r="GC25" s="61">
        <v>0</v>
      </c>
      <c r="GD25" s="61">
        <v>0</v>
      </c>
      <c r="GE25" s="61">
        <v>0</v>
      </c>
      <c r="GF25" s="62">
        <v>0</v>
      </c>
      <c r="GG25" s="63">
        <v>0</v>
      </c>
      <c r="GH25" s="60">
        <v>1</v>
      </c>
      <c r="GI25" s="61">
        <v>4</v>
      </c>
      <c r="GJ25" s="62">
        <v>5</v>
      </c>
      <c r="GK25" s="231"/>
      <c r="GL25" s="61">
        <v>9</v>
      </c>
      <c r="GM25" s="61">
        <v>3</v>
      </c>
      <c r="GN25" s="61">
        <v>4</v>
      </c>
      <c r="GO25" s="61">
        <v>3</v>
      </c>
      <c r="GP25" s="61">
        <v>2</v>
      </c>
      <c r="GQ25" s="62">
        <v>21</v>
      </c>
      <c r="GR25" s="63">
        <v>26</v>
      </c>
      <c r="GS25" s="113">
        <v>8</v>
      </c>
      <c r="GT25" s="72">
        <v>13</v>
      </c>
      <c r="GU25" s="73">
        <v>21</v>
      </c>
      <c r="GV25" s="228"/>
      <c r="GW25" s="72">
        <v>33</v>
      </c>
      <c r="GX25" s="72">
        <v>19</v>
      </c>
      <c r="GY25" s="72">
        <v>18</v>
      </c>
      <c r="GZ25" s="72">
        <v>10</v>
      </c>
      <c r="HA25" s="72">
        <v>10</v>
      </c>
      <c r="HB25" s="74">
        <v>90</v>
      </c>
      <c r="HC25" s="75">
        <v>111</v>
      </c>
      <c r="HD25" s="60">
        <v>0</v>
      </c>
      <c r="HE25" s="61">
        <v>0</v>
      </c>
      <c r="HF25" s="62">
        <v>0</v>
      </c>
      <c r="HG25" s="231"/>
      <c r="HH25" s="61">
        <v>0</v>
      </c>
      <c r="HI25" s="61">
        <v>0</v>
      </c>
      <c r="HJ25" s="61">
        <v>0</v>
      </c>
      <c r="HK25" s="61">
        <v>1</v>
      </c>
      <c r="HL25" s="61">
        <v>0</v>
      </c>
      <c r="HM25" s="62">
        <v>1</v>
      </c>
      <c r="HN25" s="63">
        <v>1</v>
      </c>
      <c r="HO25" s="60">
        <v>0</v>
      </c>
      <c r="HP25" s="61">
        <v>1</v>
      </c>
      <c r="HQ25" s="62">
        <v>1</v>
      </c>
      <c r="HR25" s="231"/>
      <c r="HS25" s="61">
        <v>4</v>
      </c>
      <c r="HT25" s="61">
        <v>0</v>
      </c>
      <c r="HU25" s="61">
        <v>0</v>
      </c>
      <c r="HV25" s="61">
        <v>0</v>
      </c>
      <c r="HW25" s="61">
        <v>2</v>
      </c>
      <c r="HX25" s="62">
        <v>6</v>
      </c>
      <c r="HY25" s="63">
        <v>7</v>
      </c>
      <c r="HZ25" s="60">
        <v>1</v>
      </c>
      <c r="IA25" s="61">
        <v>1</v>
      </c>
      <c r="IB25" s="62">
        <v>2</v>
      </c>
      <c r="IC25" s="231"/>
      <c r="ID25" s="61">
        <v>3</v>
      </c>
      <c r="IE25" s="61">
        <v>1</v>
      </c>
      <c r="IF25" s="61">
        <v>2</v>
      </c>
      <c r="IG25" s="61">
        <v>0</v>
      </c>
      <c r="IH25" s="61">
        <v>2</v>
      </c>
      <c r="II25" s="62">
        <v>8</v>
      </c>
      <c r="IJ25" s="63">
        <v>10</v>
      </c>
      <c r="IK25" s="60">
        <v>5</v>
      </c>
      <c r="IL25" s="61">
        <v>6</v>
      </c>
      <c r="IM25" s="62">
        <v>11</v>
      </c>
      <c r="IN25" s="231"/>
      <c r="IO25" s="61">
        <v>7</v>
      </c>
      <c r="IP25" s="61">
        <v>7</v>
      </c>
      <c r="IQ25" s="61">
        <v>4</v>
      </c>
      <c r="IR25" s="61">
        <v>2</v>
      </c>
      <c r="IS25" s="61">
        <v>2</v>
      </c>
      <c r="IT25" s="62">
        <v>22</v>
      </c>
      <c r="IU25" s="63">
        <v>33</v>
      </c>
      <c r="IV25" s="60">
        <v>2</v>
      </c>
      <c r="IW25" s="61">
        <v>2</v>
      </c>
      <c r="IX25" s="62">
        <v>4</v>
      </c>
      <c r="IY25" s="231"/>
      <c r="IZ25" s="61">
        <v>7</v>
      </c>
      <c r="JA25" s="61">
        <v>4</v>
      </c>
      <c r="JB25" s="61">
        <v>5</v>
      </c>
      <c r="JC25" s="61">
        <v>1</v>
      </c>
      <c r="JD25" s="61">
        <v>1</v>
      </c>
      <c r="JE25" s="62">
        <v>18</v>
      </c>
      <c r="JF25" s="63">
        <v>22</v>
      </c>
      <c r="JG25" s="60">
        <v>0</v>
      </c>
      <c r="JH25" s="61">
        <v>3</v>
      </c>
      <c r="JI25" s="62">
        <v>3</v>
      </c>
      <c r="JJ25" s="231"/>
      <c r="JK25" s="61">
        <v>12</v>
      </c>
      <c r="JL25" s="61">
        <v>7</v>
      </c>
      <c r="JM25" s="61">
        <v>7</v>
      </c>
      <c r="JN25" s="61">
        <v>6</v>
      </c>
      <c r="JO25" s="61">
        <v>3</v>
      </c>
      <c r="JP25" s="62">
        <v>35</v>
      </c>
      <c r="JQ25" s="63">
        <v>38</v>
      </c>
      <c r="JR25" s="60">
        <v>0</v>
      </c>
      <c r="JS25" s="61">
        <v>0</v>
      </c>
      <c r="JT25" s="62">
        <v>0</v>
      </c>
      <c r="JU25" s="231"/>
      <c r="JV25" s="61">
        <v>0</v>
      </c>
      <c r="JW25" s="61">
        <v>0</v>
      </c>
      <c r="JX25" s="61">
        <v>0</v>
      </c>
      <c r="JY25" s="61">
        <v>0</v>
      </c>
      <c r="JZ25" s="61">
        <v>0</v>
      </c>
      <c r="KA25" s="62">
        <v>0</v>
      </c>
      <c r="KB25" s="63">
        <v>0</v>
      </c>
      <c r="KC25" s="60">
        <v>8</v>
      </c>
      <c r="KD25" s="61">
        <v>13</v>
      </c>
      <c r="KE25" s="62">
        <v>21</v>
      </c>
      <c r="KF25" s="231"/>
      <c r="KG25" s="61">
        <v>33</v>
      </c>
      <c r="KH25" s="61">
        <v>19</v>
      </c>
      <c r="KI25" s="61">
        <v>18</v>
      </c>
      <c r="KJ25" s="61">
        <v>10</v>
      </c>
      <c r="KK25" s="61">
        <v>10</v>
      </c>
      <c r="KL25" s="62">
        <v>90</v>
      </c>
      <c r="KM25" s="63">
        <v>111</v>
      </c>
    </row>
    <row r="26" spans="2:299" ht="21" customHeight="1" x14ac:dyDescent="0.2">
      <c r="B26" s="472" t="s">
        <v>23</v>
      </c>
      <c r="C26" s="293">
        <v>13</v>
      </c>
      <c r="D26" s="72">
        <v>13</v>
      </c>
      <c r="E26" s="73">
        <v>26</v>
      </c>
      <c r="F26" s="228"/>
      <c r="G26" s="72">
        <v>25</v>
      </c>
      <c r="H26" s="72">
        <v>24</v>
      </c>
      <c r="I26" s="72">
        <v>22</v>
      </c>
      <c r="J26" s="72">
        <v>14</v>
      </c>
      <c r="K26" s="72">
        <v>9</v>
      </c>
      <c r="L26" s="74">
        <v>94</v>
      </c>
      <c r="M26" s="75">
        <v>120</v>
      </c>
      <c r="N26" s="60">
        <v>0</v>
      </c>
      <c r="O26" s="61">
        <v>1</v>
      </c>
      <c r="P26" s="62">
        <v>1</v>
      </c>
      <c r="Q26" s="231"/>
      <c r="R26" s="61">
        <v>1</v>
      </c>
      <c r="S26" s="61">
        <v>1</v>
      </c>
      <c r="T26" s="61">
        <v>0</v>
      </c>
      <c r="U26" s="61">
        <v>0</v>
      </c>
      <c r="V26" s="61">
        <v>1</v>
      </c>
      <c r="W26" s="62">
        <v>3</v>
      </c>
      <c r="X26" s="63">
        <v>4</v>
      </c>
      <c r="Y26" s="60">
        <v>3</v>
      </c>
      <c r="Z26" s="61">
        <v>0</v>
      </c>
      <c r="AA26" s="62">
        <v>3</v>
      </c>
      <c r="AB26" s="231"/>
      <c r="AC26" s="61">
        <v>1</v>
      </c>
      <c r="AD26" s="61">
        <v>3</v>
      </c>
      <c r="AE26" s="61">
        <v>1</v>
      </c>
      <c r="AF26" s="61">
        <v>0</v>
      </c>
      <c r="AG26" s="61">
        <v>1</v>
      </c>
      <c r="AH26" s="62">
        <v>6</v>
      </c>
      <c r="AI26" s="63">
        <v>9</v>
      </c>
      <c r="AJ26" s="60">
        <v>4</v>
      </c>
      <c r="AK26" s="61">
        <v>2</v>
      </c>
      <c r="AL26" s="62">
        <v>6</v>
      </c>
      <c r="AM26" s="231"/>
      <c r="AN26" s="61">
        <v>4</v>
      </c>
      <c r="AO26" s="61">
        <v>2</v>
      </c>
      <c r="AP26" s="61">
        <v>3</v>
      </c>
      <c r="AQ26" s="61">
        <v>0</v>
      </c>
      <c r="AR26" s="61">
        <v>2</v>
      </c>
      <c r="AS26" s="62">
        <v>11</v>
      </c>
      <c r="AT26" s="63">
        <v>17</v>
      </c>
      <c r="AU26" s="60">
        <v>1</v>
      </c>
      <c r="AV26" s="61">
        <v>6</v>
      </c>
      <c r="AW26" s="62">
        <v>7</v>
      </c>
      <c r="AX26" s="231"/>
      <c r="AY26" s="61">
        <v>4</v>
      </c>
      <c r="AZ26" s="61">
        <v>4</v>
      </c>
      <c r="BA26" s="61">
        <v>8</v>
      </c>
      <c r="BB26" s="61">
        <v>6</v>
      </c>
      <c r="BC26" s="61">
        <v>2</v>
      </c>
      <c r="BD26" s="62">
        <v>24</v>
      </c>
      <c r="BE26" s="63">
        <v>31</v>
      </c>
      <c r="BF26" s="60">
        <v>4</v>
      </c>
      <c r="BG26" s="61">
        <v>2</v>
      </c>
      <c r="BH26" s="62">
        <v>6</v>
      </c>
      <c r="BI26" s="231"/>
      <c r="BJ26" s="61">
        <v>9</v>
      </c>
      <c r="BK26" s="61">
        <v>7</v>
      </c>
      <c r="BL26" s="61">
        <v>8</v>
      </c>
      <c r="BM26" s="61">
        <v>4</v>
      </c>
      <c r="BN26" s="61">
        <v>3</v>
      </c>
      <c r="BO26" s="62">
        <v>31</v>
      </c>
      <c r="BP26" s="63">
        <v>37</v>
      </c>
      <c r="BQ26" s="60">
        <v>1</v>
      </c>
      <c r="BR26" s="61">
        <v>2</v>
      </c>
      <c r="BS26" s="62">
        <v>3</v>
      </c>
      <c r="BT26" s="231"/>
      <c r="BU26" s="61">
        <v>6</v>
      </c>
      <c r="BV26" s="61">
        <v>7</v>
      </c>
      <c r="BW26" s="61">
        <v>2</v>
      </c>
      <c r="BX26" s="61">
        <v>4</v>
      </c>
      <c r="BY26" s="61">
        <v>0</v>
      </c>
      <c r="BZ26" s="62">
        <v>19</v>
      </c>
      <c r="CA26" s="63">
        <v>22</v>
      </c>
      <c r="CB26" s="60">
        <v>0</v>
      </c>
      <c r="CC26" s="61">
        <v>0</v>
      </c>
      <c r="CD26" s="62">
        <v>0</v>
      </c>
      <c r="CE26" s="231"/>
      <c r="CF26" s="61">
        <v>0</v>
      </c>
      <c r="CG26" s="61">
        <v>0</v>
      </c>
      <c r="CH26" s="61">
        <v>0</v>
      </c>
      <c r="CI26" s="61">
        <v>0</v>
      </c>
      <c r="CJ26" s="61">
        <v>0</v>
      </c>
      <c r="CK26" s="62">
        <v>0</v>
      </c>
      <c r="CL26" s="63">
        <v>0</v>
      </c>
      <c r="CM26" s="60">
        <v>13</v>
      </c>
      <c r="CN26" s="61">
        <v>13</v>
      </c>
      <c r="CO26" s="62">
        <v>26</v>
      </c>
      <c r="CP26" s="231"/>
      <c r="CQ26" s="61">
        <v>25</v>
      </c>
      <c r="CR26" s="61">
        <v>24</v>
      </c>
      <c r="CS26" s="61">
        <v>22</v>
      </c>
      <c r="CT26" s="61">
        <v>14</v>
      </c>
      <c r="CU26" s="61">
        <v>9</v>
      </c>
      <c r="CV26" s="62">
        <v>94</v>
      </c>
      <c r="CW26" s="63">
        <v>120</v>
      </c>
      <c r="CX26" s="113">
        <v>9</v>
      </c>
      <c r="CY26" s="72">
        <v>8</v>
      </c>
      <c r="CZ26" s="73">
        <v>17</v>
      </c>
      <c r="DA26" s="228"/>
      <c r="DB26" s="72">
        <v>7</v>
      </c>
      <c r="DC26" s="72">
        <v>10</v>
      </c>
      <c r="DD26" s="72">
        <v>4</v>
      </c>
      <c r="DE26" s="72">
        <v>8</v>
      </c>
      <c r="DF26" s="72">
        <v>7</v>
      </c>
      <c r="DG26" s="74">
        <v>36</v>
      </c>
      <c r="DH26" s="75">
        <v>53</v>
      </c>
      <c r="DI26" s="60">
        <v>0</v>
      </c>
      <c r="DJ26" s="61">
        <v>1</v>
      </c>
      <c r="DK26" s="62">
        <v>1</v>
      </c>
      <c r="DL26" s="231"/>
      <c r="DM26" s="61">
        <v>0</v>
      </c>
      <c r="DN26" s="61">
        <v>0</v>
      </c>
      <c r="DO26" s="61">
        <v>0</v>
      </c>
      <c r="DP26" s="61">
        <v>0</v>
      </c>
      <c r="DQ26" s="61">
        <v>0</v>
      </c>
      <c r="DR26" s="62">
        <v>0</v>
      </c>
      <c r="DS26" s="63">
        <v>1</v>
      </c>
      <c r="DT26" s="60">
        <v>0</v>
      </c>
      <c r="DU26" s="61">
        <v>0</v>
      </c>
      <c r="DV26" s="62">
        <v>0</v>
      </c>
      <c r="DW26" s="231"/>
      <c r="DX26" s="61">
        <v>0</v>
      </c>
      <c r="DY26" s="61">
        <v>1</v>
      </c>
      <c r="DZ26" s="61">
        <v>0</v>
      </c>
      <c r="EA26" s="61">
        <v>0</v>
      </c>
      <c r="EB26" s="61">
        <v>0</v>
      </c>
      <c r="EC26" s="62">
        <v>1</v>
      </c>
      <c r="ED26" s="63">
        <v>1</v>
      </c>
      <c r="EE26" s="60">
        <v>2</v>
      </c>
      <c r="EF26" s="61">
        <v>2</v>
      </c>
      <c r="EG26" s="62">
        <v>4</v>
      </c>
      <c r="EH26" s="231"/>
      <c r="EI26" s="61">
        <v>0</v>
      </c>
      <c r="EJ26" s="61">
        <v>0</v>
      </c>
      <c r="EK26" s="61">
        <v>0</v>
      </c>
      <c r="EL26" s="61">
        <v>0</v>
      </c>
      <c r="EM26" s="61">
        <v>1</v>
      </c>
      <c r="EN26" s="62">
        <v>1</v>
      </c>
      <c r="EO26" s="63">
        <v>5</v>
      </c>
      <c r="EP26" s="60">
        <v>4</v>
      </c>
      <c r="EQ26" s="61">
        <v>4</v>
      </c>
      <c r="ER26" s="62">
        <v>8</v>
      </c>
      <c r="ES26" s="231"/>
      <c r="ET26" s="61">
        <v>1</v>
      </c>
      <c r="EU26" s="61">
        <v>2</v>
      </c>
      <c r="EV26" s="61">
        <v>3</v>
      </c>
      <c r="EW26" s="61">
        <v>0</v>
      </c>
      <c r="EX26" s="61">
        <v>1</v>
      </c>
      <c r="EY26" s="62">
        <v>7</v>
      </c>
      <c r="EZ26" s="63">
        <v>15</v>
      </c>
      <c r="FA26" s="60">
        <v>2</v>
      </c>
      <c r="FB26" s="61">
        <v>0</v>
      </c>
      <c r="FC26" s="62">
        <v>2</v>
      </c>
      <c r="FD26" s="231"/>
      <c r="FE26" s="61">
        <v>1</v>
      </c>
      <c r="FF26" s="61">
        <v>3</v>
      </c>
      <c r="FG26" s="61">
        <v>0</v>
      </c>
      <c r="FH26" s="61">
        <v>3</v>
      </c>
      <c r="FI26" s="61">
        <v>0</v>
      </c>
      <c r="FJ26" s="62">
        <v>7</v>
      </c>
      <c r="FK26" s="63">
        <v>9</v>
      </c>
      <c r="FL26" s="60">
        <v>1</v>
      </c>
      <c r="FM26" s="61">
        <v>1</v>
      </c>
      <c r="FN26" s="62">
        <v>2</v>
      </c>
      <c r="FO26" s="231"/>
      <c r="FP26" s="61">
        <v>5</v>
      </c>
      <c r="FQ26" s="61">
        <v>4</v>
      </c>
      <c r="FR26" s="61">
        <v>1</v>
      </c>
      <c r="FS26" s="61">
        <v>5</v>
      </c>
      <c r="FT26" s="61">
        <v>5</v>
      </c>
      <c r="FU26" s="62">
        <v>20</v>
      </c>
      <c r="FV26" s="63">
        <v>22</v>
      </c>
      <c r="FW26" s="60">
        <v>0</v>
      </c>
      <c r="FX26" s="61">
        <v>0</v>
      </c>
      <c r="FY26" s="62">
        <v>0</v>
      </c>
      <c r="FZ26" s="231">
        <v>0</v>
      </c>
      <c r="GA26" s="61">
        <v>0</v>
      </c>
      <c r="GB26" s="61">
        <v>0</v>
      </c>
      <c r="GC26" s="61">
        <v>0</v>
      </c>
      <c r="GD26" s="61">
        <v>0</v>
      </c>
      <c r="GE26" s="61">
        <v>0</v>
      </c>
      <c r="GF26" s="62">
        <v>0</v>
      </c>
      <c r="GG26" s="63">
        <v>0</v>
      </c>
      <c r="GH26" s="60">
        <v>9</v>
      </c>
      <c r="GI26" s="61">
        <v>8</v>
      </c>
      <c r="GJ26" s="62">
        <v>17</v>
      </c>
      <c r="GK26" s="231"/>
      <c r="GL26" s="61">
        <v>7</v>
      </c>
      <c r="GM26" s="61">
        <v>10</v>
      </c>
      <c r="GN26" s="61">
        <v>4</v>
      </c>
      <c r="GO26" s="61">
        <v>8</v>
      </c>
      <c r="GP26" s="61">
        <v>7</v>
      </c>
      <c r="GQ26" s="62">
        <v>36</v>
      </c>
      <c r="GR26" s="63">
        <v>53</v>
      </c>
      <c r="GS26" s="113">
        <v>22</v>
      </c>
      <c r="GT26" s="72">
        <v>21</v>
      </c>
      <c r="GU26" s="73">
        <v>43</v>
      </c>
      <c r="GV26" s="228"/>
      <c r="GW26" s="72">
        <v>32</v>
      </c>
      <c r="GX26" s="72">
        <v>34</v>
      </c>
      <c r="GY26" s="72">
        <v>26</v>
      </c>
      <c r="GZ26" s="72">
        <v>22</v>
      </c>
      <c r="HA26" s="72">
        <v>16</v>
      </c>
      <c r="HB26" s="74">
        <v>130</v>
      </c>
      <c r="HC26" s="75">
        <v>173</v>
      </c>
      <c r="HD26" s="60">
        <v>0</v>
      </c>
      <c r="HE26" s="61">
        <v>2</v>
      </c>
      <c r="HF26" s="62">
        <v>2</v>
      </c>
      <c r="HG26" s="231"/>
      <c r="HH26" s="61">
        <v>1</v>
      </c>
      <c r="HI26" s="61">
        <v>1</v>
      </c>
      <c r="HJ26" s="61">
        <v>0</v>
      </c>
      <c r="HK26" s="61">
        <v>0</v>
      </c>
      <c r="HL26" s="61">
        <v>1</v>
      </c>
      <c r="HM26" s="62">
        <v>3</v>
      </c>
      <c r="HN26" s="63">
        <v>5</v>
      </c>
      <c r="HO26" s="60">
        <v>3</v>
      </c>
      <c r="HP26" s="61">
        <v>0</v>
      </c>
      <c r="HQ26" s="62">
        <v>3</v>
      </c>
      <c r="HR26" s="231"/>
      <c r="HS26" s="61">
        <v>1</v>
      </c>
      <c r="HT26" s="61">
        <v>4</v>
      </c>
      <c r="HU26" s="61">
        <v>1</v>
      </c>
      <c r="HV26" s="61">
        <v>0</v>
      </c>
      <c r="HW26" s="61">
        <v>1</v>
      </c>
      <c r="HX26" s="62">
        <v>7</v>
      </c>
      <c r="HY26" s="63">
        <v>10</v>
      </c>
      <c r="HZ26" s="60">
        <v>6</v>
      </c>
      <c r="IA26" s="61">
        <v>4</v>
      </c>
      <c r="IB26" s="62">
        <v>10</v>
      </c>
      <c r="IC26" s="231"/>
      <c r="ID26" s="61">
        <v>4</v>
      </c>
      <c r="IE26" s="61">
        <v>2</v>
      </c>
      <c r="IF26" s="61">
        <v>3</v>
      </c>
      <c r="IG26" s="61">
        <v>0</v>
      </c>
      <c r="IH26" s="61">
        <v>3</v>
      </c>
      <c r="II26" s="62">
        <v>12</v>
      </c>
      <c r="IJ26" s="63">
        <v>22</v>
      </c>
      <c r="IK26" s="60">
        <v>5</v>
      </c>
      <c r="IL26" s="61">
        <v>10</v>
      </c>
      <c r="IM26" s="62">
        <v>15</v>
      </c>
      <c r="IN26" s="231"/>
      <c r="IO26" s="61">
        <v>5</v>
      </c>
      <c r="IP26" s="61">
        <v>6</v>
      </c>
      <c r="IQ26" s="61">
        <v>11</v>
      </c>
      <c r="IR26" s="61">
        <v>6</v>
      </c>
      <c r="IS26" s="61">
        <v>3</v>
      </c>
      <c r="IT26" s="62">
        <v>31</v>
      </c>
      <c r="IU26" s="63">
        <v>46</v>
      </c>
      <c r="IV26" s="60">
        <v>6</v>
      </c>
      <c r="IW26" s="61">
        <v>2</v>
      </c>
      <c r="IX26" s="62">
        <v>8</v>
      </c>
      <c r="IY26" s="231"/>
      <c r="IZ26" s="61">
        <v>10</v>
      </c>
      <c r="JA26" s="61">
        <v>10</v>
      </c>
      <c r="JB26" s="61">
        <v>8</v>
      </c>
      <c r="JC26" s="61">
        <v>7</v>
      </c>
      <c r="JD26" s="61">
        <v>3</v>
      </c>
      <c r="JE26" s="62">
        <v>38</v>
      </c>
      <c r="JF26" s="63">
        <v>46</v>
      </c>
      <c r="JG26" s="60">
        <v>2</v>
      </c>
      <c r="JH26" s="61">
        <v>3</v>
      </c>
      <c r="JI26" s="62">
        <v>5</v>
      </c>
      <c r="JJ26" s="231"/>
      <c r="JK26" s="61">
        <v>11</v>
      </c>
      <c r="JL26" s="61">
        <v>11</v>
      </c>
      <c r="JM26" s="61">
        <v>3</v>
      </c>
      <c r="JN26" s="61">
        <v>9</v>
      </c>
      <c r="JO26" s="61">
        <v>5</v>
      </c>
      <c r="JP26" s="62">
        <v>39</v>
      </c>
      <c r="JQ26" s="63">
        <v>44</v>
      </c>
      <c r="JR26" s="60">
        <v>0</v>
      </c>
      <c r="JS26" s="61">
        <v>0</v>
      </c>
      <c r="JT26" s="62">
        <v>0</v>
      </c>
      <c r="JU26" s="231"/>
      <c r="JV26" s="61">
        <v>0</v>
      </c>
      <c r="JW26" s="61">
        <v>0</v>
      </c>
      <c r="JX26" s="61">
        <v>0</v>
      </c>
      <c r="JY26" s="61">
        <v>0</v>
      </c>
      <c r="JZ26" s="61">
        <v>0</v>
      </c>
      <c r="KA26" s="62">
        <v>0</v>
      </c>
      <c r="KB26" s="63">
        <v>0</v>
      </c>
      <c r="KC26" s="60">
        <v>22</v>
      </c>
      <c r="KD26" s="61">
        <v>21</v>
      </c>
      <c r="KE26" s="62">
        <v>43</v>
      </c>
      <c r="KF26" s="231"/>
      <c r="KG26" s="61">
        <v>32</v>
      </c>
      <c r="KH26" s="61">
        <v>34</v>
      </c>
      <c r="KI26" s="61">
        <v>26</v>
      </c>
      <c r="KJ26" s="61">
        <v>22</v>
      </c>
      <c r="KK26" s="61">
        <v>16</v>
      </c>
      <c r="KL26" s="62">
        <v>130</v>
      </c>
      <c r="KM26" s="63">
        <v>173</v>
      </c>
    </row>
    <row r="27" spans="2:299" ht="21" customHeight="1" x14ac:dyDescent="0.2">
      <c r="B27" s="472" t="s">
        <v>24</v>
      </c>
      <c r="C27" s="293">
        <v>19</v>
      </c>
      <c r="D27" s="72">
        <v>18</v>
      </c>
      <c r="E27" s="73">
        <v>37</v>
      </c>
      <c r="F27" s="228"/>
      <c r="G27" s="72">
        <v>34</v>
      </c>
      <c r="H27" s="72">
        <v>22</v>
      </c>
      <c r="I27" s="72">
        <v>14</v>
      </c>
      <c r="J27" s="72">
        <v>14</v>
      </c>
      <c r="K27" s="72">
        <v>7</v>
      </c>
      <c r="L27" s="74">
        <v>91</v>
      </c>
      <c r="M27" s="75">
        <v>128</v>
      </c>
      <c r="N27" s="60">
        <v>1</v>
      </c>
      <c r="O27" s="61">
        <v>0</v>
      </c>
      <c r="P27" s="62">
        <v>1</v>
      </c>
      <c r="Q27" s="231"/>
      <c r="R27" s="61">
        <v>0</v>
      </c>
      <c r="S27" s="61">
        <v>0</v>
      </c>
      <c r="T27" s="61">
        <v>0</v>
      </c>
      <c r="U27" s="61">
        <v>0</v>
      </c>
      <c r="V27" s="61">
        <v>1</v>
      </c>
      <c r="W27" s="62">
        <v>1</v>
      </c>
      <c r="X27" s="63">
        <v>2</v>
      </c>
      <c r="Y27" s="60">
        <v>0</v>
      </c>
      <c r="Z27" s="61">
        <v>1</v>
      </c>
      <c r="AA27" s="62">
        <v>1</v>
      </c>
      <c r="AB27" s="231"/>
      <c r="AC27" s="61">
        <v>0</v>
      </c>
      <c r="AD27" s="61">
        <v>2</v>
      </c>
      <c r="AE27" s="61">
        <v>1</v>
      </c>
      <c r="AF27" s="61">
        <v>2</v>
      </c>
      <c r="AG27" s="61">
        <v>1</v>
      </c>
      <c r="AH27" s="62">
        <v>6</v>
      </c>
      <c r="AI27" s="63">
        <v>7</v>
      </c>
      <c r="AJ27" s="60">
        <v>0</v>
      </c>
      <c r="AK27" s="61">
        <v>1</v>
      </c>
      <c r="AL27" s="62">
        <v>1</v>
      </c>
      <c r="AM27" s="231"/>
      <c r="AN27" s="61">
        <v>3</v>
      </c>
      <c r="AO27" s="61">
        <v>2</v>
      </c>
      <c r="AP27" s="61">
        <v>2</v>
      </c>
      <c r="AQ27" s="61">
        <v>1</v>
      </c>
      <c r="AR27" s="61">
        <v>0</v>
      </c>
      <c r="AS27" s="62">
        <v>8</v>
      </c>
      <c r="AT27" s="63">
        <v>9</v>
      </c>
      <c r="AU27" s="60">
        <v>5</v>
      </c>
      <c r="AV27" s="61">
        <v>8</v>
      </c>
      <c r="AW27" s="62">
        <v>13</v>
      </c>
      <c r="AX27" s="231"/>
      <c r="AY27" s="61">
        <v>7</v>
      </c>
      <c r="AZ27" s="61">
        <v>3</v>
      </c>
      <c r="BA27" s="61">
        <v>5</v>
      </c>
      <c r="BB27" s="61">
        <v>1</v>
      </c>
      <c r="BC27" s="61">
        <v>2</v>
      </c>
      <c r="BD27" s="62">
        <v>18</v>
      </c>
      <c r="BE27" s="63">
        <v>31</v>
      </c>
      <c r="BF27" s="60">
        <v>6</v>
      </c>
      <c r="BG27" s="61">
        <v>3</v>
      </c>
      <c r="BH27" s="62">
        <v>9</v>
      </c>
      <c r="BI27" s="231"/>
      <c r="BJ27" s="61">
        <v>13</v>
      </c>
      <c r="BK27" s="61">
        <v>8</v>
      </c>
      <c r="BL27" s="61">
        <v>4</v>
      </c>
      <c r="BM27" s="61">
        <v>5</v>
      </c>
      <c r="BN27" s="61">
        <v>1</v>
      </c>
      <c r="BO27" s="62">
        <v>31</v>
      </c>
      <c r="BP27" s="63">
        <v>40</v>
      </c>
      <c r="BQ27" s="60">
        <v>7</v>
      </c>
      <c r="BR27" s="61">
        <v>5</v>
      </c>
      <c r="BS27" s="62">
        <v>12</v>
      </c>
      <c r="BT27" s="231"/>
      <c r="BU27" s="61">
        <v>11</v>
      </c>
      <c r="BV27" s="61">
        <v>7</v>
      </c>
      <c r="BW27" s="61">
        <v>2</v>
      </c>
      <c r="BX27" s="61">
        <v>5</v>
      </c>
      <c r="BY27" s="61">
        <v>2</v>
      </c>
      <c r="BZ27" s="62">
        <v>27</v>
      </c>
      <c r="CA27" s="63">
        <v>39</v>
      </c>
      <c r="CB27" s="60">
        <v>0</v>
      </c>
      <c r="CC27" s="61">
        <v>0</v>
      </c>
      <c r="CD27" s="62">
        <v>0</v>
      </c>
      <c r="CE27" s="231"/>
      <c r="CF27" s="61">
        <v>0</v>
      </c>
      <c r="CG27" s="61">
        <v>0</v>
      </c>
      <c r="CH27" s="61">
        <v>0</v>
      </c>
      <c r="CI27" s="61">
        <v>0</v>
      </c>
      <c r="CJ27" s="61">
        <v>0</v>
      </c>
      <c r="CK27" s="62">
        <v>0</v>
      </c>
      <c r="CL27" s="63">
        <v>0</v>
      </c>
      <c r="CM27" s="60">
        <v>19</v>
      </c>
      <c r="CN27" s="61">
        <v>18</v>
      </c>
      <c r="CO27" s="62">
        <v>37</v>
      </c>
      <c r="CP27" s="231"/>
      <c r="CQ27" s="61">
        <v>34</v>
      </c>
      <c r="CR27" s="61">
        <v>22</v>
      </c>
      <c r="CS27" s="61">
        <v>14</v>
      </c>
      <c r="CT27" s="61">
        <v>14</v>
      </c>
      <c r="CU27" s="61">
        <v>7</v>
      </c>
      <c r="CV27" s="62">
        <v>91</v>
      </c>
      <c r="CW27" s="63">
        <v>128</v>
      </c>
      <c r="CX27" s="113">
        <v>7</v>
      </c>
      <c r="CY27" s="72">
        <v>6</v>
      </c>
      <c r="CZ27" s="73">
        <v>13</v>
      </c>
      <c r="DA27" s="228"/>
      <c r="DB27" s="72">
        <v>8</v>
      </c>
      <c r="DC27" s="72">
        <v>8</v>
      </c>
      <c r="DD27" s="72">
        <v>5</v>
      </c>
      <c r="DE27" s="72">
        <v>5</v>
      </c>
      <c r="DF27" s="72">
        <v>2</v>
      </c>
      <c r="DG27" s="74">
        <v>28</v>
      </c>
      <c r="DH27" s="75">
        <v>41</v>
      </c>
      <c r="DI27" s="60">
        <v>0</v>
      </c>
      <c r="DJ27" s="61">
        <v>0</v>
      </c>
      <c r="DK27" s="62">
        <v>0</v>
      </c>
      <c r="DL27" s="231"/>
      <c r="DM27" s="61">
        <v>0</v>
      </c>
      <c r="DN27" s="61">
        <v>0</v>
      </c>
      <c r="DO27" s="61">
        <v>0</v>
      </c>
      <c r="DP27" s="61">
        <v>0</v>
      </c>
      <c r="DQ27" s="61">
        <v>0</v>
      </c>
      <c r="DR27" s="62">
        <v>0</v>
      </c>
      <c r="DS27" s="63">
        <v>0</v>
      </c>
      <c r="DT27" s="60">
        <v>0</v>
      </c>
      <c r="DU27" s="61">
        <v>0</v>
      </c>
      <c r="DV27" s="62">
        <v>0</v>
      </c>
      <c r="DW27" s="231"/>
      <c r="DX27" s="61">
        <v>2</v>
      </c>
      <c r="DY27" s="61">
        <v>0</v>
      </c>
      <c r="DZ27" s="61">
        <v>0</v>
      </c>
      <c r="EA27" s="61">
        <v>0</v>
      </c>
      <c r="EB27" s="61">
        <v>0</v>
      </c>
      <c r="EC27" s="62">
        <v>2</v>
      </c>
      <c r="ED27" s="63">
        <v>2</v>
      </c>
      <c r="EE27" s="60">
        <v>2</v>
      </c>
      <c r="EF27" s="61">
        <v>1</v>
      </c>
      <c r="EG27" s="62">
        <v>3</v>
      </c>
      <c r="EH27" s="231"/>
      <c r="EI27" s="61">
        <v>0</v>
      </c>
      <c r="EJ27" s="61">
        <v>2</v>
      </c>
      <c r="EK27" s="61">
        <v>0</v>
      </c>
      <c r="EL27" s="61">
        <v>0</v>
      </c>
      <c r="EM27" s="61">
        <v>0</v>
      </c>
      <c r="EN27" s="62">
        <v>2</v>
      </c>
      <c r="EO27" s="63">
        <v>5</v>
      </c>
      <c r="EP27" s="60">
        <v>1</v>
      </c>
      <c r="EQ27" s="61">
        <v>2</v>
      </c>
      <c r="ER27" s="62">
        <v>3</v>
      </c>
      <c r="ES27" s="231"/>
      <c r="ET27" s="61">
        <v>3</v>
      </c>
      <c r="EU27" s="61">
        <v>2</v>
      </c>
      <c r="EV27" s="61">
        <v>3</v>
      </c>
      <c r="EW27" s="61">
        <v>1</v>
      </c>
      <c r="EX27" s="61">
        <v>0</v>
      </c>
      <c r="EY27" s="62">
        <v>9</v>
      </c>
      <c r="EZ27" s="63">
        <v>12</v>
      </c>
      <c r="FA27" s="60">
        <v>4</v>
      </c>
      <c r="FB27" s="61">
        <v>1</v>
      </c>
      <c r="FC27" s="62">
        <v>5</v>
      </c>
      <c r="FD27" s="231"/>
      <c r="FE27" s="61">
        <v>2</v>
      </c>
      <c r="FF27" s="61">
        <v>1</v>
      </c>
      <c r="FG27" s="61">
        <v>1</v>
      </c>
      <c r="FH27" s="61">
        <v>1</v>
      </c>
      <c r="FI27" s="61">
        <v>1</v>
      </c>
      <c r="FJ27" s="62">
        <v>6</v>
      </c>
      <c r="FK27" s="63">
        <v>11</v>
      </c>
      <c r="FL27" s="60">
        <v>0</v>
      </c>
      <c r="FM27" s="61">
        <v>2</v>
      </c>
      <c r="FN27" s="62">
        <v>2</v>
      </c>
      <c r="FO27" s="231"/>
      <c r="FP27" s="61">
        <v>1</v>
      </c>
      <c r="FQ27" s="61">
        <v>3</v>
      </c>
      <c r="FR27" s="61">
        <v>1</v>
      </c>
      <c r="FS27" s="61">
        <v>3</v>
      </c>
      <c r="FT27" s="61">
        <v>1</v>
      </c>
      <c r="FU27" s="62">
        <v>9</v>
      </c>
      <c r="FV27" s="63">
        <v>11</v>
      </c>
      <c r="FW27" s="60">
        <v>0</v>
      </c>
      <c r="FX27" s="61">
        <v>0</v>
      </c>
      <c r="FY27" s="62">
        <v>0</v>
      </c>
      <c r="FZ27" s="231">
        <v>0</v>
      </c>
      <c r="GA27" s="61">
        <v>0</v>
      </c>
      <c r="GB27" s="61">
        <v>0</v>
      </c>
      <c r="GC27" s="61">
        <v>0</v>
      </c>
      <c r="GD27" s="61">
        <v>0</v>
      </c>
      <c r="GE27" s="61">
        <v>0</v>
      </c>
      <c r="GF27" s="62">
        <v>0</v>
      </c>
      <c r="GG27" s="63">
        <v>0</v>
      </c>
      <c r="GH27" s="60">
        <v>7</v>
      </c>
      <c r="GI27" s="61">
        <v>6</v>
      </c>
      <c r="GJ27" s="62">
        <v>13</v>
      </c>
      <c r="GK27" s="231"/>
      <c r="GL27" s="61">
        <v>8</v>
      </c>
      <c r="GM27" s="61">
        <v>8</v>
      </c>
      <c r="GN27" s="61">
        <v>5</v>
      </c>
      <c r="GO27" s="61">
        <v>5</v>
      </c>
      <c r="GP27" s="61">
        <v>2</v>
      </c>
      <c r="GQ27" s="62">
        <v>28</v>
      </c>
      <c r="GR27" s="63">
        <v>41</v>
      </c>
      <c r="GS27" s="113">
        <v>26</v>
      </c>
      <c r="GT27" s="72">
        <v>24</v>
      </c>
      <c r="GU27" s="73">
        <v>50</v>
      </c>
      <c r="GV27" s="228"/>
      <c r="GW27" s="72">
        <v>42</v>
      </c>
      <c r="GX27" s="72">
        <v>30</v>
      </c>
      <c r="GY27" s="72">
        <v>19</v>
      </c>
      <c r="GZ27" s="72">
        <v>19</v>
      </c>
      <c r="HA27" s="72">
        <v>9</v>
      </c>
      <c r="HB27" s="74">
        <v>119</v>
      </c>
      <c r="HC27" s="75">
        <v>169</v>
      </c>
      <c r="HD27" s="60">
        <v>1</v>
      </c>
      <c r="HE27" s="61">
        <v>0</v>
      </c>
      <c r="HF27" s="62">
        <v>1</v>
      </c>
      <c r="HG27" s="231"/>
      <c r="HH27" s="61">
        <v>0</v>
      </c>
      <c r="HI27" s="61">
        <v>0</v>
      </c>
      <c r="HJ27" s="61">
        <v>0</v>
      </c>
      <c r="HK27" s="61">
        <v>0</v>
      </c>
      <c r="HL27" s="61">
        <v>1</v>
      </c>
      <c r="HM27" s="62">
        <v>1</v>
      </c>
      <c r="HN27" s="63">
        <v>2</v>
      </c>
      <c r="HO27" s="60">
        <v>0</v>
      </c>
      <c r="HP27" s="61">
        <v>1</v>
      </c>
      <c r="HQ27" s="62">
        <v>1</v>
      </c>
      <c r="HR27" s="231"/>
      <c r="HS27" s="61">
        <v>2</v>
      </c>
      <c r="HT27" s="61">
        <v>2</v>
      </c>
      <c r="HU27" s="61">
        <v>1</v>
      </c>
      <c r="HV27" s="61">
        <v>2</v>
      </c>
      <c r="HW27" s="61">
        <v>1</v>
      </c>
      <c r="HX27" s="62">
        <v>8</v>
      </c>
      <c r="HY27" s="63">
        <v>9</v>
      </c>
      <c r="HZ27" s="60">
        <v>2</v>
      </c>
      <c r="IA27" s="61">
        <v>2</v>
      </c>
      <c r="IB27" s="62">
        <v>4</v>
      </c>
      <c r="IC27" s="231"/>
      <c r="ID27" s="61">
        <v>3</v>
      </c>
      <c r="IE27" s="61">
        <v>4</v>
      </c>
      <c r="IF27" s="61">
        <v>2</v>
      </c>
      <c r="IG27" s="61">
        <v>1</v>
      </c>
      <c r="IH27" s="61">
        <v>0</v>
      </c>
      <c r="II27" s="62">
        <v>10</v>
      </c>
      <c r="IJ27" s="63">
        <v>14</v>
      </c>
      <c r="IK27" s="60">
        <v>6</v>
      </c>
      <c r="IL27" s="61">
        <v>10</v>
      </c>
      <c r="IM27" s="62">
        <v>16</v>
      </c>
      <c r="IN27" s="231"/>
      <c r="IO27" s="61">
        <v>10</v>
      </c>
      <c r="IP27" s="61">
        <v>5</v>
      </c>
      <c r="IQ27" s="61">
        <v>8</v>
      </c>
      <c r="IR27" s="61">
        <v>2</v>
      </c>
      <c r="IS27" s="61">
        <v>2</v>
      </c>
      <c r="IT27" s="62">
        <v>27</v>
      </c>
      <c r="IU27" s="63">
        <v>43</v>
      </c>
      <c r="IV27" s="60">
        <v>10</v>
      </c>
      <c r="IW27" s="61">
        <v>4</v>
      </c>
      <c r="IX27" s="62">
        <v>14</v>
      </c>
      <c r="IY27" s="231"/>
      <c r="IZ27" s="61">
        <v>15</v>
      </c>
      <c r="JA27" s="61">
        <v>9</v>
      </c>
      <c r="JB27" s="61">
        <v>5</v>
      </c>
      <c r="JC27" s="61">
        <v>6</v>
      </c>
      <c r="JD27" s="61">
        <v>2</v>
      </c>
      <c r="JE27" s="62">
        <v>37</v>
      </c>
      <c r="JF27" s="63">
        <v>51</v>
      </c>
      <c r="JG27" s="60">
        <v>7</v>
      </c>
      <c r="JH27" s="61">
        <v>7</v>
      </c>
      <c r="JI27" s="62">
        <v>14</v>
      </c>
      <c r="JJ27" s="231"/>
      <c r="JK27" s="61">
        <v>12</v>
      </c>
      <c r="JL27" s="61">
        <v>10</v>
      </c>
      <c r="JM27" s="61">
        <v>3</v>
      </c>
      <c r="JN27" s="61">
        <v>8</v>
      </c>
      <c r="JO27" s="61">
        <v>3</v>
      </c>
      <c r="JP27" s="62">
        <v>36</v>
      </c>
      <c r="JQ27" s="63">
        <v>50</v>
      </c>
      <c r="JR27" s="60">
        <v>0</v>
      </c>
      <c r="JS27" s="61">
        <v>0</v>
      </c>
      <c r="JT27" s="62">
        <v>0</v>
      </c>
      <c r="JU27" s="231"/>
      <c r="JV27" s="61">
        <v>0</v>
      </c>
      <c r="JW27" s="61">
        <v>0</v>
      </c>
      <c r="JX27" s="61">
        <v>0</v>
      </c>
      <c r="JY27" s="61">
        <v>0</v>
      </c>
      <c r="JZ27" s="61">
        <v>0</v>
      </c>
      <c r="KA27" s="62">
        <v>0</v>
      </c>
      <c r="KB27" s="63">
        <v>0</v>
      </c>
      <c r="KC27" s="60">
        <v>26</v>
      </c>
      <c r="KD27" s="61">
        <v>24</v>
      </c>
      <c r="KE27" s="62">
        <v>50</v>
      </c>
      <c r="KF27" s="231"/>
      <c r="KG27" s="61">
        <v>42</v>
      </c>
      <c r="KH27" s="61">
        <v>30</v>
      </c>
      <c r="KI27" s="61">
        <v>19</v>
      </c>
      <c r="KJ27" s="61">
        <v>19</v>
      </c>
      <c r="KK27" s="61">
        <v>9</v>
      </c>
      <c r="KL27" s="62">
        <v>119</v>
      </c>
      <c r="KM27" s="63">
        <v>169</v>
      </c>
    </row>
    <row r="28" spans="2:299" ht="21" customHeight="1" x14ac:dyDescent="0.2">
      <c r="B28" s="472" t="s">
        <v>25</v>
      </c>
      <c r="C28" s="293">
        <v>8</v>
      </c>
      <c r="D28" s="72">
        <v>14</v>
      </c>
      <c r="E28" s="73">
        <v>22</v>
      </c>
      <c r="F28" s="228"/>
      <c r="G28" s="72">
        <v>10</v>
      </c>
      <c r="H28" s="72">
        <v>10</v>
      </c>
      <c r="I28" s="72">
        <v>6</v>
      </c>
      <c r="J28" s="72">
        <v>4</v>
      </c>
      <c r="K28" s="72">
        <v>7</v>
      </c>
      <c r="L28" s="74">
        <v>37</v>
      </c>
      <c r="M28" s="75">
        <v>59</v>
      </c>
      <c r="N28" s="60">
        <v>0</v>
      </c>
      <c r="O28" s="61">
        <v>2</v>
      </c>
      <c r="P28" s="62">
        <v>2</v>
      </c>
      <c r="Q28" s="231"/>
      <c r="R28" s="61">
        <v>0</v>
      </c>
      <c r="S28" s="61">
        <v>0</v>
      </c>
      <c r="T28" s="61">
        <v>0</v>
      </c>
      <c r="U28" s="61">
        <v>0</v>
      </c>
      <c r="V28" s="61">
        <v>0</v>
      </c>
      <c r="W28" s="62">
        <v>0</v>
      </c>
      <c r="X28" s="63">
        <v>2</v>
      </c>
      <c r="Y28" s="60">
        <v>1</v>
      </c>
      <c r="Z28" s="61">
        <v>1</v>
      </c>
      <c r="AA28" s="62">
        <v>2</v>
      </c>
      <c r="AB28" s="231"/>
      <c r="AC28" s="61">
        <v>2</v>
      </c>
      <c r="AD28" s="61">
        <v>2</v>
      </c>
      <c r="AE28" s="61">
        <v>0</v>
      </c>
      <c r="AF28" s="61">
        <v>1</v>
      </c>
      <c r="AG28" s="61">
        <v>0</v>
      </c>
      <c r="AH28" s="62">
        <v>5</v>
      </c>
      <c r="AI28" s="63">
        <v>7</v>
      </c>
      <c r="AJ28" s="60">
        <v>0</v>
      </c>
      <c r="AK28" s="61">
        <v>0</v>
      </c>
      <c r="AL28" s="62">
        <v>0</v>
      </c>
      <c r="AM28" s="231"/>
      <c r="AN28" s="61">
        <v>0</v>
      </c>
      <c r="AO28" s="61">
        <v>1</v>
      </c>
      <c r="AP28" s="61">
        <v>1</v>
      </c>
      <c r="AQ28" s="61">
        <v>0</v>
      </c>
      <c r="AR28" s="61">
        <v>0</v>
      </c>
      <c r="AS28" s="62">
        <v>2</v>
      </c>
      <c r="AT28" s="63">
        <v>2</v>
      </c>
      <c r="AU28" s="60">
        <v>4</v>
      </c>
      <c r="AV28" s="61">
        <v>7</v>
      </c>
      <c r="AW28" s="62">
        <v>11</v>
      </c>
      <c r="AX28" s="231"/>
      <c r="AY28" s="61">
        <v>3</v>
      </c>
      <c r="AZ28" s="61">
        <v>2</v>
      </c>
      <c r="BA28" s="61">
        <v>2</v>
      </c>
      <c r="BB28" s="61">
        <v>1</v>
      </c>
      <c r="BC28" s="61">
        <v>1</v>
      </c>
      <c r="BD28" s="62">
        <v>9</v>
      </c>
      <c r="BE28" s="63">
        <v>20</v>
      </c>
      <c r="BF28" s="60">
        <v>2</v>
      </c>
      <c r="BG28" s="61">
        <v>2</v>
      </c>
      <c r="BH28" s="62">
        <v>4</v>
      </c>
      <c r="BI28" s="231"/>
      <c r="BJ28" s="61">
        <v>0</v>
      </c>
      <c r="BK28" s="61">
        <v>2</v>
      </c>
      <c r="BL28" s="61">
        <v>2</v>
      </c>
      <c r="BM28" s="61">
        <v>1</v>
      </c>
      <c r="BN28" s="61">
        <v>5</v>
      </c>
      <c r="BO28" s="62">
        <v>10</v>
      </c>
      <c r="BP28" s="63">
        <v>14</v>
      </c>
      <c r="BQ28" s="60">
        <v>1</v>
      </c>
      <c r="BR28" s="61">
        <v>2</v>
      </c>
      <c r="BS28" s="62">
        <v>3</v>
      </c>
      <c r="BT28" s="231"/>
      <c r="BU28" s="61">
        <v>5</v>
      </c>
      <c r="BV28" s="61">
        <v>3</v>
      </c>
      <c r="BW28" s="61">
        <v>1</v>
      </c>
      <c r="BX28" s="61">
        <v>1</v>
      </c>
      <c r="BY28" s="61">
        <v>1</v>
      </c>
      <c r="BZ28" s="62">
        <v>11</v>
      </c>
      <c r="CA28" s="63">
        <v>14</v>
      </c>
      <c r="CB28" s="60">
        <v>0</v>
      </c>
      <c r="CC28" s="61">
        <v>0</v>
      </c>
      <c r="CD28" s="62">
        <v>0</v>
      </c>
      <c r="CE28" s="231"/>
      <c r="CF28" s="61">
        <v>0</v>
      </c>
      <c r="CG28" s="61">
        <v>0</v>
      </c>
      <c r="CH28" s="61">
        <v>0</v>
      </c>
      <c r="CI28" s="61">
        <v>0</v>
      </c>
      <c r="CJ28" s="61">
        <v>0</v>
      </c>
      <c r="CK28" s="62">
        <v>0</v>
      </c>
      <c r="CL28" s="63">
        <v>0</v>
      </c>
      <c r="CM28" s="60">
        <v>8</v>
      </c>
      <c r="CN28" s="61">
        <v>14</v>
      </c>
      <c r="CO28" s="62">
        <v>22</v>
      </c>
      <c r="CP28" s="231"/>
      <c r="CQ28" s="61">
        <v>10</v>
      </c>
      <c r="CR28" s="61">
        <v>10</v>
      </c>
      <c r="CS28" s="61">
        <v>6</v>
      </c>
      <c r="CT28" s="61">
        <v>4</v>
      </c>
      <c r="CU28" s="61">
        <v>7</v>
      </c>
      <c r="CV28" s="62">
        <v>37</v>
      </c>
      <c r="CW28" s="63">
        <v>59</v>
      </c>
      <c r="CX28" s="113">
        <v>6</v>
      </c>
      <c r="CY28" s="72">
        <v>13</v>
      </c>
      <c r="CZ28" s="73">
        <v>19</v>
      </c>
      <c r="DA28" s="228"/>
      <c r="DB28" s="72">
        <v>9</v>
      </c>
      <c r="DC28" s="72">
        <v>8</v>
      </c>
      <c r="DD28" s="72">
        <v>3</v>
      </c>
      <c r="DE28" s="72">
        <v>3</v>
      </c>
      <c r="DF28" s="72">
        <v>4</v>
      </c>
      <c r="DG28" s="74">
        <v>27</v>
      </c>
      <c r="DH28" s="75">
        <v>46</v>
      </c>
      <c r="DI28" s="60">
        <v>0</v>
      </c>
      <c r="DJ28" s="61">
        <v>1</v>
      </c>
      <c r="DK28" s="62">
        <v>1</v>
      </c>
      <c r="DL28" s="231"/>
      <c r="DM28" s="61">
        <v>0</v>
      </c>
      <c r="DN28" s="61">
        <v>0</v>
      </c>
      <c r="DO28" s="61">
        <v>0</v>
      </c>
      <c r="DP28" s="61">
        <v>0</v>
      </c>
      <c r="DQ28" s="61">
        <v>0</v>
      </c>
      <c r="DR28" s="62">
        <v>0</v>
      </c>
      <c r="DS28" s="63">
        <v>1</v>
      </c>
      <c r="DT28" s="60">
        <v>1</v>
      </c>
      <c r="DU28" s="61">
        <v>2</v>
      </c>
      <c r="DV28" s="62">
        <v>3</v>
      </c>
      <c r="DW28" s="231"/>
      <c r="DX28" s="61">
        <v>0</v>
      </c>
      <c r="DY28" s="61">
        <v>1</v>
      </c>
      <c r="DZ28" s="61">
        <v>0</v>
      </c>
      <c r="EA28" s="61">
        <v>0</v>
      </c>
      <c r="EB28" s="61">
        <v>1</v>
      </c>
      <c r="EC28" s="62">
        <v>2</v>
      </c>
      <c r="ED28" s="63">
        <v>5</v>
      </c>
      <c r="EE28" s="60">
        <v>0</v>
      </c>
      <c r="EF28" s="61">
        <v>2</v>
      </c>
      <c r="EG28" s="62">
        <v>2</v>
      </c>
      <c r="EH28" s="231"/>
      <c r="EI28" s="61">
        <v>0</v>
      </c>
      <c r="EJ28" s="61">
        <v>0</v>
      </c>
      <c r="EK28" s="61">
        <v>0</v>
      </c>
      <c r="EL28" s="61">
        <v>0</v>
      </c>
      <c r="EM28" s="61">
        <v>0</v>
      </c>
      <c r="EN28" s="62">
        <v>0</v>
      </c>
      <c r="EO28" s="63">
        <v>2</v>
      </c>
      <c r="EP28" s="60">
        <v>1</v>
      </c>
      <c r="EQ28" s="61">
        <v>2</v>
      </c>
      <c r="ER28" s="62">
        <v>3</v>
      </c>
      <c r="ES28" s="231"/>
      <c r="ET28" s="61">
        <v>3</v>
      </c>
      <c r="EU28" s="61">
        <v>0</v>
      </c>
      <c r="EV28" s="61">
        <v>0</v>
      </c>
      <c r="EW28" s="61">
        <v>0</v>
      </c>
      <c r="EX28" s="61">
        <v>1</v>
      </c>
      <c r="EY28" s="62">
        <v>4</v>
      </c>
      <c r="EZ28" s="63">
        <v>7</v>
      </c>
      <c r="FA28" s="60">
        <v>3</v>
      </c>
      <c r="FB28" s="61">
        <v>3</v>
      </c>
      <c r="FC28" s="62">
        <v>6</v>
      </c>
      <c r="FD28" s="231"/>
      <c r="FE28" s="61">
        <v>1</v>
      </c>
      <c r="FF28" s="61">
        <v>2</v>
      </c>
      <c r="FG28" s="61">
        <v>1</v>
      </c>
      <c r="FH28" s="61">
        <v>2</v>
      </c>
      <c r="FI28" s="61">
        <v>0</v>
      </c>
      <c r="FJ28" s="62">
        <v>6</v>
      </c>
      <c r="FK28" s="63">
        <v>12</v>
      </c>
      <c r="FL28" s="60">
        <v>1</v>
      </c>
      <c r="FM28" s="61">
        <v>3</v>
      </c>
      <c r="FN28" s="62">
        <v>4</v>
      </c>
      <c r="FO28" s="231"/>
      <c r="FP28" s="61">
        <v>5</v>
      </c>
      <c r="FQ28" s="61">
        <v>5</v>
      </c>
      <c r="FR28" s="61">
        <v>2</v>
      </c>
      <c r="FS28" s="61">
        <v>1</v>
      </c>
      <c r="FT28" s="61">
        <v>2</v>
      </c>
      <c r="FU28" s="62">
        <v>15</v>
      </c>
      <c r="FV28" s="63">
        <v>19</v>
      </c>
      <c r="FW28" s="60">
        <v>0</v>
      </c>
      <c r="FX28" s="61">
        <v>0</v>
      </c>
      <c r="FY28" s="62">
        <v>0</v>
      </c>
      <c r="FZ28" s="231">
        <v>0</v>
      </c>
      <c r="GA28" s="61">
        <v>0</v>
      </c>
      <c r="GB28" s="61">
        <v>0</v>
      </c>
      <c r="GC28" s="61">
        <v>0</v>
      </c>
      <c r="GD28" s="61">
        <v>0</v>
      </c>
      <c r="GE28" s="61">
        <v>0</v>
      </c>
      <c r="GF28" s="62">
        <v>0</v>
      </c>
      <c r="GG28" s="63">
        <v>0</v>
      </c>
      <c r="GH28" s="60">
        <v>6</v>
      </c>
      <c r="GI28" s="61">
        <v>13</v>
      </c>
      <c r="GJ28" s="62">
        <v>19</v>
      </c>
      <c r="GK28" s="231"/>
      <c r="GL28" s="61">
        <v>9</v>
      </c>
      <c r="GM28" s="61">
        <v>8</v>
      </c>
      <c r="GN28" s="61">
        <v>3</v>
      </c>
      <c r="GO28" s="61">
        <v>3</v>
      </c>
      <c r="GP28" s="61">
        <v>4</v>
      </c>
      <c r="GQ28" s="62">
        <v>27</v>
      </c>
      <c r="GR28" s="63">
        <v>46</v>
      </c>
      <c r="GS28" s="113">
        <v>14</v>
      </c>
      <c r="GT28" s="72">
        <v>27</v>
      </c>
      <c r="GU28" s="73">
        <v>41</v>
      </c>
      <c r="GV28" s="228"/>
      <c r="GW28" s="72">
        <v>19</v>
      </c>
      <c r="GX28" s="72">
        <v>18</v>
      </c>
      <c r="GY28" s="72">
        <v>9</v>
      </c>
      <c r="GZ28" s="72">
        <v>7</v>
      </c>
      <c r="HA28" s="72">
        <v>11</v>
      </c>
      <c r="HB28" s="74">
        <v>64</v>
      </c>
      <c r="HC28" s="75">
        <v>105</v>
      </c>
      <c r="HD28" s="60">
        <v>0</v>
      </c>
      <c r="HE28" s="61">
        <v>3</v>
      </c>
      <c r="HF28" s="62">
        <v>3</v>
      </c>
      <c r="HG28" s="231"/>
      <c r="HH28" s="61">
        <v>0</v>
      </c>
      <c r="HI28" s="61">
        <v>0</v>
      </c>
      <c r="HJ28" s="61">
        <v>0</v>
      </c>
      <c r="HK28" s="61">
        <v>0</v>
      </c>
      <c r="HL28" s="61">
        <v>0</v>
      </c>
      <c r="HM28" s="62">
        <v>0</v>
      </c>
      <c r="HN28" s="63">
        <v>3</v>
      </c>
      <c r="HO28" s="60">
        <v>2</v>
      </c>
      <c r="HP28" s="61">
        <v>3</v>
      </c>
      <c r="HQ28" s="62">
        <v>5</v>
      </c>
      <c r="HR28" s="231"/>
      <c r="HS28" s="61">
        <v>2</v>
      </c>
      <c r="HT28" s="61">
        <v>3</v>
      </c>
      <c r="HU28" s="61">
        <v>0</v>
      </c>
      <c r="HV28" s="61">
        <v>1</v>
      </c>
      <c r="HW28" s="61">
        <v>1</v>
      </c>
      <c r="HX28" s="62">
        <v>7</v>
      </c>
      <c r="HY28" s="63">
        <v>12</v>
      </c>
      <c r="HZ28" s="60">
        <v>0</v>
      </c>
      <c r="IA28" s="61">
        <v>2</v>
      </c>
      <c r="IB28" s="62">
        <v>2</v>
      </c>
      <c r="IC28" s="231"/>
      <c r="ID28" s="61">
        <v>0</v>
      </c>
      <c r="IE28" s="61">
        <v>1</v>
      </c>
      <c r="IF28" s="61">
        <v>1</v>
      </c>
      <c r="IG28" s="61">
        <v>0</v>
      </c>
      <c r="IH28" s="61">
        <v>0</v>
      </c>
      <c r="II28" s="62">
        <v>2</v>
      </c>
      <c r="IJ28" s="63">
        <v>4</v>
      </c>
      <c r="IK28" s="60">
        <v>5</v>
      </c>
      <c r="IL28" s="61">
        <v>9</v>
      </c>
      <c r="IM28" s="62">
        <v>14</v>
      </c>
      <c r="IN28" s="231"/>
      <c r="IO28" s="61">
        <v>6</v>
      </c>
      <c r="IP28" s="61">
        <v>2</v>
      </c>
      <c r="IQ28" s="61">
        <v>2</v>
      </c>
      <c r="IR28" s="61">
        <v>1</v>
      </c>
      <c r="IS28" s="61">
        <v>2</v>
      </c>
      <c r="IT28" s="62">
        <v>13</v>
      </c>
      <c r="IU28" s="63">
        <v>27</v>
      </c>
      <c r="IV28" s="60">
        <v>5</v>
      </c>
      <c r="IW28" s="61">
        <v>5</v>
      </c>
      <c r="IX28" s="62">
        <v>10</v>
      </c>
      <c r="IY28" s="231"/>
      <c r="IZ28" s="61">
        <v>1</v>
      </c>
      <c r="JA28" s="61">
        <v>4</v>
      </c>
      <c r="JB28" s="61">
        <v>3</v>
      </c>
      <c r="JC28" s="61">
        <v>3</v>
      </c>
      <c r="JD28" s="61">
        <v>5</v>
      </c>
      <c r="JE28" s="62">
        <v>16</v>
      </c>
      <c r="JF28" s="63">
        <v>26</v>
      </c>
      <c r="JG28" s="60">
        <v>2</v>
      </c>
      <c r="JH28" s="61">
        <v>5</v>
      </c>
      <c r="JI28" s="62">
        <v>7</v>
      </c>
      <c r="JJ28" s="231"/>
      <c r="JK28" s="61">
        <v>10</v>
      </c>
      <c r="JL28" s="61">
        <v>8</v>
      </c>
      <c r="JM28" s="61">
        <v>3</v>
      </c>
      <c r="JN28" s="61">
        <v>2</v>
      </c>
      <c r="JO28" s="61">
        <v>3</v>
      </c>
      <c r="JP28" s="62">
        <v>26</v>
      </c>
      <c r="JQ28" s="63">
        <v>33</v>
      </c>
      <c r="JR28" s="60">
        <v>0</v>
      </c>
      <c r="JS28" s="61">
        <v>0</v>
      </c>
      <c r="JT28" s="62">
        <v>0</v>
      </c>
      <c r="JU28" s="231"/>
      <c r="JV28" s="61">
        <v>0</v>
      </c>
      <c r="JW28" s="61">
        <v>0</v>
      </c>
      <c r="JX28" s="61">
        <v>0</v>
      </c>
      <c r="JY28" s="61">
        <v>0</v>
      </c>
      <c r="JZ28" s="61">
        <v>0</v>
      </c>
      <c r="KA28" s="62">
        <v>0</v>
      </c>
      <c r="KB28" s="63">
        <v>0</v>
      </c>
      <c r="KC28" s="60">
        <v>14</v>
      </c>
      <c r="KD28" s="61">
        <v>27</v>
      </c>
      <c r="KE28" s="62">
        <v>41</v>
      </c>
      <c r="KF28" s="231"/>
      <c r="KG28" s="61">
        <v>19</v>
      </c>
      <c r="KH28" s="61">
        <v>18</v>
      </c>
      <c r="KI28" s="61">
        <v>9</v>
      </c>
      <c r="KJ28" s="61">
        <v>7</v>
      </c>
      <c r="KK28" s="61">
        <v>11</v>
      </c>
      <c r="KL28" s="62">
        <v>64</v>
      </c>
      <c r="KM28" s="63">
        <v>105</v>
      </c>
    </row>
    <row r="29" spans="2:299" ht="21" customHeight="1" x14ac:dyDescent="0.2">
      <c r="B29" s="472" t="s">
        <v>26</v>
      </c>
      <c r="C29" s="293">
        <v>10</v>
      </c>
      <c r="D29" s="72">
        <v>10</v>
      </c>
      <c r="E29" s="73">
        <v>20</v>
      </c>
      <c r="F29" s="228"/>
      <c r="G29" s="72">
        <v>25</v>
      </c>
      <c r="H29" s="72">
        <v>16</v>
      </c>
      <c r="I29" s="72">
        <v>7</v>
      </c>
      <c r="J29" s="72">
        <v>9</v>
      </c>
      <c r="K29" s="72">
        <v>8</v>
      </c>
      <c r="L29" s="74">
        <v>65</v>
      </c>
      <c r="M29" s="75">
        <v>85</v>
      </c>
      <c r="N29" s="60">
        <v>1</v>
      </c>
      <c r="O29" s="61">
        <v>0</v>
      </c>
      <c r="P29" s="62">
        <v>1</v>
      </c>
      <c r="Q29" s="231"/>
      <c r="R29" s="61">
        <v>1</v>
      </c>
      <c r="S29" s="61">
        <v>0</v>
      </c>
      <c r="T29" s="61">
        <v>1</v>
      </c>
      <c r="U29" s="61">
        <v>0</v>
      </c>
      <c r="V29" s="61">
        <v>0</v>
      </c>
      <c r="W29" s="62">
        <v>2</v>
      </c>
      <c r="X29" s="63">
        <v>3</v>
      </c>
      <c r="Y29" s="60">
        <v>2</v>
      </c>
      <c r="Z29" s="61">
        <v>2</v>
      </c>
      <c r="AA29" s="62">
        <v>4</v>
      </c>
      <c r="AB29" s="231"/>
      <c r="AC29" s="61">
        <v>0</v>
      </c>
      <c r="AD29" s="61">
        <v>2</v>
      </c>
      <c r="AE29" s="61">
        <v>1</v>
      </c>
      <c r="AF29" s="61">
        <v>0</v>
      </c>
      <c r="AG29" s="61">
        <v>2</v>
      </c>
      <c r="AH29" s="62">
        <v>5</v>
      </c>
      <c r="AI29" s="63">
        <v>9</v>
      </c>
      <c r="AJ29" s="60">
        <v>0</v>
      </c>
      <c r="AK29" s="61">
        <v>0</v>
      </c>
      <c r="AL29" s="62">
        <v>0</v>
      </c>
      <c r="AM29" s="231"/>
      <c r="AN29" s="61">
        <v>4</v>
      </c>
      <c r="AO29" s="61">
        <v>2</v>
      </c>
      <c r="AP29" s="61">
        <v>1</v>
      </c>
      <c r="AQ29" s="61">
        <v>2</v>
      </c>
      <c r="AR29" s="61">
        <v>1</v>
      </c>
      <c r="AS29" s="62">
        <v>10</v>
      </c>
      <c r="AT29" s="63">
        <v>10</v>
      </c>
      <c r="AU29" s="60">
        <v>2</v>
      </c>
      <c r="AV29" s="61">
        <v>2</v>
      </c>
      <c r="AW29" s="62">
        <v>4</v>
      </c>
      <c r="AX29" s="231"/>
      <c r="AY29" s="61">
        <v>8</v>
      </c>
      <c r="AZ29" s="61">
        <v>2</v>
      </c>
      <c r="BA29" s="61">
        <v>0</v>
      </c>
      <c r="BB29" s="61">
        <v>3</v>
      </c>
      <c r="BC29" s="61">
        <v>1</v>
      </c>
      <c r="BD29" s="62">
        <v>14</v>
      </c>
      <c r="BE29" s="63">
        <v>18</v>
      </c>
      <c r="BF29" s="60">
        <v>3</v>
      </c>
      <c r="BG29" s="61">
        <v>4</v>
      </c>
      <c r="BH29" s="62">
        <v>7</v>
      </c>
      <c r="BI29" s="231"/>
      <c r="BJ29" s="61">
        <v>4</v>
      </c>
      <c r="BK29" s="61">
        <v>4</v>
      </c>
      <c r="BL29" s="61">
        <v>1</v>
      </c>
      <c r="BM29" s="61">
        <v>2</v>
      </c>
      <c r="BN29" s="61">
        <v>1</v>
      </c>
      <c r="BO29" s="62">
        <v>12</v>
      </c>
      <c r="BP29" s="63">
        <v>19</v>
      </c>
      <c r="BQ29" s="60">
        <v>2</v>
      </c>
      <c r="BR29" s="61">
        <v>2</v>
      </c>
      <c r="BS29" s="62">
        <v>4</v>
      </c>
      <c r="BT29" s="231"/>
      <c r="BU29" s="61">
        <v>8</v>
      </c>
      <c r="BV29" s="61">
        <v>6</v>
      </c>
      <c r="BW29" s="61">
        <v>3</v>
      </c>
      <c r="BX29" s="61">
        <v>2</v>
      </c>
      <c r="BY29" s="61">
        <v>3</v>
      </c>
      <c r="BZ29" s="62">
        <v>22</v>
      </c>
      <c r="CA29" s="63">
        <v>26</v>
      </c>
      <c r="CB29" s="60">
        <v>0</v>
      </c>
      <c r="CC29" s="61">
        <v>0</v>
      </c>
      <c r="CD29" s="62">
        <v>0</v>
      </c>
      <c r="CE29" s="231"/>
      <c r="CF29" s="61">
        <v>0</v>
      </c>
      <c r="CG29" s="61">
        <v>0</v>
      </c>
      <c r="CH29" s="61">
        <v>0</v>
      </c>
      <c r="CI29" s="61">
        <v>0</v>
      </c>
      <c r="CJ29" s="61">
        <v>0</v>
      </c>
      <c r="CK29" s="62">
        <v>0</v>
      </c>
      <c r="CL29" s="63">
        <v>0</v>
      </c>
      <c r="CM29" s="60">
        <v>10</v>
      </c>
      <c r="CN29" s="61">
        <v>10</v>
      </c>
      <c r="CO29" s="62">
        <v>20</v>
      </c>
      <c r="CP29" s="231"/>
      <c r="CQ29" s="61">
        <v>25</v>
      </c>
      <c r="CR29" s="61">
        <v>16</v>
      </c>
      <c r="CS29" s="61">
        <v>7</v>
      </c>
      <c r="CT29" s="61">
        <v>9</v>
      </c>
      <c r="CU29" s="61">
        <v>8</v>
      </c>
      <c r="CV29" s="62">
        <v>65</v>
      </c>
      <c r="CW29" s="63">
        <v>85</v>
      </c>
      <c r="CX29" s="113">
        <v>3</v>
      </c>
      <c r="CY29" s="72">
        <v>5</v>
      </c>
      <c r="CZ29" s="73">
        <v>8</v>
      </c>
      <c r="DA29" s="228"/>
      <c r="DB29" s="72">
        <v>10</v>
      </c>
      <c r="DC29" s="72">
        <v>6</v>
      </c>
      <c r="DD29" s="72">
        <v>4</v>
      </c>
      <c r="DE29" s="72">
        <v>3</v>
      </c>
      <c r="DF29" s="72">
        <v>2</v>
      </c>
      <c r="DG29" s="74">
        <v>25</v>
      </c>
      <c r="DH29" s="75">
        <v>33</v>
      </c>
      <c r="DI29" s="60">
        <v>0</v>
      </c>
      <c r="DJ29" s="61">
        <v>0</v>
      </c>
      <c r="DK29" s="62">
        <v>0</v>
      </c>
      <c r="DL29" s="231"/>
      <c r="DM29" s="61">
        <v>0</v>
      </c>
      <c r="DN29" s="61">
        <v>0</v>
      </c>
      <c r="DO29" s="61">
        <v>0</v>
      </c>
      <c r="DP29" s="61">
        <v>0</v>
      </c>
      <c r="DQ29" s="61">
        <v>0</v>
      </c>
      <c r="DR29" s="62">
        <v>0</v>
      </c>
      <c r="DS29" s="63">
        <v>0</v>
      </c>
      <c r="DT29" s="60">
        <v>0</v>
      </c>
      <c r="DU29" s="61">
        <v>0</v>
      </c>
      <c r="DV29" s="62">
        <v>0</v>
      </c>
      <c r="DW29" s="231"/>
      <c r="DX29" s="61">
        <v>0</v>
      </c>
      <c r="DY29" s="61">
        <v>0</v>
      </c>
      <c r="DZ29" s="61">
        <v>0</v>
      </c>
      <c r="EA29" s="61">
        <v>1</v>
      </c>
      <c r="EB29" s="61">
        <v>0</v>
      </c>
      <c r="EC29" s="62">
        <v>1</v>
      </c>
      <c r="ED29" s="63">
        <v>1</v>
      </c>
      <c r="EE29" s="60">
        <v>0</v>
      </c>
      <c r="EF29" s="61">
        <v>2</v>
      </c>
      <c r="EG29" s="62">
        <v>2</v>
      </c>
      <c r="EH29" s="231"/>
      <c r="EI29" s="61">
        <v>2</v>
      </c>
      <c r="EJ29" s="61">
        <v>0</v>
      </c>
      <c r="EK29" s="61">
        <v>1</v>
      </c>
      <c r="EL29" s="61">
        <v>0</v>
      </c>
      <c r="EM29" s="61">
        <v>0</v>
      </c>
      <c r="EN29" s="62">
        <v>3</v>
      </c>
      <c r="EO29" s="63">
        <v>5</v>
      </c>
      <c r="EP29" s="60">
        <v>0</v>
      </c>
      <c r="EQ29" s="61">
        <v>0</v>
      </c>
      <c r="ER29" s="62">
        <v>0</v>
      </c>
      <c r="ES29" s="231"/>
      <c r="ET29" s="61">
        <v>0</v>
      </c>
      <c r="EU29" s="61">
        <v>0</v>
      </c>
      <c r="EV29" s="61">
        <v>1</v>
      </c>
      <c r="EW29" s="61">
        <v>0</v>
      </c>
      <c r="EX29" s="61">
        <v>0</v>
      </c>
      <c r="EY29" s="62">
        <v>1</v>
      </c>
      <c r="EZ29" s="63">
        <v>1</v>
      </c>
      <c r="FA29" s="60">
        <v>3</v>
      </c>
      <c r="FB29" s="61">
        <v>2</v>
      </c>
      <c r="FC29" s="62">
        <v>5</v>
      </c>
      <c r="FD29" s="231"/>
      <c r="FE29" s="61">
        <v>3</v>
      </c>
      <c r="FF29" s="61">
        <v>1</v>
      </c>
      <c r="FG29" s="61">
        <v>1</v>
      </c>
      <c r="FH29" s="61">
        <v>0</v>
      </c>
      <c r="FI29" s="61">
        <v>1</v>
      </c>
      <c r="FJ29" s="62">
        <v>6</v>
      </c>
      <c r="FK29" s="63">
        <v>11</v>
      </c>
      <c r="FL29" s="60">
        <v>0</v>
      </c>
      <c r="FM29" s="61">
        <v>1</v>
      </c>
      <c r="FN29" s="62">
        <v>1</v>
      </c>
      <c r="FO29" s="231"/>
      <c r="FP29" s="61">
        <v>5</v>
      </c>
      <c r="FQ29" s="61">
        <v>5</v>
      </c>
      <c r="FR29" s="61">
        <v>1</v>
      </c>
      <c r="FS29" s="61">
        <v>2</v>
      </c>
      <c r="FT29" s="61">
        <v>1</v>
      </c>
      <c r="FU29" s="62">
        <v>14</v>
      </c>
      <c r="FV29" s="63">
        <v>15</v>
      </c>
      <c r="FW29" s="60">
        <v>0</v>
      </c>
      <c r="FX29" s="61">
        <v>0</v>
      </c>
      <c r="FY29" s="62">
        <v>0</v>
      </c>
      <c r="FZ29" s="231">
        <v>0</v>
      </c>
      <c r="GA29" s="61">
        <v>0</v>
      </c>
      <c r="GB29" s="61">
        <v>0</v>
      </c>
      <c r="GC29" s="61">
        <v>0</v>
      </c>
      <c r="GD29" s="61">
        <v>0</v>
      </c>
      <c r="GE29" s="61">
        <v>0</v>
      </c>
      <c r="GF29" s="62">
        <v>0</v>
      </c>
      <c r="GG29" s="63">
        <v>0</v>
      </c>
      <c r="GH29" s="60">
        <v>3</v>
      </c>
      <c r="GI29" s="61">
        <v>5</v>
      </c>
      <c r="GJ29" s="62">
        <v>8</v>
      </c>
      <c r="GK29" s="231"/>
      <c r="GL29" s="61">
        <v>10</v>
      </c>
      <c r="GM29" s="61">
        <v>6</v>
      </c>
      <c r="GN29" s="61">
        <v>4</v>
      </c>
      <c r="GO29" s="61">
        <v>3</v>
      </c>
      <c r="GP29" s="61">
        <v>2</v>
      </c>
      <c r="GQ29" s="62">
        <v>25</v>
      </c>
      <c r="GR29" s="63">
        <v>33</v>
      </c>
      <c r="GS29" s="113">
        <v>13</v>
      </c>
      <c r="GT29" s="72">
        <v>15</v>
      </c>
      <c r="GU29" s="73">
        <v>28</v>
      </c>
      <c r="GV29" s="228"/>
      <c r="GW29" s="72">
        <v>35</v>
      </c>
      <c r="GX29" s="72">
        <v>22</v>
      </c>
      <c r="GY29" s="72">
        <v>11</v>
      </c>
      <c r="GZ29" s="72">
        <v>12</v>
      </c>
      <c r="HA29" s="72">
        <v>10</v>
      </c>
      <c r="HB29" s="74">
        <v>90</v>
      </c>
      <c r="HC29" s="75">
        <v>118</v>
      </c>
      <c r="HD29" s="60">
        <v>1</v>
      </c>
      <c r="HE29" s="61">
        <v>0</v>
      </c>
      <c r="HF29" s="62">
        <v>1</v>
      </c>
      <c r="HG29" s="231"/>
      <c r="HH29" s="61">
        <v>1</v>
      </c>
      <c r="HI29" s="61">
        <v>0</v>
      </c>
      <c r="HJ29" s="61">
        <v>1</v>
      </c>
      <c r="HK29" s="61">
        <v>0</v>
      </c>
      <c r="HL29" s="61">
        <v>0</v>
      </c>
      <c r="HM29" s="62">
        <v>2</v>
      </c>
      <c r="HN29" s="63">
        <v>3</v>
      </c>
      <c r="HO29" s="60">
        <v>2</v>
      </c>
      <c r="HP29" s="61">
        <v>2</v>
      </c>
      <c r="HQ29" s="62">
        <v>4</v>
      </c>
      <c r="HR29" s="231"/>
      <c r="HS29" s="61">
        <v>0</v>
      </c>
      <c r="HT29" s="61">
        <v>2</v>
      </c>
      <c r="HU29" s="61">
        <v>1</v>
      </c>
      <c r="HV29" s="61">
        <v>1</v>
      </c>
      <c r="HW29" s="61">
        <v>2</v>
      </c>
      <c r="HX29" s="62">
        <v>6</v>
      </c>
      <c r="HY29" s="63">
        <v>10</v>
      </c>
      <c r="HZ29" s="60">
        <v>0</v>
      </c>
      <c r="IA29" s="61">
        <v>2</v>
      </c>
      <c r="IB29" s="62">
        <v>2</v>
      </c>
      <c r="IC29" s="231"/>
      <c r="ID29" s="61">
        <v>6</v>
      </c>
      <c r="IE29" s="61">
        <v>2</v>
      </c>
      <c r="IF29" s="61">
        <v>2</v>
      </c>
      <c r="IG29" s="61">
        <v>2</v>
      </c>
      <c r="IH29" s="61">
        <v>1</v>
      </c>
      <c r="II29" s="62">
        <v>13</v>
      </c>
      <c r="IJ29" s="63">
        <v>15</v>
      </c>
      <c r="IK29" s="60">
        <v>2</v>
      </c>
      <c r="IL29" s="61">
        <v>2</v>
      </c>
      <c r="IM29" s="62">
        <v>4</v>
      </c>
      <c r="IN29" s="231"/>
      <c r="IO29" s="61">
        <v>8</v>
      </c>
      <c r="IP29" s="61">
        <v>2</v>
      </c>
      <c r="IQ29" s="61">
        <v>1</v>
      </c>
      <c r="IR29" s="61">
        <v>3</v>
      </c>
      <c r="IS29" s="61">
        <v>1</v>
      </c>
      <c r="IT29" s="62">
        <v>15</v>
      </c>
      <c r="IU29" s="63">
        <v>19</v>
      </c>
      <c r="IV29" s="60">
        <v>6</v>
      </c>
      <c r="IW29" s="61">
        <v>6</v>
      </c>
      <c r="IX29" s="62">
        <v>12</v>
      </c>
      <c r="IY29" s="231"/>
      <c r="IZ29" s="61">
        <v>7</v>
      </c>
      <c r="JA29" s="61">
        <v>5</v>
      </c>
      <c r="JB29" s="61">
        <v>2</v>
      </c>
      <c r="JC29" s="61">
        <v>2</v>
      </c>
      <c r="JD29" s="61">
        <v>2</v>
      </c>
      <c r="JE29" s="62">
        <v>18</v>
      </c>
      <c r="JF29" s="63">
        <v>30</v>
      </c>
      <c r="JG29" s="60">
        <v>2</v>
      </c>
      <c r="JH29" s="61">
        <v>3</v>
      </c>
      <c r="JI29" s="62">
        <v>5</v>
      </c>
      <c r="JJ29" s="231"/>
      <c r="JK29" s="61">
        <v>13</v>
      </c>
      <c r="JL29" s="61">
        <v>11</v>
      </c>
      <c r="JM29" s="61">
        <v>4</v>
      </c>
      <c r="JN29" s="61">
        <v>4</v>
      </c>
      <c r="JO29" s="61">
        <v>4</v>
      </c>
      <c r="JP29" s="62">
        <v>36</v>
      </c>
      <c r="JQ29" s="63">
        <v>41</v>
      </c>
      <c r="JR29" s="60">
        <v>0</v>
      </c>
      <c r="JS29" s="61">
        <v>0</v>
      </c>
      <c r="JT29" s="62">
        <v>0</v>
      </c>
      <c r="JU29" s="231"/>
      <c r="JV29" s="61">
        <v>0</v>
      </c>
      <c r="JW29" s="61">
        <v>0</v>
      </c>
      <c r="JX29" s="61">
        <v>0</v>
      </c>
      <c r="JY29" s="61">
        <v>0</v>
      </c>
      <c r="JZ29" s="61">
        <v>0</v>
      </c>
      <c r="KA29" s="62">
        <v>0</v>
      </c>
      <c r="KB29" s="63">
        <v>0</v>
      </c>
      <c r="KC29" s="60">
        <v>13</v>
      </c>
      <c r="KD29" s="61">
        <v>15</v>
      </c>
      <c r="KE29" s="62">
        <v>28</v>
      </c>
      <c r="KF29" s="231"/>
      <c r="KG29" s="61">
        <v>35</v>
      </c>
      <c r="KH29" s="61">
        <v>22</v>
      </c>
      <c r="KI29" s="61">
        <v>11</v>
      </c>
      <c r="KJ29" s="61">
        <v>12</v>
      </c>
      <c r="KK29" s="61">
        <v>10</v>
      </c>
      <c r="KL29" s="62">
        <v>90</v>
      </c>
      <c r="KM29" s="63">
        <v>118</v>
      </c>
    </row>
    <row r="30" spans="2:299" ht="21" customHeight="1" x14ac:dyDescent="0.2">
      <c r="B30" s="472" t="s">
        <v>27</v>
      </c>
      <c r="C30" s="293">
        <v>10</v>
      </c>
      <c r="D30" s="72">
        <v>18</v>
      </c>
      <c r="E30" s="73">
        <v>28</v>
      </c>
      <c r="F30" s="228"/>
      <c r="G30" s="72">
        <v>12</v>
      </c>
      <c r="H30" s="72">
        <v>12</v>
      </c>
      <c r="I30" s="72">
        <v>11</v>
      </c>
      <c r="J30" s="72">
        <v>6</v>
      </c>
      <c r="K30" s="72">
        <v>3</v>
      </c>
      <c r="L30" s="74">
        <v>44</v>
      </c>
      <c r="M30" s="75">
        <v>72</v>
      </c>
      <c r="N30" s="60">
        <v>0</v>
      </c>
      <c r="O30" s="61">
        <v>1</v>
      </c>
      <c r="P30" s="62">
        <v>1</v>
      </c>
      <c r="Q30" s="231"/>
      <c r="R30" s="61">
        <v>0</v>
      </c>
      <c r="S30" s="61">
        <v>0</v>
      </c>
      <c r="T30" s="61">
        <v>0</v>
      </c>
      <c r="U30" s="61">
        <v>0</v>
      </c>
      <c r="V30" s="61">
        <v>0</v>
      </c>
      <c r="W30" s="62">
        <v>0</v>
      </c>
      <c r="X30" s="63">
        <v>1</v>
      </c>
      <c r="Y30" s="60">
        <v>2</v>
      </c>
      <c r="Z30" s="61">
        <v>0</v>
      </c>
      <c r="AA30" s="62">
        <v>2</v>
      </c>
      <c r="AB30" s="231"/>
      <c r="AC30" s="61">
        <v>0</v>
      </c>
      <c r="AD30" s="61">
        <v>2</v>
      </c>
      <c r="AE30" s="61">
        <v>1</v>
      </c>
      <c r="AF30" s="61">
        <v>0</v>
      </c>
      <c r="AG30" s="61">
        <v>1</v>
      </c>
      <c r="AH30" s="62">
        <v>4</v>
      </c>
      <c r="AI30" s="63">
        <v>6</v>
      </c>
      <c r="AJ30" s="60">
        <v>1</v>
      </c>
      <c r="AK30" s="61">
        <v>2</v>
      </c>
      <c r="AL30" s="62">
        <v>3</v>
      </c>
      <c r="AM30" s="231"/>
      <c r="AN30" s="61">
        <v>0</v>
      </c>
      <c r="AO30" s="61">
        <v>1</v>
      </c>
      <c r="AP30" s="61">
        <v>1</v>
      </c>
      <c r="AQ30" s="61">
        <v>0</v>
      </c>
      <c r="AR30" s="61">
        <v>0</v>
      </c>
      <c r="AS30" s="62">
        <v>2</v>
      </c>
      <c r="AT30" s="63">
        <v>5</v>
      </c>
      <c r="AU30" s="60">
        <v>2</v>
      </c>
      <c r="AV30" s="61">
        <v>7</v>
      </c>
      <c r="AW30" s="62">
        <v>9</v>
      </c>
      <c r="AX30" s="231"/>
      <c r="AY30" s="61">
        <v>5</v>
      </c>
      <c r="AZ30" s="61">
        <v>4</v>
      </c>
      <c r="BA30" s="61">
        <v>2</v>
      </c>
      <c r="BB30" s="61">
        <v>2</v>
      </c>
      <c r="BC30" s="61">
        <v>0</v>
      </c>
      <c r="BD30" s="62">
        <v>13</v>
      </c>
      <c r="BE30" s="63">
        <v>22</v>
      </c>
      <c r="BF30" s="60">
        <v>3</v>
      </c>
      <c r="BG30" s="61">
        <v>6</v>
      </c>
      <c r="BH30" s="62">
        <v>9</v>
      </c>
      <c r="BI30" s="231"/>
      <c r="BJ30" s="61">
        <v>2</v>
      </c>
      <c r="BK30" s="61">
        <v>2</v>
      </c>
      <c r="BL30" s="61">
        <v>5</v>
      </c>
      <c r="BM30" s="61">
        <v>3</v>
      </c>
      <c r="BN30" s="61">
        <v>2</v>
      </c>
      <c r="BO30" s="62">
        <v>14</v>
      </c>
      <c r="BP30" s="63">
        <v>23</v>
      </c>
      <c r="BQ30" s="60">
        <v>2</v>
      </c>
      <c r="BR30" s="61">
        <v>2</v>
      </c>
      <c r="BS30" s="62">
        <v>4</v>
      </c>
      <c r="BT30" s="231"/>
      <c r="BU30" s="61">
        <v>5</v>
      </c>
      <c r="BV30" s="61">
        <v>3</v>
      </c>
      <c r="BW30" s="61">
        <v>2</v>
      </c>
      <c r="BX30" s="61">
        <v>1</v>
      </c>
      <c r="BY30" s="61">
        <v>0</v>
      </c>
      <c r="BZ30" s="62">
        <v>11</v>
      </c>
      <c r="CA30" s="63">
        <v>15</v>
      </c>
      <c r="CB30" s="60">
        <v>0</v>
      </c>
      <c r="CC30" s="61">
        <v>0</v>
      </c>
      <c r="CD30" s="62">
        <v>0</v>
      </c>
      <c r="CE30" s="231"/>
      <c r="CF30" s="61">
        <v>0</v>
      </c>
      <c r="CG30" s="61">
        <v>0</v>
      </c>
      <c r="CH30" s="61">
        <v>0</v>
      </c>
      <c r="CI30" s="61">
        <v>0</v>
      </c>
      <c r="CJ30" s="61">
        <v>0</v>
      </c>
      <c r="CK30" s="62">
        <v>0</v>
      </c>
      <c r="CL30" s="63">
        <v>0</v>
      </c>
      <c r="CM30" s="60">
        <v>10</v>
      </c>
      <c r="CN30" s="61">
        <v>18</v>
      </c>
      <c r="CO30" s="62">
        <v>28</v>
      </c>
      <c r="CP30" s="231"/>
      <c r="CQ30" s="61">
        <v>12</v>
      </c>
      <c r="CR30" s="61">
        <v>12</v>
      </c>
      <c r="CS30" s="61">
        <v>11</v>
      </c>
      <c r="CT30" s="61">
        <v>6</v>
      </c>
      <c r="CU30" s="61">
        <v>3</v>
      </c>
      <c r="CV30" s="62">
        <v>44</v>
      </c>
      <c r="CW30" s="63">
        <v>72</v>
      </c>
      <c r="CX30" s="113">
        <v>7</v>
      </c>
      <c r="CY30" s="72">
        <v>4</v>
      </c>
      <c r="CZ30" s="73">
        <v>11</v>
      </c>
      <c r="DA30" s="228"/>
      <c r="DB30" s="72">
        <v>9</v>
      </c>
      <c r="DC30" s="72">
        <v>1</v>
      </c>
      <c r="DD30" s="72">
        <v>5</v>
      </c>
      <c r="DE30" s="72">
        <v>0</v>
      </c>
      <c r="DF30" s="72">
        <v>1</v>
      </c>
      <c r="DG30" s="74">
        <v>16</v>
      </c>
      <c r="DH30" s="75">
        <v>27</v>
      </c>
      <c r="DI30" s="60">
        <v>0</v>
      </c>
      <c r="DJ30" s="61">
        <v>1</v>
      </c>
      <c r="DK30" s="62">
        <v>1</v>
      </c>
      <c r="DL30" s="231"/>
      <c r="DM30" s="61">
        <v>0</v>
      </c>
      <c r="DN30" s="61">
        <v>0</v>
      </c>
      <c r="DO30" s="61">
        <v>0</v>
      </c>
      <c r="DP30" s="61">
        <v>0</v>
      </c>
      <c r="DQ30" s="61">
        <v>0</v>
      </c>
      <c r="DR30" s="62">
        <v>0</v>
      </c>
      <c r="DS30" s="63">
        <v>1</v>
      </c>
      <c r="DT30" s="60">
        <v>0</v>
      </c>
      <c r="DU30" s="61">
        <v>0</v>
      </c>
      <c r="DV30" s="62">
        <v>0</v>
      </c>
      <c r="DW30" s="231"/>
      <c r="DX30" s="61">
        <v>0</v>
      </c>
      <c r="DY30" s="61">
        <v>0</v>
      </c>
      <c r="DZ30" s="61">
        <v>0</v>
      </c>
      <c r="EA30" s="61">
        <v>0</v>
      </c>
      <c r="EB30" s="61">
        <v>0</v>
      </c>
      <c r="EC30" s="62">
        <v>0</v>
      </c>
      <c r="ED30" s="63">
        <v>0</v>
      </c>
      <c r="EE30" s="60">
        <v>1</v>
      </c>
      <c r="EF30" s="61">
        <v>0</v>
      </c>
      <c r="EG30" s="62">
        <v>1</v>
      </c>
      <c r="EH30" s="231"/>
      <c r="EI30" s="61">
        <v>0</v>
      </c>
      <c r="EJ30" s="61">
        <v>1</v>
      </c>
      <c r="EK30" s="61">
        <v>0</v>
      </c>
      <c r="EL30" s="61">
        <v>0</v>
      </c>
      <c r="EM30" s="61">
        <v>0</v>
      </c>
      <c r="EN30" s="62">
        <v>1</v>
      </c>
      <c r="EO30" s="63">
        <v>2</v>
      </c>
      <c r="EP30" s="60">
        <v>4</v>
      </c>
      <c r="EQ30" s="61">
        <v>0</v>
      </c>
      <c r="ER30" s="62">
        <v>4</v>
      </c>
      <c r="ES30" s="231"/>
      <c r="ET30" s="61">
        <v>3</v>
      </c>
      <c r="EU30" s="61">
        <v>0</v>
      </c>
      <c r="EV30" s="61">
        <v>0</v>
      </c>
      <c r="EW30" s="61">
        <v>0</v>
      </c>
      <c r="EX30" s="61">
        <v>0</v>
      </c>
      <c r="EY30" s="62">
        <v>3</v>
      </c>
      <c r="EZ30" s="63">
        <v>7</v>
      </c>
      <c r="FA30" s="60">
        <v>0</v>
      </c>
      <c r="FB30" s="61">
        <v>1</v>
      </c>
      <c r="FC30" s="62">
        <v>1</v>
      </c>
      <c r="FD30" s="231"/>
      <c r="FE30" s="61">
        <v>2</v>
      </c>
      <c r="FF30" s="61">
        <v>0</v>
      </c>
      <c r="FG30" s="61">
        <v>2</v>
      </c>
      <c r="FH30" s="61">
        <v>0</v>
      </c>
      <c r="FI30" s="61">
        <v>0</v>
      </c>
      <c r="FJ30" s="62">
        <v>4</v>
      </c>
      <c r="FK30" s="63">
        <v>5</v>
      </c>
      <c r="FL30" s="60">
        <v>2</v>
      </c>
      <c r="FM30" s="61">
        <v>2</v>
      </c>
      <c r="FN30" s="62">
        <v>4</v>
      </c>
      <c r="FO30" s="231"/>
      <c r="FP30" s="61">
        <v>4</v>
      </c>
      <c r="FQ30" s="61">
        <v>0</v>
      </c>
      <c r="FR30" s="61">
        <v>3</v>
      </c>
      <c r="FS30" s="61">
        <v>0</v>
      </c>
      <c r="FT30" s="61">
        <v>1</v>
      </c>
      <c r="FU30" s="62">
        <v>8</v>
      </c>
      <c r="FV30" s="63">
        <v>12</v>
      </c>
      <c r="FW30" s="60">
        <v>0</v>
      </c>
      <c r="FX30" s="61">
        <v>0</v>
      </c>
      <c r="FY30" s="62">
        <v>0</v>
      </c>
      <c r="FZ30" s="231">
        <v>0</v>
      </c>
      <c r="GA30" s="61">
        <v>0</v>
      </c>
      <c r="GB30" s="61">
        <v>0</v>
      </c>
      <c r="GC30" s="61">
        <v>0</v>
      </c>
      <c r="GD30" s="61">
        <v>0</v>
      </c>
      <c r="GE30" s="61">
        <v>0</v>
      </c>
      <c r="GF30" s="62">
        <v>0</v>
      </c>
      <c r="GG30" s="63">
        <v>0</v>
      </c>
      <c r="GH30" s="60">
        <v>7</v>
      </c>
      <c r="GI30" s="61">
        <v>4</v>
      </c>
      <c r="GJ30" s="62">
        <v>11</v>
      </c>
      <c r="GK30" s="231"/>
      <c r="GL30" s="61">
        <v>9</v>
      </c>
      <c r="GM30" s="61">
        <v>1</v>
      </c>
      <c r="GN30" s="61">
        <v>5</v>
      </c>
      <c r="GO30" s="61">
        <v>0</v>
      </c>
      <c r="GP30" s="61">
        <v>1</v>
      </c>
      <c r="GQ30" s="62">
        <v>16</v>
      </c>
      <c r="GR30" s="63">
        <v>27</v>
      </c>
      <c r="GS30" s="113">
        <v>17</v>
      </c>
      <c r="GT30" s="72">
        <v>22</v>
      </c>
      <c r="GU30" s="73">
        <v>39</v>
      </c>
      <c r="GV30" s="228"/>
      <c r="GW30" s="72">
        <v>21</v>
      </c>
      <c r="GX30" s="72">
        <v>13</v>
      </c>
      <c r="GY30" s="72">
        <v>16</v>
      </c>
      <c r="GZ30" s="72">
        <v>6</v>
      </c>
      <c r="HA30" s="72">
        <v>4</v>
      </c>
      <c r="HB30" s="74">
        <v>60</v>
      </c>
      <c r="HC30" s="75">
        <v>99</v>
      </c>
      <c r="HD30" s="60">
        <v>0</v>
      </c>
      <c r="HE30" s="61">
        <v>2</v>
      </c>
      <c r="HF30" s="62">
        <v>2</v>
      </c>
      <c r="HG30" s="231"/>
      <c r="HH30" s="61">
        <v>0</v>
      </c>
      <c r="HI30" s="61">
        <v>0</v>
      </c>
      <c r="HJ30" s="61">
        <v>0</v>
      </c>
      <c r="HK30" s="61">
        <v>0</v>
      </c>
      <c r="HL30" s="61">
        <v>0</v>
      </c>
      <c r="HM30" s="62">
        <v>0</v>
      </c>
      <c r="HN30" s="63">
        <v>2</v>
      </c>
      <c r="HO30" s="60">
        <v>2</v>
      </c>
      <c r="HP30" s="61">
        <v>0</v>
      </c>
      <c r="HQ30" s="62">
        <v>2</v>
      </c>
      <c r="HR30" s="231"/>
      <c r="HS30" s="61">
        <v>0</v>
      </c>
      <c r="HT30" s="61">
        <v>2</v>
      </c>
      <c r="HU30" s="61">
        <v>1</v>
      </c>
      <c r="HV30" s="61">
        <v>0</v>
      </c>
      <c r="HW30" s="61">
        <v>1</v>
      </c>
      <c r="HX30" s="62">
        <v>4</v>
      </c>
      <c r="HY30" s="63">
        <v>6</v>
      </c>
      <c r="HZ30" s="60">
        <v>2</v>
      </c>
      <c r="IA30" s="61">
        <v>2</v>
      </c>
      <c r="IB30" s="62">
        <v>4</v>
      </c>
      <c r="IC30" s="231"/>
      <c r="ID30" s="61">
        <v>0</v>
      </c>
      <c r="IE30" s="61">
        <v>2</v>
      </c>
      <c r="IF30" s="61">
        <v>1</v>
      </c>
      <c r="IG30" s="61">
        <v>0</v>
      </c>
      <c r="IH30" s="61">
        <v>0</v>
      </c>
      <c r="II30" s="62">
        <v>3</v>
      </c>
      <c r="IJ30" s="63">
        <v>7</v>
      </c>
      <c r="IK30" s="60">
        <v>6</v>
      </c>
      <c r="IL30" s="61">
        <v>7</v>
      </c>
      <c r="IM30" s="62">
        <v>13</v>
      </c>
      <c r="IN30" s="231"/>
      <c r="IO30" s="61">
        <v>8</v>
      </c>
      <c r="IP30" s="61">
        <v>4</v>
      </c>
      <c r="IQ30" s="61">
        <v>2</v>
      </c>
      <c r="IR30" s="61">
        <v>2</v>
      </c>
      <c r="IS30" s="61">
        <v>0</v>
      </c>
      <c r="IT30" s="62">
        <v>16</v>
      </c>
      <c r="IU30" s="63">
        <v>29</v>
      </c>
      <c r="IV30" s="60">
        <v>3</v>
      </c>
      <c r="IW30" s="61">
        <v>7</v>
      </c>
      <c r="IX30" s="62">
        <v>10</v>
      </c>
      <c r="IY30" s="231"/>
      <c r="IZ30" s="61">
        <v>4</v>
      </c>
      <c r="JA30" s="61">
        <v>2</v>
      </c>
      <c r="JB30" s="61">
        <v>7</v>
      </c>
      <c r="JC30" s="61">
        <v>3</v>
      </c>
      <c r="JD30" s="61">
        <v>2</v>
      </c>
      <c r="JE30" s="62">
        <v>18</v>
      </c>
      <c r="JF30" s="63">
        <v>28</v>
      </c>
      <c r="JG30" s="60">
        <v>4</v>
      </c>
      <c r="JH30" s="61">
        <v>4</v>
      </c>
      <c r="JI30" s="62">
        <v>8</v>
      </c>
      <c r="JJ30" s="231"/>
      <c r="JK30" s="61">
        <v>9</v>
      </c>
      <c r="JL30" s="61">
        <v>3</v>
      </c>
      <c r="JM30" s="61">
        <v>5</v>
      </c>
      <c r="JN30" s="61">
        <v>1</v>
      </c>
      <c r="JO30" s="61">
        <v>1</v>
      </c>
      <c r="JP30" s="62">
        <v>19</v>
      </c>
      <c r="JQ30" s="63">
        <v>27</v>
      </c>
      <c r="JR30" s="60">
        <v>0</v>
      </c>
      <c r="JS30" s="61">
        <v>0</v>
      </c>
      <c r="JT30" s="62">
        <v>0</v>
      </c>
      <c r="JU30" s="231"/>
      <c r="JV30" s="61">
        <v>0</v>
      </c>
      <c r="JW30" s="61">
        <v>0</v>
      </c>
      <c r="JX30" s="61">
        <v>0</v>
      </c>
      <c r="JY30" s="61">
        <v>0</v>
      </c>
      <c r="JZ30" s="61">
        <v>0</v>
      </c>
      <c r="KA30" s="62">
        <v>0</v>
      </c>
      <c r="KB30" s="63">
        <v>0</v>
      </c>
      <c r="KC30" s="60">
        <v>17</v>
      </c>
      <c r="KD30" s="61">
        <v>22</v>
      </c>
      <c r="KE30" s="62">
        <v>39</v>
      </c>
      <c r="KF30" s="231"/>
      <c r="KG30" s="61">
        <v>21</v>
      </c>
      <c r="KH30" s="61">
        <v>13</v>
      </c>
      <c r="KI30" s="61">
        <v>16</v>
      </c>
      <c r="KJ30" s="61">
        <v>6</v>
      </c>
      <c r="KK30" s="61">
        <v>4</v>
      </c>
      <c r="KL30" s="62">
        <v>60</v>
      </c>
      <c r="KM30" s="63">
        <v>99</v>
      </c>
    </row>
    <row r="31" spans="2:299" ht="21" customHeight="1" x14ac:dyDescent="0.2">
      <c r="B31" s="472" t="s">
        <v>28</v>
      </c>
      <c r="C31" s="293">
        <v>0</v>
      </c>
      <c r="D31" s="72">
        <v>2</v>
      </c>
      <c r="E31" s="73">
        <v>2</v>
      </c>
      <c r="F31" s="228"/>
      <c r="G31" s="72">
        <v>6</v>
      </c>
      <c r="H31" s="72">
        <v>3</v>
      </c>
      <c r="I31" s="72">
        <v>4</v>
      </c>
      <c r="J31" s="72">
        <v>2</v>
      </c>
      <c r="K31" s="72">
        <v>1</v>
      </c>
      <c r="L31" s="74">
        <v>16</v>
      </c>
      <c r="M31" s="75">
        <v>18</v>
      </c>
      <c r="N31" s="60">
        <v>0</v>
      </c>
      <c r="O31" s="61">
        <v>1</v>
      </c>
      <c r="P31" s="62">
        <v>1</v>
      </c>
      <c r="Q31" s="231"/>
      <c r="R31" s="61">
        <v>0</v>
      </c>
      <c r="S31" s="61">
        <v>0</v>
      </c>
      <c r="T31" s="61">
        <v>1</v>
      </c>
      <c r="U31" s="61">
        <v>0</v>
      </c>
      <c r="V31" s="61">
        <v>0</v>
      </c>
      <c r="W31" s="62">
        <v>1</v>
      </c>
      <c r="X31" s="63">
        <v>2</v>
      </c>
      <c r="Y31" s="60">
        <v>0</v>
      </c>
      <c r="Z31" s="61">
        <v>1</v>
      </c>
      <c r="AA31" s="62">
        <v>1</v>
      </c>
      <c r="AB31" s="231"/>
      <c r="AC31" s="61">
        <v>2</v>
      </c>
      <c r="AD31" s="61">
        <v>0</v>
      </c>
      <c r="AE31" s="61">
        <v>0</v>
      </c>
      <c r="AF31" s="61">
        <v>0</v>
      </c>
      <c r="AG31" s="61">
        <v>0</v>
      </c>
      <c r="AH31" s="62">
        <v>2</v>
      </c>
      <c r="AI31" s="63">
        <v>3</v>
      </c>
      <c r="AJ31" s="60">
        <v>0</v>
      </c>
      <c r="AK31" s="61">
        <v>0</v>
      </c>
      <c r="AL31" s="62">
        <v>0</v>
      </c>
      <c r="AM31" s="231"/>
      <c r="AN31" s="61">
        <v>1</v>
      </c>
      <c r="AO31" s="61">
        <v>1</v>
      </c>
      <c r="AP31" s="61">
        <v>0</v>
      </c>
      <c r="AQ31" s="61">
        <v>0</v>
      </c>
      <c r="AR31" s="61">
        <v>1</v>
      </c>
      <c r="AS31" s="62">
        <v>3</v>
      </c>
      <c r="AT31" s="63">
        <v>3</v>
      </c>
      <c r="AU31" s="60">
        <v>0</v>
      </c>
      <c r="AV31" s="61">
        <v>0</v>
      </c>
      <c r="AW31" s="62">
        <v>0</v>
      </c>
      <c r="AX31" s="231"/>
      <c r="AY31" s="61">
        <v>3</v>
      </c>
      <c r="AZ31" s="61">
        <v>1</v>
      </c>
      <c r="BA31" s="61">
        <v>0</v>
      </c>
      <c r="BB31" s="61">
        <v>1</v>
      </c>
      <c r="BC31" s="61">
        <v>0</v>
      </c>
      <c r="BD31" s="62">
        <v>5</v>
      </c>
      <c r="BE31" s="63">
        <v>5</v>
      </c>
      <c r="BF31" s="60">
        <v>0</v>
      </c>
      <c r="BG31" s="61">
        <v>0</v>
      </c>
      <c r="BH31" s="62">
        <v>0</v>
      </c>
      <c r="BI31" s="231"/>
      <c r="BJ31" s="61">
        <v>0</v>
      </c>
      <c r="BK31" s="61">
        <v>1</v>
      </c>
      <c r="BL31" s="61">
        <v>1</v>
      </c>
      <c r="BM31" s="61">
        <v>0</v>
      </c>
      <c r="BN31" s="61">
        <v>0</v>
      </c>
      <c r="BO31" s="62">
        <v>2</v>
      </c>
      <c r="BP31" s="63">
        <v>2</v>
      </c>
      <c r="BQ31" s="60">
        <v>0</v>
      </c>
      <c r="BR31" s="61">
        <v>0</v>
      </c>
      <c r="BS31" s="62">
        <v>0</v>
      </c>
      <c r="BT31" s="231"/>
      <c r="BU31" s="61">
        <v>0</v>
      </c>
      <c r="BV31" s="61">
        <v>0</v>
      </c>
      <c r="BW31" s="61">
        <v>2</v>
      </c>
      <c r="BX31" s="61">
        <v>1</v>
      </c>
      <c r="BY31" s="61">
        <v>0</v>
      </c>
      <c r="BZ31" s="62">
        <v>3</v>
      </c>
      <c r="CA31" s="63">
        <v>3</v>
      </c>
      <c r="CB31" s="60">
        <v>0</v>
      </c>
      <c r="CC31" s="61">
        <v>0</v>
      </c>
      <c r="CD31" s="62">
        <v>0</v>
      </c>
      <c r="CE31" s="231"/>
      <c r="CF31" s="61">
        <v>0</v>
      </c>
      <c r="CG31" s="61">
        <v>0</v>
      </c>
      <c r="CH31" s="61">
        <v>0</v>
      </c>
      <c r="CI31" s="61">
        <v>0</v>
      </c>
      <c r="CJ31" s="61">
        <v>0</v>
      </c>
      <c r="CK31" s="62">
        <v>0</v>
      </c>
      <c r="CL31" s="63">
        <v>0</v>
      </c>
      <c r="CM31" s="60">
        <v>0</v>
      </c>
      <c r="CN31" s="61">
        <v>2</v>
      </c>
      <c r="CO31" s="62">
        <v>2</v>
      </c>
      <c r="CP31" s="231"/>
      <c r="CQ31" s="61">
        <v>6</v>
      </c>
      <c r="CR31" s="61">
        <v>3</v>
      </c>
      <c r="CS31" s="61">
        <v>4</v>
      </c>
      <c r="CT31" s="61">
        <v>2</v>
      </c>
      <c r="CU31" s="61">
        <v>1</v>
      </c>
      <c r="CV31" s="62">
        <v>16</v>
      </c>
      <c r="CW31" s="63">
        <v>18</v>
      </c>
      <c r="CX31" s="113">
        <v>0</v>
      </c>
      <c r="CY31" s="72">
        <v>1</v>
      </c>
      <c r="CZ31" s="73">
        <v>1</v>
      </c>
      <c r="DA31" s="228"/>
      <c r="DB31" s="72">
        <v>0</v>
      </c>
      <c r="DC31" s="72">
        <v>2</v>
      </c>
      <c r="DD31" s="72">
        <v>1</v>
      </c>
      <c r="DE31" s="72">
        <v>2</v>
      </c>
      <c r="DF31" s="72">
        <v>0</v>
      </c>
      <c r="DG31" s="74">
        <v>5</v>
      </c>
      <c r="DH31" s="75">
        <v>6</v>
      </c>
      <c r="DI31" s="60">
        <v>0</v>
      </c>
      <c r="DJ31" s="61">
        <v>0</v>
      </c>
      <c r="DK31" s="62">
        <v>0</v>
      </c>
      <c r="DL31" s="231"/>
      <c r="DM31" s="61">
        <v>0</v>
      </c>
      <c r="DN31" s="61">
        <v>0</v>
      </c>
      <c r="DO31" s="61">
        <v>0</v>
      </c>
      <c r="DP31" s="61">
        <v>0</v>
      </c>
      <c r="DQ31" s="61">
        <v>0</v>
      </c>
      <c r="DR31" s="62">
        <v>0</v>
      </c>
      <c r="DS31" s="63">
        <v>0</v>
      </c>
      <c r="DT31" s="60">
        <v>0</v>
      </c>
      <c r="DU31" s="61">
        <v>1</v>
      </c>
      <c r="DV31" s="62">
        <v>1</v>
      </c>
      <c r="DW31" s="231"/>
      <c r="DX31" s="61">
        <v>0</v>
      </c>
      <c r="DY31" s="61">
        <v>0</v>
      </c>
      <c r="DZ31" s="61">
        <v>1</v>
      </c>
      <c r="EA31" s="61">
        <v>0</v>
      </c>
      <c r="EB31" s="61">
        <v>0</v>
      </c>
      <c r="EC31" s="62">
        <v>1</v>
      </c>
      <c r="ED31" s="63">
        <v>2</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1</v>
      </c>
      <c r="EV31" s="61">
        <v>0</v>
      </c>
      <c r="EW31" s="61">
        <v>0</v>
      </c>
      <c r="EX31" s="61">
        <v>0</v>
      </c>
      <c r="EY31" s="62">
        <v>1</v>
      </c>
      <c r="EZ31" s="63">
        <v>1</v>
      </c>
      <c r="FA31" s="60">
        <v>0</v>
      </c>
      <c r="FB31" s="61">
        <v>0</v>
      </c>
      <c r="FC31" s="62">
        <v>0</v>
      </c>
      <c r="FD31" s="231"/>
      <c r="FE31" s="61">
        <v>0</v>
      </c>
      <c r="FF31" s="61">
        <v>0</v>
      </c>
      <c r="FG31" s="61">
        <v>0</v>
      </c>
      <c r="FH31" s="61">
        <v>2</v>
      </c>
      <c r="FI31" s="61">
        <v>0</v>
      </c>
      <c r="FJ31" s="62">
        <v>2</v>
      </c>
      <c r="FK31" s="63">
        <v>2</v>
      </c>
      <c r="FL31" s="60">
        <v>0</v>
      </c>
      <c r="FM31" s="61">
        <v>0</v>
      </c>
      <c r="FN31" s="62">
        <v>0</v>
      </c>
      <c r="FO31" s="231"/>
      <c r="FP31" s="61">
        <v>0</v>
      </c>
      <c r="FQ31" s="61">
        <v>1</v>
      </c>
      <c r="FR31" s="61">
        <v>0</v>
      </c>
      <c r="FS31" s="61">
        <v>0</v>
      </c>
      <c r="FT31" s="61">
        <v>0</v>
      </c>
      <c r="FU31" s="62">
        <v>1</v>
      </c>
      <c r="FV31" s="63">
        <v>1</v>
      </c>
      <c r="FW31" s="60">
        <v>0</v>
      </c>
      <c r="FX31" s="61">
        <v>0</v>
      </c>
      <c r="FY31" s="62">
        <v>0</v>
      </c>
      <c r="FZ31" s="231">
        <v>0</v>
      </c>
      <c r="GA31" s="61">
        <v>0</v>
      </c>
      <c r="GB31" s="61">
        <v>0</v>
      </c>
      <c r="GC31" s="61">
        <v>0</v>
      </c>
      <c r="GD31" s="61">
        <v>0</v>
      </c>
      <c r="GE31" s="61">
        <v>0</v>
      </c>
      <c r="GF31" s="62">
        <v>0</v>
      </c>
      <c r="GG31" s="63">
        <v>0</v>
      </c>
      <c r="GH31" s="60">
        <v>0</v>
      </c>
      <c r="GI31" s="61">
        <v>1</v>
      </c>
      <c r="GJ31" s="62">
        <v>1</v>
      </c>
      <c r="GK31" s="231"/>
      <c r="GL31" s="61">
        <v>0</v>
      </c>
      <c r="GM31" s="61">
        <v>2</v>
      </c>
      <c r="GN31" s="61">
        <v>1</v>
      </c>
      <c r="GO31" s="61">
        <v>2</v>
      </c>
      <c r="GP31" s="61">
        <v>0</v>
      </c>
      <c r="GQ31" s="62">
        <v>5</v>
      </c>
      <c r="GR31" s="63">
        <v>6</v>
      </c>
      <c r="GS31" s="113">
        <v>0</v>
      </c>
      <c r="GT31" s="72">
        <v>3</v>
      </c>
      <c r="GU31" s="73">
        <v>3</v>
      </c>
      <c r="GV31" s="228"/>
      <c r="GW31" s="72">
        <v>6</v>
      </c>
      <c r="GX31" s="72">
        <v>5</v>
      </c>
      <c r="GY31" s="72">
        <v>5</v>
      </c>
      <c r="GZ31" s="72">
        <v>4</v>
      </c>
      <c r="HA31" s="72">
        <v>1</v>
      </c>
      <c r="HB31" s="74">
        <v>21</v>
      </c>
      <c r="HC31" s="75">
        <v>24</v>
      </c>
      <c r="HD31" s="60">
        <v>0</v>
      </c>
      <c r="HE31" s="61">
        <v>1</v>
      </c>
      <c r="HF31" s="62">
        <v>1</v>
      </c>
      <c r="HG31" s="231"/>
      <c r="HH31" s="61">
        <v>0</v>
      </c>
      <c r="HI31" s="61">
        <v>0</v>
      </c>
      <c r="HJ31" s="61">
        <v>1</v>
      </c>
      <c r="HK31" s="61">
        <v>0</v>
      </c>
      <c r="HL31" s="61">
        <v>0</v>
      </c>
      <c r="HM31" s="62">
        <v>1</v>
      </c>
      <c r="HN31" s="63">
        <v>2</v>
      </c>
      <c r="HO31" s="60">
        <v>0</v>
      </c>
      <c r="HP31" s="61">
        <v>2</v>
      </c>
      <c r="HQ31" s="62">
        <v>2</v>
      </c>
      <c r="HR31" s="231"/>
      <c r="HS31" s="61">
        <v>2</v>
      </c>
      <c r="HT31" s="61">
        <v>0</v>
      </c>
      <c r="HU31" s="61">
        <v>1</v>
      </c>
      <c r="HV31" s="61">
        <v>0</v>
      </c>
      <c r="HW31" s="61">
        <v>0</v>
      </c>
      <c r="HX31" s="62">
        <v>3</v>
      </c>
      <c r="HY31" s="63">
        <v>5</v>
      </c>
      <c r="HZ31" s="60">
        <v>0</v>
      </c>
      <c r="IA31" s="61">
        <v>0</v>
      </c>
      <c r="IB31" s="62">
        <v>0</v>
      </c>
      <c r="IC31" s="231"/>
      <c r="ID31" s="61">
        <v>1</v>
      </c>
      <c r="IE31" s="61">
        <v>1</v>
      </c>
      <c r="IF31" s="61">
        <v>0</v>
      </c>
      <c r="IG31" s="61">
        <v>0</v>
      </c>
      <c r="IH31" s="61">
        <v>1</v>
      </c>
      <c r="II31" s="62">
        <v>3</v>
      </c>
      <c r="IJ31" s="63">
        <v>3</v>
      </c>
      <c r="IK31" s="60">
        <v>0</v>
      </c>
      <c r="IL31" s="61">
        <v>0</v>
      </c>
      <c r="IM31" s="62">
        <v>0</v>
      </c>
      <c r="IN31" s="231"/>
      <c r="IO31" s="61">
        <v>3</v>
      </c>
      <c r="IP31" s="61">
        <v>2</v>
      </c>
      <c r="IQ31" s="61">
        <v>0</v>
      </c>
      <c r="IR31" s="61">
        <v>1</v>
      </c>
      <c r="IS31" s="61">
        <v>0</v>
      </c>
      <c r="IT31" s="62">
        <v>6</v>
      </c>
      <c r="IU31" s="63">
        <v>6</v>
      </c>
      <c r="IV31" s="60">
        <v>0</v>
      </c>
      <c r="IW31" s="61">
        <v>0</v>
      </c>
      <c r="IX31" s="62">
        <v>0</v>
      </c>
      <c r="IY31" s="231"/>
      <c r="IZ31" s="61">
        <v>0</v>
      </c>
      <c r="JA31" s="61">
        <v>1</v>
      </c>
      <c r="JB31" s="61">
        <v>1</v>
      </c>
      <c r="JC31" s="61">
        <v>2</v>
      </c>
      <c r="JD31" s="61">
        <v>0</v>
      </c>
      <c r="JE31" s="62">
        <v>4</v>
      </c>
      <c r="JF31" s="63">
        <v>4</v>
      </c>
      <c r="JG31" s="60">
        <v>0</v>
      </c>
      <c r="JH31" s="61">
        <v>0</v>
      </c>
      <c r="JI31" s="62">
        <v>0</v>
      </c>
      <c r="JJ31" s="231"/>
      <c r="JK31" s="61">
        <v>0</v>
      </c>
      <c r="JL31" s="61">
        <v>1</v>
      </c>
      <c r="JM31" s="61">
        <v>2</v>
      </c>
      <c r="JN31" s="61">
        <v>1</v>
      </c>
      <c r="JO31" s="61">
        <v>0</v>
      </c>
      <c r="JP31" s="62">
        <v>4</v>
      </c>
      <c r="JQ31" s="63">
        <v>4</v>
      </c>
      <c r="JR31" s="60">
        <v>0</v>
      </c>
      <c r="JS31" s="61">
        <v>0</v>
      </c>
      <c r="JT31" s="62">
        <v>0</v>
      </c>
      <c r="JU31" s="231"/>
      <c r="JV31" s="61">
        <v>0</v>
      </c>
      <c r="JW31" s="61">
        <v>0</v>
      </c>
      <c r="JX31" s="61">
        <v>0</v>
      </c>
      <c r="JY31" s="61">
        <v>0</v>
      </c>
      <c r="JZ31" s="61">
        <v>0</v>
      </c>
      <c r="KA31" s="62">
        <v>0</v>
      </c>
      <c r="KB31" s="63">
        <v>0</v>
      </c>
      <c r="KC31" s="60">
        <v>0</v>
      </c>
      <c r="KD31" s="61">
        <v>3</v>
      </c>
      <c r="KE31" s="62">
        <v>3</v>
      </c>
      <c r="KF31" s="231"/>
      <c r="KG31" s="61">
        <v>6</v>
      </c>
      <c r="KH31" s="61">
        <v>5</v>
      </c>
      <c r="KI31" s="61">
        <v>5</v>
      </c>
      <c r="KJ31" s="61">
        <v>4</v>
      </c>
      <c r="KK31" s="61">
        <v>1</v>
      </c>
      <c r="KL31" s="62">
        <v>21</v>
      </c>
      <c r="KM31" s="63">
        <v>24</v>
      </c>
    </row>
    <row r="32" spans="2:299" ht="21" customHeight="1" x14ac:dyDescent="0.2">
      <c r="B32" s="472" t="s">
        <v>29</v>
      </c>
      <c r="C32" s="293">
        <v>1</v>
      </c>
      <c r="D32" s="72">
        <v>4</v>
      </c>
      <c r="E32" s="73">
        <v>5</v>
      </c>
      <c r="F32" s="228"/>
      <c r="G32" s="72">
        <v>6</v>
      </c>
      <c r="H32" s="72">
        <v>4</v>
      </c>
      <c r="I32" s="72">
        <v>4</v>
      </c>
      <c r="J32" s="72">
        <v>5</v>
      </c>
      <c r="K32" s="72">
        <v>0</v>
      </c>
      <c r="L32" s="74">
        <v>19</v>
      </c>
      <c r="M32" s="75">
        <v>24</v>
      </c>
      <c r="N32" s="60">
        <v>0</v>
      </c>
      <c r="O32" s="61">
        <v>0</v>
      </c>
      <c r="P32" s="62">
        <v>0</v>
      </c>
      <c r="Q32" s="231"/>
      <c r="R32" s="61">
        <v>0</v>
      </c>
      <c r="S32" s="61">
        <v>0</v>
      </c>
      <c r="T32" s="61">
        <v>1</v>
      </c>
      <c r="U32" s="61">
        <v>0</v>
      </c>
      <c r="V32" s="61">
        <v>0</v>
      </c>
      <c r="W32" s="62">
        <v>1</v>
      </c>
      <c r="X32" s="63">
        <v>1</v>
      </c>
      <c r="Y32" s="60">
        <v>0</v>
      </c>
      <c r="Z32" s="61">
        <v>0</v>
      </c>
      <c r="AA32" s="62">
        <v>0</v>
      </c>
      <c r="AB32" s="231"/>
      <c r="AC32" s="61">
        <v>0</v>
      </c>
      <c r="AD32" s="61">
        <v>1</v>
      </c>
      <c r="AE32" s="61">
        <v>0</v>
      </c>
      <c r="AF32" s="61">
        <v>0</v>
      </c>
      <c r="AG32" s="61">
        <v>0</v>
      </c>
      <c r="AH32" s="62">
        <v>1</v>
      </c>
      <c r="AI32" s="63">
        <v>1</v>
      </c>
      <c r="AJ32" s="60">
        <v>0</v>
      </c>
      <c r="AK32" s="61">
        <v>1</v>
      </c>
      <c r="AL32" s="62">
        <v>1</v>
      </c>
      <c r="AM32" s="231"/>
      <c r="AN32" s="61">
        <v>1</v>
      </c>
      <c r="AO32" s="61">
        <v>0</v>
      </c>
      <c r="AP32" s="61">
        <v>0</v>
      </c>
      <c r="AQ32" s="61">
        <v>1</v>
      </c>
      <c r="AR32" s="61">
        <v>0</v>
      </c>
      <c r="AS32" s="62">
        <v>2</v>
      </c>
      <c r="AT32" s="63">
        <v>3</v>
      </c>
      <c r="AU32" s="60">
        <v>0</v>
      </c>
      <c r="AV32" s="61">
        <v>1</v>
      </c>
      <c r="AW32" s="62">
        <v>1</v>
      </c>
      <c r="AX32" s="231"/>
      <c r="AY32" s="61">
        <v>3</v>
      </c>
      <c r="AZ32" s="61">
        <v>0</v>
      </c>
      <c r="BA32" s="61">
        <v>1</v>
      </c>
      <c r="BB32" s="61">
        <v>1</v>
      </c>
      <c r="BC32" s="61">
        <v>0</v>
      </c>
      <c r="BD32" s="62">
        <v>5</v>
      </c>
      <c r="BE32" s="63">
        <v>6</v>
      </c>
      <c r="BF32" s="60">
        <v>0</v>
      </c>
      <c r="BG32" s="61">
        <v>2</v>
      </c>
      <c r="BH32" s="62">
        <v>2</v>
      </c>
      <c r="BI32" s="231"/>
      <c r="BJ32" s="61">
        <v>0</v>
      </c>
      <c r="BK32" s="61">
        <v>1</v>
      </c>
      <c r="BL32" s="61">
        <v>1</v>
      </c>
      <c r="BM32" s="61">
        <v>1</v>
      </c>
      <c r="BN32" s="61">
        <v>0</v>
      </c>
      <c r="BO32" s="62">
        <v>3</v>
      </c>
      <c r="BP32" s="63">
        <v>5</v>
      </c>
      <c r="BQ32" s="60">
        <v>1</v>
      </c>
      <c r="BR32" s="61">
        <v>0</v>
      </c>
      <c r="BS32" s="62">
        <v>1</v>
      </c>
      <c r="BT32" s="231"/>
      <c r="BU32" s="61">
        <v>2</v>
      </c>
      <c r="BV32" s="61">
        <v>2</v>
      </c>
      <c r="BW32" s="61">
        <v>1</v>
      </c>
      <c r="BX32" s="61">
        <v>2</v>
      </c>
      <c r="BY32" s="61">
        <v>0</v>
      </c>
      <c r="BZ32" s="62">
        <v>7</v>
      </c>
      <c r="CA32" s="63">
        <v>8</v>
      </c>
      <c r="CB32" s="60">
        <v>0</v>
      </c>
      <c r="CC32" s="61">
        <v>0</v>
      </c>
      <c r="CD32" s="62">
        <v>0</v>
      </c>
      <c r="CE32" s="231"/>
      <c r="CF32" s="61">
        <v>0</v>
      </c>
      <c r="CG32" s="61">
        <v>0</v>
      </c>
      <c r="CH32" s="61">
        <v>0</v>
      </c>
      <c r="CI32" s="61">
        <v>0</v>
      </c>
      <c r="CJ32" s="61">
        <v>0</v>
      </c>
      <c r="CK32" s="62">
        <v>0</v>
      </c>
      <c r="CL32" s="63">
        <v>0</v>
      </c>
      <c r="CM32" s="60">
        <v>1</v>
      </c>
      <c r="CN32" s="61">
        <v>4</v>
      </c>
      <c r="CO32" s="62">
        <v>5</v>
      </c>
      <c r="CP32" s="231"/>
      <c r="CQ32" s="61">
        <v>6</v>
      </c>
      <c r="CR32" s="61">
        <v>4</v>
      </c>
      <c r="CS32" s="61">
        <v>4</v>
      </c>
      <c r="CT32" s="61">
        <v>5</v>
      </c>
      <c r="CU32" s="61">
        <v>0</v>
      </c>
      <c r="CV32" s="62">
        <v>19</v>
      </c>
      <c r="CW32" s="63">
        <v>24</v>
      </c>
      <c r="CX32" s="113">
        <v>1</v>
      </c>
      <c r="CY32" s="72">
        <v>2</v>
      </c>
      <c r="CZ32" s="73">
        <v>3</v>
      </c>
      <c r="DA32" s="228"/>
      <c r="DB32" s="72">
        <v>6</v>
      </c>
      <c r="DC32" s="72">
        <v>2</v>
      </c>
      <c r="DD32" s="72">
        <v>0</v>
      </c>
      <c r="DE32" s="72">
        <v>2</v>
      </c>
      <c r="DF32" s="72">
        <v>0</v>
      </c>
      <c r="DG32" s="74">
        <v>10</v>
      </c>
      <c r="DH32" s="75">
        <v>13</v>
      </c>
      <c r="DI32" s="60">
        <v>0</v>
      </c>
      <c r="DJ32" s="61">
        <v>0</v>
      </c>
      <c r="DK32" s="62">
        <v>0</v>
      </c>
      <c r="DL32" s="231"/>
      <c r="DM32" s="61">
        <v>0</v>
      </c>
      <c r="DN32" s="61">
        <v>0</v>
      </c>
      <c r="DO32" s="61">
        <v>0</v>
      </c>
      <c r="DP32" s="61">
        <v>0</v>
      </c>
      <c r="DQ32" s="61">
        <v>0</v>
      </c>
      <c r="DR32" s="62">
        <v>0</v>
      </c>
      <c r="DS32" s="63">
        <v>0</v>
      </c>
      <c r="DT32" s="60">
        <v>0</v>
      </c>
      <c r="DU32" s="61">
        <v>1</v>
      </c>
      <c r="DV32" s="62">
        <v>1</v>
      </c>
      <c r="DW32" s="231"/>
      <c r="DX32" s="61">
        <v>0</v>
      </c>
      <c r="DY32" s="61">
        <v>1</v>
      </c>
      <c r="DZ32" s="61">
        <v>0</v>
      </c>
      <c r="EA32" s="61">
        <v>0</v>
      </c>
      <c r="EB32" s="61">
        <v>0</v>
      </c>
      <c r="EC32" s="62">
        <v>1</v>
      </c>
      <c r="ED32" s="63">
        <v>2</v>
      </c>
      <c r="EE32" s="60">
        <v>1</v>
      </c>
      <c r="EF32" s="61">
        <v>0</v>
      </c>
      <c r="EG32" s="62">
        <v>1</v>
      </c>
      <c r="EH32" s="231"/>
      <c r="EI32" s="61">
        <v>0</v>
      </c>
      <c r="EJ32" s="61">
        <v>0</v>
      </c>
      <c r="EK32" s="61">
        <v>0</v>
      </c>
      <c r="EL32" s="61">
        <v>0</v>
      </c>
      <c r="EM32" s="61">
        <v>0</v>
      </c>
      <c r="EN32" s="62">
        <v>0</v>
      </c>
      <c r="EO32" s="63">
        <v>1</v>
      </c>
      <c r="EP32" s="60">
        <v>0</v>
      </c>
      <c r="EQ32" s="61">
        <v>1</v>
      </c>
      <c r="ER32" s="62">
        <v>1</v>
      </c>
      <c r="ES32" s="231"/>
      <c r="ET32" s="61">
        <v>3</v>
      </c>
      <c r="EU32" s="61">
        <v>0</v>
      </c>
      <c r="EV32" s="61">
        <v>0</v>
      </c>
      <c r="EW32" s="61">
        <v>1</v>
      </c>
      <c r="EX32" s="61">
        <v>0</v>
      </c>
      <c r="EY32" s="62">
        <v>4</v>
      </c>
      <c r="EZ32" s="63">
        <v>5</v>
      </c>
      <c r="FA32" s="60">
        <v>0</v>
      </c>
      <c r="FB32" s="61">
        <v>0</v>
      </c>
      <c r="FC32" s="62">
        <v>0</v>
      </c>
      <c r="FD32" s="231"/>
      <c r="FE32" s="61">
        <v>1</v>
      </c>
      <c r="FF32" s="61">
        <v>0</v>
      </c>
      <c r="FG32" s="61">
        <v>0</v>
      </c>
      <c r="FH32" s="61">
        <v>0</v>
      </c>
      <c r="FI32" s="61">
        <v>0</v>
      </c>
      <c r="FJ32" s="62">
        <v>1</v>
      </c>
      <c r="FK32" s="63">
        <v>1</v>
      </c>
      <c r="FL32" s="60">
        <v>0</v>
      </c>
      <c r="FM32" s="61">
        <v>0</v>
      </c>
      <c r="FN32" s="62">
        <v>0</v>
      </c>
      <c r="FO32" s="231"/>
      <c r="FP32" s="61">
        <v>2</v>
      </c>
      <c r="FQ32" s="61">
        <v>1</v>
      </c>
      <c r="FR32" s="61">
        <v>0</v>
      </c>
      <c r="FS32" s="61">
        <v>1</v>
      </c>
      <c r="FT32" s="61">
        <v>0</v>
      </c>
      <c r="FU32" s="62">
        <v>4</v>
      </c>
      <c r="FV32" s="63">
        <v>4</v>
      </c>
      <c r="FW32" s="60">
        <v>0</v>
      </c>
      <c r="FX32" s="61">
        <v>0</v>
      </c>
      <c r="FY32" s="62">
        <v>0</v>
      </c>
      <c r="FZ32" s="231">
        <v>0</v>
      </c>
      <c r="GA32" s="61">
        <v>0</v>
      </c>
      <c r="GB32" s="61">
        <v>0</v>
      </c>
      <c r="GC32" s="61">
        <v>0</v>
      </c>
      <c r="GD32" s="61">
        <v>0</v>
      </c>
      <c r="GE32" s="61">
        <v>0</v>
      </c>
      <c r="GF32" s="62">
        <v>0</v>
      </c>
      <c r="GG32" s="63">
        <v>0</v>
      </c>
      <c r="GH32" s="60">
        <v>1</v>
      </c>
      <c r="GI32" s="61">
        <v>2</v>
      </c>
      <c r="GJ32" s="62">
        <v>3</v>
      </c>
      <c r="GK32" s="231"/>
      <c r="GL32" s="61">
        <v>6</v>
      </c>
      <c r="GM32" s="61">
        <v>2</v>
      </c>
      <c r="GN32" s="61">
        <v>0</v>
      </c>
      <c r="GO32" s="61">
        <v>2</v>
      </c>
      <c r="GP32" s="61">
        <v>0</v>
      </c>
      <c r="GQ32" s="62">
        <v>10</v>
      </c>
      <c r="GR32" s="63">
        <v>13</v>
      </c>
      <c r="GS32" s="113">
        <v>2</v>
      </c>
      <c r="GT32" s="72">
        <v>6</v>
      </c>
      <c r="GU32" s="73">
        <v>8</v>
      </c>
      <c r="GV32" s="228"/>
      <c r="GW32" s="72">
        <v>12</v>
      </c>
      <c r="GX32" s="72">
        <v>6</v>
      </c>
      <c r="GY32" s="72">
        <v>4</v>
      </c>
      <c r="GZ32" s="72">
        <v>7</v>
      </c>
      <c r="HA32" s="72">
        <v>0</v>
      </c>
      <c r="HB32" s="74">
        <v>29</v>
      </c>
      <c r="HC32" s="75">
        <v>37</v>
      </c>
      <c r="HD32" s="60">
        <v>0</v>
      </c>
      <c r="HE32" s="61">
        <v>0</v>
      </c>
      <c r="HF32" s="62">
        <v>0</v>
      </c>
      <c r="HG32" s="231"/>
      <c r="HH32" s="61">
        <v>0</v>
      </c>
      <c r="HI32" s="61">
        <v>0</v>
      </c>
      <c r="HJ32" s="61">
        <v>1</v>
      </c>
      <c r="HK32" s="61">
        <v>0</v>
      </c>
      <c r="HL32" s="61">
        <v>0</v>
      </c>
      <c r="HM32" s="62">
        <v>1</v>
      </c>
      <c r="HN32" s="63">
        <v>1</v>
      </c>
      <c r="HO32" s="60">
        <v>0</v>
      </c>
      <c r="HP32" s="61">
        <v>1</v>
      </c>
      <c r="HQ32" s="62">
        <v>1</v>
      </c>
      <c r="HR32" s="231"/>
      <c r="HS32" s="61">
        <v>0</v>
      </c>
      <c r="HT32" s="61">
        <v>2</v>
      </c>
      <c r="HU32" s="61">
        <v>0</v>
      </c>
      <c r="HV32" s="61">
        <v>0</v>
      </c>
      <c r="HW32" s="61">
        <v>0</v>
      </c>
      <c r="HX32" s="62">
        <v>2</v>
      </c>
      <c r="HY32" s="63">
        <v>3</v>
      </c>
      <c r="HZ32" s="60">
        <v>1</v>
      </c>
      <c r="IA32" s="61">
        <v>1</v>
      </c>
      <c r="IB32" s="62">
        <v>2</v>
      </c>
      <c r="IC32" s="231"/>
      <c r="ID32" s="61">
        <v>1</v>
      </c>
      <c r="IE32" s="61">
        <v>0</v>
      </c>
      <c r="IF32" s="61">
        <v>0</v>
      </c>
      <c r="IG32" s="61">
        <v>1</v>
      </c>
      <c r="IH32" s="61">
        <v>0</v>
      </c>
      <c r="II32" s="62">
        <v>2</v>
      </c>
      <c r="IJ32" s="63">
        <v>4</v>
      </c>
      <c r="IK32" s="60">
        <v>0</v>
      </c>
      <c r="IL32" s="61">
        <v>2</v>
      </c>
      <c r="IM32" s="62">
        <v>2</v>
      </c>
      <c r="IN32" s="231"/>
      <c r="IO32" s="61">
        <v>6</v>
      </c>
      <c r="IP32" s="61">
        <v>0</v>
      </c>
      <c r="IQ32" s="61">
        <v>1</v>
      </c>
      <c r="IR32" s="61">
        <v>2</v>
      </c>
      <c r="IS32" s="61">
        <v>0</v>
      </c>
      <c r="IT32" s="62">
        <v>9</v>
      </c>
      <c r="IU32" s="63">
        <v>11</v>
      </c>
      <c r="IV32" s="60">
        <v>0</v>
      </c>
      <c r="IW32" s="61">
        <v>2</v>
      </c>
      <c r="IX32" s="62">
        <v>2</v>
      </c>
      <c r="IY32" s="231"/>
      <c r="IZ32" s="61">
        <v>1</v>
      </c>
      <c r="JA32" s="61">
        <v>1</v>
      </c>
      <c r="JB32" s="61">
        <v>1</v>
      </c>
      <c r="JC32" s="61">
        <v>1</v>
      </c>
      <c r="JD32" s="61">
        <v>0</v>
      </c>
      <c r="JE32" s="62">
        <v>4</v>
      </c>
      <c r="JF32" s="63">
        <v>6</v>
      </c>
      <c r="JG32" s="60">
        <v>1</v>
      </c>
      <c r="JH32" s="61">
        <v>0</v>
      </c>
      <c r="JI32" s="62">
        <v>1</v>
      </c>
      <c r="JJ32" s="231"/>
      <c r="JK32" s="61">
        <v>4</v>
      </c>
      <c r="JL32" s="61">
        <v>3</v>
      </c>
      <c r="JM32" s="61">
        <v>1</v>
      </c>
      <c r="JN32" s="61">
        <v>3</v>
      </c>
      <c r="JO32" s="61">
        <v>0</v>
      </c>
      <c r="JP32" s="62">
        <v>11</v>
      </c>
      <c r="JQ32" s="63">
        <v>12</v>
      </c>
      <c r="JR32" s="60">
        <v>0</v>
      </c>
      <c r="JS32" s="61">
        <v>0</v>
      </c>
      <c r="JT32" s="62">
        <v>0</v>
      </c>
      <c r="JU32" s="231"/>
      <c r="JV32" s="61">
        <v>0</v>
      </c>
      <c r="JW32" s="61">
        <v>0</v>
      </c>
      <c r="JX32" s="61">
        <v>0</v>
      </c>
      <c r="JY32" s="61">
        <v>0</v>
      </c>
      <c r="JZ32" s="61">
        <v>0</v>
      </c>
      <c r="KA32" s="62">
        <v>0</v>
      </c>
      <c r="KB32" s="63">
        <v>0</v>
      </c>
      <c r="KC32" s="60">
        <v>2</v>
      </c>
      <c r="KD32" s="61">
        <v>6</v>
      </c>
      <c r="KE32" s="62">
        <v>8</v>
      </c>
      <c r="KF32" s="231"/>
      <c r="KG32" s="61">
        <v>12</v>
      </c>
      <c r="KH32" s="61">
        <v>6</v>
      </c>
      <c r="KI32" s="61">
        <v>4</v>
      </c>
      <c r="KJ32" s="61">
        <v>7</v>
      </c>
      <c r="KK32" s="61">
        <v>0</v>
      </c>
      <c r="KL32" s="62">
        <v>29</v>
      </c>
      <c r="KM32" s="63">
        <v>37</v>
      </c>
    </row>
    <row r="33" spans="2:299" ht="21" customHeight="1" x14ac:dyDescent="0.2">
      <c r="B33" s="472" t="s">
        <v>30</v>
      </c>
      <c r="C33" s="293">
        <v>1</v>
      </c>
      <c r="D33" s="72">
        <v>2</v>
      </c>
      <c r="E33" s="73">
        <v>3</v>
      </c>
      <c r="F33" s="228"/>
      <c r="G33" s="72">
        <v>5</v>
      </c>
      <c r="H33" s="72">
        <v>3</v>
      </c>
      <c r="I33" s="72">
        <v>4</v>
      </c>
      <c r="J33" s="72">
        <v>4</v>
      </c>
      <c r="K33" s="72">
        <v>1</v>
      </c>
      <c r="L33" s="74">
        <v>17</v>
      </c>
      <c r="M33" s="75">
        <v>20</v>
      </c>
      <c r="N33" s="60">
        <v>0</v>
      </c>
      <c r="O33" s="61">
        <v>0</v>
      </c>
      <c r="P33" s="62">
        <v>0</v>
      </c>
      <c r="Q33" s="231"/>
      <c r="R33" s="61">
        <v>0</v>
      </c>
      <c r="S33" s="61">
        <v>0</v>
      </c>
      <c r="T33" s="61">
        <v>0</v>
      </c>
      <c r="U33" s="61">
        <v>0</v>
      </c>
      <c r="V33" s="61">
        <v>0</v>
      </c>
      <c r="W33" s="62">
        <v>0</v>
      </c>
      <c r="X33" s="63">
        <v>0</v>
      </c>
      <c r="Y33" s="60">
        <v>0</v>
      </c>
      <c r="Z33" s="61">
        <v>0</v>
      </c>
      <c r="AA33" s="62">
        <v>0</v>
      </c>
      <c r="AB33" s="231"/>
      <c r="AC33" s="61">
        <v>0</v>
      </c>
      <c r="AD33" s="61">
        <v>0</v>
      </c>
      <c r="AE33" s="61">
        <v>1</v>
      </c>
      <c r="AF33" s="61">
        <v>0</v>
      </c>
      <c r="AG33" s="61">
        <v>0</v>
      </c>
      <c r="AH33" s="62">
        <v>1</v>
      </c>
      <c r="AI33" s="63">
        <v>1</v>
      </c>
      <c r="AJ33" s="60">
        <v>0</v>
      </c>
      <c r="AK33" s="61">
        <v>0</v>
      </c>
      <c r="AL33" s="62">
        <v>0</v>
      </c>
      <c r="AM33" s="231"/>
      <c r="AN33" s="61">
        <v>1</v>
      </c>
      <c r="AO33" s="61">
        <v>0</v>
      </c>
      <c r="AP33" s="61">
        <v>0</v>
      </c>
      <c r="AQ33" s="61">
        <v>0</v>
      </c>
      <c r="AR33" s="61">
        <v>0</v>
      </c>
      <c r="AS33" s="62">
        <v>1</v>
      </c>
      <c r="AT33" s="63">
        <v>1</v>
      </c>
      <c r="AU33" s="60">
        <v>0</v>
      </c>
      <c r="AV33" s="61">
        <v>1</v>
      </c>
      <c r="AW33" s="62">
        <v>1</v>
      </c>
      <c r="AX33" s="231"/>
      <c r="AY33" s="61">
        <v>0</v>
      </c>
      <c r="AZ33" s="61">
        <v>1</v>
      </c>
      <c r="BA33" s="61">
        <v>0</v>
      </c>
      <c r="BB33" s="61">
        <v>1</v>
      </c>
      <c r="BC33" s="61">
        <v>0</v>
      </c>
      <c r="BD33" s="62">
        <v>2</v>
      </c>
      <c r="BE33" s="63">
        <v>3</v>
      </c>
      <c r="BF33" s="60">
        <v>0</v>
      </c>
      <c r="BG33" s="61">
        <v>0</v>
      </c>
      <c r="BH33" s="62">
        <v>0</v>
      </c>
      <c r="BI33" s="231"/>
      <c r="BJ33" s="61">
        <v>2</v>
      </c>
      <c r="BK33" s="61">
        <v>0</v>
      </c>
      <c r="BL33" s="61">
        <v>2</v>
      </c>
      <c r="BM33" s="61">
        <v>2</v>
      </c>
      <c r="BN33" s="61">
        <v>1</v>
      </c>
      <c r="BO33" s="62">
        <v>7</v>
      </c>
      <c r="BP33" s="63">
        <v>7</v>
      </c>
      <c r="BQ33" s="60">
        <v>1</v>
      </c>
      <c r="BR33" s="61">
        <v>1</v>
      </c>
      <c r="BS33" s="62">
        <v>2</v>
      </c>
      <c r="BT33" s="231"/>
      <c r="BU33" s="61">
        <v>2</v>
      </c>
      <c r="BV33" s="61">
        <v>2</v>
      </c>
      <c r="BW33" s="61">
        <v>1</v>
      </c>
      <c r="BX33" s="61">
        <v>1</v>
      </c>
      <c r="BY33" s="61">
        <v>0</v>
      </c>
      <c r="BZ33" s="62">
        <v>6</v>
      </c>
      <c r="CA33" s="63">
        <v>8</v>
      </c>
      <c r="CB33" s="60">
        <v>0</v>
      </c>
      <c r="CC33" s="61">
        <v>0</v>
      </c>
      <c r="CD33" s="62">
        <v>0</v>
      </c>
      <c r="CE33" s="231"/>
      <c r="CF33" s="61">
        <v>0</v>
      </c>
      <c r="CG33" s="61">
        <v>0</v>
      </c>
      <c r="CH33" s="61">
        <v>0</v>
      </c>
      <c r="CI33" s="61">
        <v>0</v>
      </c>
      <c r="CJ33" s="61">
        <v>0</v>
      </c>
      <c r="CK33" s="62">
        <v>0</v>
      </c>
      <c r="CL33" s="63">
        <v>0</v>
      </c>
      <c r="CM33" s="60">
        <v>1</v>
      </c>
      <c r="CN33" s="61">
        <v>2</v>
      </c>
      <c r="CO33" s="62">
        <v>3</v>
      </c>
      <c r="CP33" s="231"/>
      <c r="CQ33" s="61">
        <v>5</v>
      </c>
      <c r="CR33" s="61">
        <v>3</v>
      </c>
      <c r="CS33" s="61">
        <v>4</v>
      </c>
      <c r="CT33" s="61">
        <v>4</v>
      </c>
      <c r="CU33" s="61">
        <v>1</v>
      </c>
      <c r="CV33" s="62">
        <v>17</v>
      </c>
      <c r="CW33" s="63">
        <v>20</v>
      </c>
      <c r="CX33" s="113">
        <v>1</v>
      </c>
      <c r="CY33" s="72">
        <v>2</v>
      </c>
      <c r="CZ33" s="73">
        <v>3</v>
      </c>
      <c r="DA33" s="228"/>
      <c r="DB33" s="72">
        <v>4</v>
      </c>
      <c r="DC33" s="72">
        <v>2</v>
      </c>
      <c r="DD33" s="72">
        <v>1</v>
      </c>
      <c r="DE33" s="72">
        <v>0</v>
      </c>
      <c r="DF33" s="72">
        <v>0</v>
      </c>
      <c r="DG33" s="74">
        <v>7</v>
      </c>
      <c r="DH33" s="75">
        <v>10</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1</v>
      </c>
      <c r="EA33" s="61">
        <v>0</v>
      </c>
      <c r="EB33" s="61">
        <v>0</v>
      </c>
      <c r="EC33" s="62">
        <v>1</v>
      </c>
      <c r="ED33" s="63">
        <v>1</v>
      </c>
      <c r="EE33" s="60">
        <v>0</v>
      </c>
      <c r="EF33" s="61">
        <v>0</v>
      </c>
      <c r="EG33" s="62">
        <v>0</v>
      </c>
      <c r="EH33" s="231"/>
      <c r="EI33" s="61">
        <v>0</v>
      </c>
      <c r="EJ33" s="61">
        <v>0</v>
      </c>
      <c r="EK33" s="61">
        <v>0</v>
      </c>
      <c r="EL33" s="61">
        <v>0</v>
      </c>
      <c r="EM33" s="61">
        <v>0</v>
      </c>
      <c r="EN33" s="62">
        <v>0</v>
      </c>
      <c r="EO33" s="63">
        <v>0</v>
      </c>
      <c r="EP33" s="60">
        <v>1</v>
      </c>
      <c r="EQ33" s="61">
        <v>1</v>
      </c>
      <c r="ER33" s="62">
        <v>2</v>
      </c>
      <c r="ES33" s="231"/>
      <c r="ET33" s="61">
        <v>0</v>
      </c>
      <c r="EU33" s="61">
        <v>0</v>
      </c>
      <c r="EV33" s="61">
        <v>0</v>
      </c>
      <c r="EW33" s="61">
        <v>0</v>
      </c>
      <c r="EX33" s="61">
        <v>0</v>
      </c>
      <c r="EY33" s="62">
        <v>0</v>
      </c>
      <c r="EZ33" s="63">
        <v>2</v>
      </c>
      <c r="FA33" s="60">
        <v>0</v>
      </c>
      <c r="FB33" s="61">
        <v>0</v>
      </c>
      <c r="FC33" s="62">
        <v>0</v>
      </c>
      <c r="FD33" s="231"/>
      <c r="FE33" s="61">
        <v>3</v>
      </c>
      <c r="FF33" s="61">
        <v>0</v>
      </c>
      <c r="FG33" s="61">
        <v>0</v>
      </c>
      <c r="FH33" s="61">
        <v>0</v>
      </c>
      <c r="FI33" s="61">
        <v>0</v>
      </c>
      <c r="FJ33" s="62">
        <v>3</v>
      </c>
      <c r="FK33" s="63">
        <v>3</v>
      </c>
      <c r="FL33" s="60">
        <v>0</v>
      </c>
      <c r="FM33" s="61">
        <v>1</v>
      </c>
      <c r="FN33" s="62">
        <v>1</v>
      </c>
      <c r="FO33" s="231"/>
      <c r="FP33" s="61">
        <v>1</v>
      </c>
      <c r="FQ33" s="61">
        <v>2</v>
      </c>
      <c r="FR33" s="61">
        <v>0</v>
      </c>
      <c r="FS33" s="61">
        <v>0</v>
      </c>
      <c r="FT33" s="61">
        <v>0</v>
      </c>
      <c r="FU33" s="62">
        <v>3</v>
      </c>
      <c r="FV33" s="63">
        <v>4</v>
      </c>
      <c r="FW33" s="60">
        <v>0</v>
      </c>
      <c r="FX33" s="61">
        <v>0</v>
      </c>
      <c r="FY33" s="62">
        <v>0</v>
      </c>
      <c r="FZ33" s="231">
        <v>0</v>
      </c>
      <c r="GA33" s="61">
        <v>0</v>
      </c>
      <c r="GB33" s="61">
        <v>0</v>
      </c>
      <c r="GC33" s="61">
        <v>0</v>
      </c>
      <c r="GD33" s="61">
        <v>0</v>
      </c>
      <c r="GE33" s="61">
        <v>0</v>
      </c>
      <c r="GF33" s="62">
        <v>0</v>
      </c>
      <c r="GG33" s="63">
        <v>0</v>
      </c>
      <c r="GH33" s="60">
        <v>1</v>
      </c>
      <c r="GI33" s="61">
        <v>2</v>
      </c>
      <c r="GJ33" s="62">
        <v>3</v>
      </c>
      <c r="GK33" s="231"/>
      <c r="GL33" s="61">
        <v>4</v>
      </c>
      <c r="GM33" s="61">
        <v>2</v>
      </c>
      <c r="GN33" s="61">
        <v>1</v>
      </c>
      <c r="GO33" s="61">
        <v>0</v>
      </c>
      <c r="GP33" s="61">
        <v>0</v>
      </c>
      <c r="GQ33" s="62">
        <v>7</v>
      </c>
      <c r="GR33" s="63">
        <v>10</v>
      </c>
      <c r="GS33" s="113">
        <v>2</v>
      </c>
      <c r="GT33" s="72">
        <v>4</v>
      </c>
      <c r="GU33" s="73">
        <v>6</v>
      </c>
      <c r="GV33" s="228"/>
      <c r="GW33" s="72">
        <v>9</v>
      </c>
      <c r="GX33" s="72">
        <v>5</v>
      </c>
      <c r="GY33" s="72">
        <v>5</v>
      </c>
      <c r="GZ33" s="72">
        <v>4</v>
      </c>
      <c r="HA33" s="72">
        <v>1</v>
      </c>
      <c r="HB33" s="74">
        <v>24</v>
      </c>
      <c r="HC33" s="75">
        <v>30</v>
      </c>
      <c r="HD33" s="60">
        <v>0</v>
      </c>
      <c r="HE33" s="61">
        <v>0</v>
      </c>
      <c r="HF33" s="62">
        <v>0</v>
      </c>
      <c r="HG33" s="231"/>
      <c r="HH33" s="61">
        <v>0</v>
      </c>
      <c r="HI33" s="61">
        <v>0</v>
      </c>
      <c r="HJ33" s="61">
        <v>0</v>
      </c>
      <c r="HK33" s="61">
        <v>0</v>
      </c>
      <c r="HL33" s="61">
        <v>0</v>
      </c>
      <c r="HM33" s="62">
        <v>0</v>
      </c>
      <c r="HN33" s="63">
        <v>0</v>
      </c>
      <c r="HO33" s="60">
        <v>0</v>
      </c>
      <c r="HP33" s="61">
        <v>0</v>
      </c>
      <c r="HQ33" s="62">
        <v>0</v>
      </c>
      <c r="HR33" s="231"/>
      <c r="HS33" s="61">
        <v>0</v>
      </c>
      <c r="HT33" s="61">
        <v>0</v>
      </c>
      <c r="HU33" s="61">
        <v>2</v>
      </c>
      <c r="HV33" s="61">
        <v>0</v>
      </c>
      <c r="HW33" s="61">
        <v>0</v>
      </c>
      <c r="HX33" s="62">
        <v>2</v>
      </c>
      <c r="HY33" s="63">
        <v>2</v>
      </c>
      <c r="HZ33" s="60">
        <v>0</v>
      </c>
      <c r="IA33" s="61">
        <v>0</v>
      </c>
      <c r="IB33" s="62">
        <v>0</v>
      </c>
      <c r="IC33" s="231"/>
      <c r="ID33" s="61">
        <v>1</v>
      </c>
      <c r="IE33" s="61">
        <v>0</v>
      </c>
      <c r="IF33" s="61">
        <v>0</v>
      </c>
      <c r="IG33" s="61">
        <v>0</v>
      </c>
      <c r="IH33" s="61">
        <v>0</v>
      </c>
      <c r="II33" s="62">
        <v>1</v>
      </c>
      <c r="IJ33" s="63">
        <v>1</v>
      </c>
      <c r="IK33" s="60">
        <v>1</v>
      </c>
      <c r="IL33" s="61">
        <v>2</v>
      </c>
      <c r="IM33" s="62">
        <v>3</v>
      </c>
      <c r="IN33" s="231"/>
      <c r="IO33" s="61">
        <v>0</v>
      </c>
      <c r="IP33" s="61">
        <v>1</v>
      </c>
      <c r="IQ33" s="61">
        <v>0</v>
      </c>
      <c r="IR33" s="61">
        <v>1</v>
      </c>
      <c r="IS33" s="61">
        <v>0</v>
      </c>
      <c r="IT33" s="62">
        <v>2</v>
      </c>
      <c r="IU33" s="63">
        <v>5</v>
      </c>
      <c r="IV33" s="60">
        <v>0</v>
      </c>
      <c r="IW33" s="61">
        <v>0</v>
      </c>
      <c r="IX33" s="62">
        <v>0</v>
      </c>
      <c r="IY33" s="231"/>
      <c r="IZ33" s="61">
        <v>5</v>
      </c>
      <c r="JA33" s="61">
        <v>0</v>
      </c>
      <c r="JB33" s="61">
        <v>2</v>
      </c>
      <c r="JC33" s="61">
        <v>2</v>
      </c>
      <c r="JD33" s="61">
        <v>1</v>
      </c>
      <c r="JE33" s="62">
        <v>10</v>
      </c>
      <c r="JF33" s="63">
        <v>10</v>
      </c>
      <c r="JG33" s="60">
        <v>1</v>
      </c>
      <c r="JH33" s="61">
        <v>2</v>
      </c>
      <c r="JI33" s="62">
        <v>3</v>
      </c>
      <c r="JJ33" s="231"/>
      <c r="JK33" s="61">
        <v>3</v>
      </c>
      <c r="JL33" s="61">
        <v>4</v>
      </c>
      <c r="JM33" s="61">
        <v>1</v>
      </c>
      <c r="JN33" s="61">
        <v>1</v>
      </c>
      <c r="JO33" s="61">
        <v>0</v>
      </c>
      <c r="JP33" s="62">
        <v>9</v>
      </c>
      <c r="JQ33" s="63">
        <v>12</v>
      </c>
      <c r="JR33" s="60">
        <v>0</v>
      </c>
      <c r="JS33" s="61">
        <v>0</v>
      </c>
      <c r="JT33" s="62">
        <v>0</v>
      </c>
      <c r="JU33" s="231"/>
      <c r="JV33" s="61">
        <v>0</v>
      </c>
      <c r="JW33" s="61">
        <v>0</v>
      </c>
      <c r="JX33" s="61">
        <v>0</v>
      </c>
      <c r="JY33" s="61">
        <v>0</v>
      </c>
      <c r="JZ33" s="61">
        <v>0</v>
      </c>
      <c r="KA33" s="62">
        <v>0</v>
      </c>
      <c r="KB33" s="63">
        <v>0</v>
      </c>
      <c r="KC33" s="60">
        <v>2</v>
      </c>
      <c r="KD33" s="61">
        <v>4</v>
      </c>
      <c r="KE33" s="62">
        <v>6</v>
      </c>
      <c r="KF33" s="231"/>
      <c r="KG33" s="61">
        <v>9</v>
      </c>
      <c r="KH33" s="61">
        <v>5</v>
      </c>
      <c r="KI33" s="61">
        <v>5</v>
      </c>
      <c r="KJ33" s="61">
        <v>4</v>
      </c>
      <c r="KK33" s="61">
        <v>1</v>
      </c>
      <c r="KL33" s="62">
        <v>24</v>
      </c>
      <c r="KM33" s="63">
        <v>30</v>
      </c>
    </row>
    <row r="34" spans="2:299" ht="21" customHeight="1" x14ac:dyDescent="0.2">
      <c r="B34" s="472" t="s">
        <v>31</v>
      </c>
      <c r="C34" s="293">
        <v>4</v>
      </c>
      <c r="D34" s="72">
        <v>4</v>
      </c>
      <c r="E34" s="73">
        <v>8</v>
      </c>
      <c r="F34" s="228"/>
      <c r="G34" s="72">
        <v>6</v>
      </c>
      <c r="H34" s="72">
        <v>6</v>
      </c>
      <c r="I34" s="72">
        <v>4</v>
      </c>
      <c r="J34" s="72">
        <v>3</v>
      </c>
      <c r="K34" s="72">
        <v>4</v>
      </c>
      <c r="L34" s="74">
        <v>23</v>
      </c>
      <c r="M34" s="75">
        <v>31</v>
      </c>
      <c r="N34" s="60">
        <v>0</v>
      </c>
      <c r="O34" s="61">
        <v>0</v>
      </c>
      <c r="P34" s="62">
        <v>0</v>
      </c>
      <c r="Q34" s="231"/>
      <c r="R34" s="61">
        <v>0</v>
      </c>
      <c r="S34" s="61">
        <v>1</v>
      </c>
      <c r="T34" s="61">
        <v>0</v>
      </c>
      <c r="U34" s="61">
        <v>0</v>
      </c>
      <c r="V34" s="61">
        <v>0</v>
      </c>
      <c r="W34" s="62">
        <v>1</v>
      </c>
      <c r="X34" s="63">
        <v>1</v>
      </c>
      <c r="Y34" s="60">
        <v>1</v>
      </c>
      <c r="Z34" s="61">
        <v>1</v>
      </c>
      <c r="AA34" s="62">
        <v>2</v>
      </c>
      <c r="AB34" s="231"/>
      <c r="AC34" s="61">
        <v>0</v>
      </c>
      <c r="AD34" s="61">
        <v>0</v>
      </c>
      <c r="AE34" s="61">
        <v>2</v>
      </c>
      <c r="AF34" s="61">
        <v>1</v>
      </c>
      <c r="AG34" s="61">
        <v>2</v>
      </c>
      <c r="AH34" s="62">
        <v>5</v>
      </c>
      <c r="AI34" s="63">
        <v>7</v>
      </c>
      <c r="AJ34" s="60">
        <v>0</v>
      </c>
      <c r="AK34" s="61">
        <v>0</v>
      </c>
      <c r="AL34" s="62">
        <v>0</v>
      </c>
      <c r="AM34" s="231"/>
      <c r="AN34" s="61">
        <v>1</v>
      </c>
      <c r="AO34" s="61">
        <v>0</v>
      </c>
      <c r="AP34" s="61">
        <v>0</v>
      </c>
      <c r="AQ34" s="61">
        <v>2</v>
      </c>
      <c r="AR34" s="61">
        <v>0</v>
      </c>
      <c r="AS34" s="62">
        <v>3</v>
      </c>
      <c r="AT34" s="63">
        <v>3</v>
      </c>
      <c r="AU34" s="60">
        <v>1</v>
      </c>
      <c r="AV34" s="61">
        <v>1</v>
      </c>
      <c r="AW34" s="62">
        <v>2</v>
      </c>
      <c r="AX34" s="231"/>
      <c r="AY34" s="61">
        <v>0</v>
      </c>
      <c r="AZ34" s="61">
        <v>0</v>
      </c>
      <c r="BA34" s="61">
        <v>0</v>
      </c>
      <c r="BB34" s="61">
        <v>0</v>
      </c>
      <c r="BC34" s="61">
        <v>0</v>
      </c>
      <c r="BD34" s="62">
        <v>0</v>
      </c>
      <c r="BE34" s="63">
        <v>2</v>
      </c>
      <c r="BF34" s="60">
        <v>1</v>
      </c>
      <c r="BG34" s="61">
        <v>2</v>
      </c>
      <c r="BH34" s="62">
        <v>3</v>
      </c>
      <c r="BI34" s="231"/>
      <c r="BJ34" s="61">
        <v>1</v>
      </c>
      <c r="BK34" s="61">
        <v>2</v>
      </c>
      <c r="BL34" s="61">
        <v>0</v>
      </c>
      <c r="BM34" s="61">
        <v>0</v>
      </c>
      <c r="BN34" s="61">
        <v>0</v>
      </c>
      <c r="BO34" s="62">
        <v>3</v>
      </c>
      <c r="BP34" s="63">
        <v>6</v>
      </c>
      <c r="BQ34" s="60">
        <v>1</v>
      </c>
      <c r="BR34" s="61">
        <v>0</v>
      </c>
      <c r="BS34" s="62">
        <v>1</v>
      </c>
      <c r="BT34" s="231"/>
      <c r="BU34" s="61">
        <v>4</v>
      </c>
      <c r="BV34" s="61">
        <v>3</v>
      </c>
      <c r="BW34" s="61">
        <v>2</v>
      </c>
      <c r="BX34" s="61">
        <v>0</v>
      </c>
      <c r="BY34" s="61">
        <v>2</v>
      </c>
      <c r="BZ34" s="62">
        <v>11</v>
      </c>
      <c r="CA34" s="63">
        <v>12</v>
      </c>
      <c r="CB34" s="60">
        <v>0</v>
      </c>
      <c r="CC34" s="61">
        <v>0</v>
      </c>
      <c r="CD34" s="62">
        <v>0</v>
      </c>
      <c r="CE34" s="231"/>
      <c r="CF34" s="61">
        <v>0</v>
      </c>
      <c r="CG34" s="61">
        <v>0</v>
      </c>
      <c r="CH34" s="61">
        <v>0</v>
      </c>
      <c r="CI34" s="61">
        <v>0</v>
      </c>
      <c r="CJ34" s="61">
        <v>0</v>
      </c>
      <c r="CK34" s="62">
        <v>0</v>
      </c>
      <c r="CL34" s="63">
        <v>0</v>
      </c>
      <c r="CM34" s="60">
        <v>4</v>
      </c>
      <c r="CN34" s="61">
        <v>4</v>
      </c>
      <c r="CO34" s="62">
        <v>8</v>
      </c>
      <c r="CP34" s="231"/>
      <c r="CQ34" s="61">
        <v>6</v>
      </c>
      <c r="CR34" s="61">
        <v>6</v>
      </c>
      <c r="CS34" s="61">
        <v>4</v>
      </c>
      <c r="CT34" s="61">
        <v>3</v>
      </c>
      <c r="CU34" s="61">
        <v>4</v>
      </c>
      <c r="CV34" s="62">
        <v>23</v>
      </c>
      <c r="CW34" s="63">
        <v>31</v>
      </c>
      <c r="CX34" s="113">
        <v>1</v>
      </c>
      <c r="CY34" s="72">
        <v>2</v>
      </c>
      <c r="CZ34" s="73">
        <v>3</v>
      </c>
      <c r="DA34" s="228"/>
      <c r="DB34" s="72">
        <v>2</v>
      </c>
      <c r="DC34" s="72">
        <v>2</v>
      </c>
      <c r="DD34" s="72">
        <v>1</v>
      </c>
      <c r="DE34" s="72">
        <v>1</v>
      </c>
      <c r="DF34" s="72">
        <v>0</v>
      </c>
      <c r="DG34" s="74">
        <v>6</v>
      </c>
      <c r="DH34" s="75">
        <v>9</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1</v>
      </c>
      <c r="EK34" s="61">
        <v>0</v>
      </c>
      <c r="EL34" s="61">
        <v>1</v>
      </c>
      <c r="EM34" s="61">
        <v>0</v>
      </c>
      <c r="EN34" s="62">
        <v>2</v>
      </c>
      <c r="EO34" s="63">
        <v>2</v>
      </c>
      <c r="EP34" s="60">
        <v>0</v>
      </c>
      <c r="EQ34" s="61">
        <v>1</v>
      </c>
      <c r="ER34" s="62">
        <v>1</v>
      </c>
      <c r="ES34" s="231"/>
      <c r="ET34" s="61">
        <v>1</v>
      </c>
      <c r="EU34" s="61">
        <v>0</v>
      </c>
      <c r="EV34" s="61">
        <v>0</v>
      </c>
      <c r="EW34" s="61">
        <v>0</v>
      </c>
      <c r="EX34" s="61">
        <v>0</v>
      </c>
      <c r="EY34" s="62">
        <v>1</v>
      </c>
      <c r="EZ34" s="63">
        <v>2</v>
      </c>
      <c r="FA34" s="60">
        <v>1</v>
      </c>
      <c r="FB34" s="61">
        <v>1</v>
      </c>
      <c r="FC34" s="62">
        <v>2</v>
      </c>
      <c r="FD34" s="231"/>
      <c r="FE34" s="61">
        <v>0</v>
      </c>
      <c r="FF34" s="61">
        <v>0</v>
      </c>
      <c r="FG34" s="61">
        <v>0</v>
      </c>
      <c r="FH34" s="61">
        <v>0</v>
      </c>
      <c r="FI34" s="61">
        <v>0</v>
      </c>
      <c r="FJ34" s="62">
        <v>0</v>
      </c>
      <c r="FK34" s="63">
        <v>2</v>
      </c>
      <c r="FL34" s="60">
        <v>0</v>
      </c>
      <c r="FM34" s="61">
        <v>0</v>
      </c>
      <c r="FN34" s="62">
        <v>0</v>
      </c>
      <c r="FO34" s="231"/>
      <c r="FP34" s="61">
        <v>1</v>
      </c>
      <c r="FQ34" s="61">
        <v>1</v>
      </c>
      <c r="FR34" s="61">
        <v>1</v>
      </c>
      <c r="FS34" s="61">
        <v>0</v>
      </c>
      <c r="FT34" s="61">
        <v>0</v>
      </c>
      <c r="FU34" s="62">
        <v>3</v>
      </c>
      <c r="FV34" s="63">
        <v>3</v>
      </c>
      <c r="FW34" s="60">
        <v>0</v>
      </c>
      <c r="FX34" s="61">
        <v>0</v>
      </c>
      <c r="FY34" s="62">
        <v>0</v>
      </c>
      <c r="FZ34" s="231">
        <v>0</v>
      </c>
      <c r="GA34" s="61">
        <v>0</v>
      </c>
      <c r="GB34" s="61">
        <v>0</v>
      </c>
      <c r="GC34" s="61">
        <v>0</v>
      </c>
      <c r="GD34" s="61">
        <v>0</v>
      </c>
      <c r="GE34" s="61">
        <v>0</v>
      </c>
      <c r="GF34" s="62">
        <v>0</v>
      </c>
      <c r="GG34" s="63">
        <v>0</v>
      </c>
      <c r="GH34" s="60">
        <v>1</v>
      </c>
      <c r="GI34" s="61">
        <v>2</v>
      </c>
      <c r="GJ34" s="62">
        <v>3</v>
      </c>
      <c r="GK34" s="231"/>
      <c r="GL34" s="61">
        <v>2</v>
      </c>
      <c r="GM34" s="61">
        <v>2</v>
      </c>
      <c r="GN34" s="61">
        <v>1</v>
      </c>
      <c r="GO34" s="61">
        <v>1</v>
      </c>
      <c r="GP34" s="61">
        <v>0</v>
      </c>
      <c r="GQ34" s="62">
        <v>6</v>
      </c>
      <c r="GR34" s="63">
        <v>9</v>
      </c>
      <c r="GS34" s="113">
        <v>5</v>
      </c>
      <c r="GT34" s="72">
        <v>6</v>
      </c>
      <c r="GU34" s="73">
        <v>11</v>
      </c>
      <c r="GV34" s="228"/>
      <c r="GW34" s="72">
        <v>8</v>
      </c>
      <c r="GX34" s="72">
        <v>8</v>
      </c>
      <c r="GY34" s="72">
        <v>5</v>
      </c>
      <c r="GZ34" s="72">
        <v>4</v>
      </c>
      <c r="HA34" s="72">
        <v>4</v>
      </c>
      <c r="HB34" s="74">
        <v>29</v>
      </c>
      <c r="HC34" s="75">
        <v>40</v>
      </c>
      <c r="HD34" s="60">
        <v>0</v>
      </c>
      <c r="HE34" s="61">
        <v>0</v>
      </c>
      <c r="HF34" s="62">
        <v>0</v>
      </c>
      <c r="HG34" s="231"/>
      <c r="HH34" s="61">
        <v>0</v>
      </c>
      <c r="HI34" s="61">
        <v>1</v>
      </c>
      <c r="HJ34" s="61">
        <v>0</v>
      </c>
      <c r="HK34" s="61">
        <v>0</v>
      </c>
      <c r="HL34" s="61">
        <v>0</v>
      </c>
      <c r="HM34" s="62">
        <v>1</v>
      </c>
      <c r="HN34" s="63">
        <v>1</v>
      </c>
      <c r="HO34" s="60">
        <v>1</v>
      </c>
      <c r="HP34" s="61">
        <v>1</v>
      </c>
      <c r="HQ34" s="62">
        <v>2</v>
      </c>
      <c r="HR34" s="231"/>
      <c r="HS34" s="61">
        <v>0</v>
      </c>
      <c r="HT34" s="61">
        <v>0</v>
      </c>
      <c r="HU34" s="61">
        <v>2</v>
      </c>
      <c r="HV34" s="61">
        <v>1</v>
      </c>
      <c r="HW34" s="61">
        <v>2</v>
      </c>
      <c r="HX34" s="62">
        <v>5</v>
      </c>
      <c r="HY34" s="63">
        <v>7</v>
      </c>
      <c r="HZ34" s="60">
        <v>0</v>
      </c>
      <c r="IA34" s="61">
        <v>0</v>
      </c>
      <c r="IB34" s="62">
        <v>0</v>
      </c>
      <c r="IC34" s="231"/>
      <c r="ID34" s="61">
        <v>1</v>
      </c>
      <c r="IE34" s="61">
        <v>1</v>
      </c>
      <c r="IF34" s="61">
        <v>0</v>
      </c>
      <c r="IG34" s="61">
        <v>3</v>
      </c>
      <c r="IH34" s="61">
        <v>0</v>
      </c>
      <c r="II34" s="62">
        <v>5</v>
      </c>
      <c r="IJ34" s="63">
        <v>5</v>
      </c>
      <c r="IK34" s="60">
        <v>1</v>
      </c>
      <c r="IL34" s="61">
        <v>2</v>
      </c>
      <c r="IM34" s="62">
        <v>3</v>
      </c>
      <c r="IN34" s="231"/>
      <c r="IO34" s="61">
        <v>1</v>
      </c>
      <c r="IP34" s="61">
        <v>0</v>
      </c>
      <c r="IQ34" s="61">
        <v>0</v>
      </c>
      <c r="IR34" s="61">
        <v>0</v>
      </c>
      <c r="IS34" s="61">
        <v>0</v>
      </c>
      <c r="IT34" s="62">
        <v>1</v>
      </c>
      <c r="IU34" s="63">
        <v>4</v>
      </c>
      <c r="IV34" s="60">
        <v>2</v>
      </c>
      <c r="IW34" s="61">
        <v>3</v>
      </c>
      <c r="IX34" s="62">
        <v>5</v>
      </c>
      <c r="IY34" s="231"/>
      <c r="IZ34" s="61">
        <v>1</v>
      </c>
      <c r="JA34" s="61">
        <v>2</v>
      </c>
      <c r="JB34" s="61">
        <v>0</v>
      </c>
      <c r="JC34" s="61">
        <v>0</v>
      </c>
      <c r="JD34" s="61">
        <v>0</v>
      </c>
      <c r="JE34" s="62">
        <v>3</v>
      </c>
      <c r="JF34" s="63">
        <v>8</v>
      </c>
      <c r="JG34" s="60">
        <v>1</v>
      </c>
      <c r="JH34" s="61">
        <v>0</v>
      </c>
      <c r="JI34" s="62">
        <v>1</v>
      </c>
      <c r="JJ34" s="231"/>
      <c r="JK34" s="61">
        <v>5</v>
      </c>
      <c r="JL34" s="61">
        <v>4</v>
      </c>
      <c r="JM34" s="61">
        <v>3</v>
      </c>
      <c r="JN34" s="61">
        <v>0</v>
      </c>
      <c r="JO34" s="61">
        <v>2</v>
      </c>
      <c r="JP34" s="62">
        <v>14</v>
      </c>
      <c r="JQ34" s="63">
        <v>15</v>
      </c>
      <c r="JR34" s="60">
        <v>0</v>
      </c>
      <c r="JS34" s="61">
        <v>0</v>
      </c>
      <c r="JT34" s="62">
        <v>0</v>
      </c>
      <c r="JU34" s="231"/>
      <c r="JV34" s="61">
        <v>0</v>
      </c>
      <c r="JW34" s="61">
        <v>0</v>
      </c>
      <c r="JX34" s="61">
        <v>0</v>
      </c>
      <c r="JY34" s="61">
        <v>0</v>
      </c>
      <c r="JZ34" s="61">
        <v>0</v>
      </c>
      <c r="KA34" s="62">
        <v>0</v>
      </c>
      <c r="KB34" s="63">
        <v>0</v>
      </c>
      <c r="KC34" s="60">
        <v>5</v>
      </c>
      <c r="KD34" s="61">
        <v>6</v>
      </c>
      <c r="KE34" s="62">
        <v>11</v>
      </c>
      <c r="KF34" s="231"/>
      <c r="KG34" s="61">
        <v>8</v>
      </c>
      <c r="KH34" s="61">
        <v>8</v>
      </c>
      <c r="KI34" s="61">
        <v>5</v>
      </c>
      <c r="KJ34" s="61">
        <v>4</v>
      </c>
      <c r="KK34" s="61">
        <v>4</v>
      </c>
      <c r="KL34" s="62">
        <v>29</v>
      </c>
      <c r="KM34" s="63">
        <v>40</v>
      </c>
    </row>
    <row r="35" spans="2:299" ht="21" customHeight="1" x14ac:dyDescent="0.2">
      <c r="B35" s="472" t="s">
        <v>32</v>
      </c>
      <c r="C35" s="293">
        <v>4</v>
      </c>
      <c r="D35" s="72">
        <v>1</v>
      </c>
      <c r="E35" s="73">
        <v>5</v>
      </c>
      <c r="F35" s="228"/>
      <c r="G35" s="72">
        <v>8</v>
      </c>
      <c r="H35" s="72">
        <v>5</v>
      </c>
      <c r="I35" s="72">
        <v>4</v>
      </c>
      <c r="J35" s="72">
        <v>4</v>
      </c>
      <c r="K35" s="72">
        <v>6</v>
      </c>
      <c r="L35" s="74">
        <v>27</v>
      </c>
      <c r="M35" s="75">
        <v>32</v>
      </c>
      <c r="N35" s="60">
        <v>0</v>
      </c>
      <c r="O35" s="61">
        <v>0</v>
      </c>
      <c r="P35" s="62">
        <v>0</v>
      </c>
      <c r="Q35" s="231"/>
      <c r="R35" s="61">
        <v>0</v>
      </c>
      <c r="S35" s="61">
        <v>0</v>
      </c>
      <c r="T35" s="61">
        <v>0</v>
      </c>
      <c r="U35" s="61">
        <v>0</v>
      </c>
      <c r="V35" s="61">
        <v>0</v>
      </c>
      <c r="W35" s="62">
        <v>0</v>
      </c>
      <c r="X35" s="63">
        <v>0</v>
      </c>
      <c r="Y35" s="60">
        <v>2</v>
      </c>
      <c r="Z35" s="61">
        <v>0</v>
      </c>
      <c r="AA35" s="62">
        <v>2</v>
      </c>
      <c r="AB35" s="231"/>
      <c r="AC35" s="61">
        <v>1</v>
      </c>
      <c r="AD35" s="61">
        <v>1</v>
      </c>
      <c r="AE35" s="61">
        <v>0</v>
      </c>
      <c r="AF35" s="61">
        <v>1</v>
      </c>
      <c r="AG35" s="61">
        <v>2</v>
      </c>
      <c r="AH35" s="62">
        <v>5</v>
      </c>
      <c r="AI35" s="63">
        <v>7</v>
      </c>
      <c r="AJ35" s="60">
        <v>1</v>
      </c>
      <c r="AK35" s="61">
        <v>0</v>
      </c>
      <c r="AL35" s="62">
        <v>1</v>
      </c>
      <c r="AM35" s="231"/>
      <c r="AN35" s="61">
        <v>0</v>
      </c>
      <c r="AO35" s="61">
        <v>1</v>
      </c>
      <c r="AP35" s="61">
        <v>0</v>
      </c>
      <c r="AQ35" s="61">
        <v>0</v>
      </c>
      <c r="AR35" s="61">
        <v>2</v>
      </c>
      <c r="AS35" s="62">
        <v>3</v>
      </c>
      <c r="AT35" s="63">
        <v>4</v>
      </c>
      <c r="AU35" s="60">
        <v>0</v>
      </c>
      <c r="AV35" s="61">
        <v>1</v>
      </c>
      <c r="AW35" s="62">
        <v>1</v>
      </c>
      <c r="AX35" s="231"/>
      <c r="AY35" s="61">
        <v>4</v>
      </c>
      <c r="AZ35" s="61">
        <v>0</v>
      </c>
      <c r="BA35" s="61">
        <v>0</v>
      </c>
      <c r="BB35" s="61">
        <v>0</v>
      </c>
      <c r="BC35" s="61">
        <v>1</v>
      </c>
      <c r="BD35" s="62">
        <v>5</v>
      </c>
      <c r="BE35" s="63">
        <v>6</v>
      </c>
      <c r="BF35" s="60">
        <v>1</v>
      </c>
      <c r="BG35" s="61">
        <v>0</v>
      </c>
      <c r="BH35" s="62">
        <v>1</v>
      </c>
      <c r="BI35" s="231"/>
      <c r="BJ35" s="61">
        <v>2</v>
      </c>
      <c r="BK35" s="61">
        <v>1</v>
      </c>
      <c r="BL35" s="61">
        <v>3</v>
      </c>
      <c r="BM35" s="61">
        <v>1</v>
      </c>
      <c r="BN35" s="61">
        <v>1</v>
      </c>
      <c r="BO35" s="62">
        <v>8</v>
      </c>
      <c r="BP35" s="63">
        <v>9</v>
      </c>
      <c r="BQ35" s="60">
        <v>0</v>
      </c>
      <c r="BR35" s="61">
        <v>0</v>
      </c>
      <c r="BS35" s="62">
        <v>0</v>
      </c>
      <c r="BT35" s="231"/>
      <c r="BU35" s="61">
        <v>1</v>
      </c>
      <c r="BV35" s="61">
        <v>2</v>
      </c>
      <c r="BW35" s="61">
        <v>1</v>
      </c>
      <c r="BX35" s="61">
        <v>2</v>
      </c>
      <c r="BY35" s="61">
        <v>0</v>
      </c>
      <c r="BZ35" s="62">
        <v>6</v>
      </c>
      <c r="CA35" s="63">
        <v>6</v>
      </c>
      <c r="CB35" s="60">
        <v>0</v>
      </c>
      <c r="CC35" s="61">
        <v>0</v>
      </c>
      <c r="CD35" s="62">
        <v>0</v>
      </c>
      <c r="CE35" s="231"/>
      <c r="CF35" s="61">
        <v>0</v>
      </c>
      <c r="CG35" s="61">
        <v>0</v>
      </c>
      <c r="CH35" s="61">
        <v>0</v>
      </c>
      <c r="CI35" s="61">
        <v>0</v>
      </c>
      <c r="CJ35" s="61">
        <v>0</v>
      </c>
      <c r="CK35" s="62">
        <v>0</v>
      </c>
      <c r="CL35" s="63">
        <v>0</v>
      </c>
      <c r="CM35" s="60">
        <v>4</v>
      </c>
      <c r="CN35" s="61">
        <v>1</v>
      </c>
      <c r="CO35" s="62">
        <v>5</v>
      </c>
      <c r="CP35" s="231"/>
      <c r="CQ35" s="61">
        <v>8</v>
      </c>
      <c r="CR35" s="61">
        <v>5</v>
      </c>
      <c r="CS35" s="61">
        <v>4</v>
      </c>
      <c r="CT35" s="61">
        <v>4</v>
      </c>
      <c r="CU35" s="61">
        <v>6</v>
      </c>
      <c r="CV35" s="62">
        <v>27</v>
      </c>
      <c r="CW35" s="63">
        <v>32</v>
      </c>
      <c r="CX35" s="113">
        <v>1</v>
      </c>
      <c r="CY35" s="72">
        <v>1</v>
      </c>
      <c r="CZ35" s="73">
        <v>2</v>
      </c>
      <c r="DA35" s="228"/>
      <c r="DB35" s="72">
        <v>4</v>
      </c>
      <c r="DC35" s="72">
        <v>2</v>
      </c>
      <c r="DD35" s="72">
        <v>1</v>
      </c>
      <c r="DE35" s="72">
        <v>1</v>
      </c>
      <c r="DF35" s="72">
        <v>0</v>
      </c>
      <c r="DG35" s="74">
        <v>8</v>
      </c>
      <c r="DH35" s="75">
        <v>10</v>
      </c>
      <c r="DI35" s="60">
        <v>0</v>
      </c>
      <c r="DJ35" s="61">
        <v>0</v>
      </c>
      <c r="DK35" s="62">
        <v>0</v>
      </c>
      <c r="DL35" s="231"/>
      <c r="DM35" s="61">
        <v>1</v>
      </c>
      <c r="DN35" s="61">
        <v>0</v>
      </c>
      <c r="DO35" s="61">
        <v>0</v>
      </c>
      <c r="DP35" s="61">
        <v>0</v>
      </c>
      <c r="DQ35" s="61">
        <v>0</v>
      </c>
      <c r="DR35" s="62">
        <v>1</v>
      </c>
      <c r="DS35" s="63">
        <v>1</v>
      </c>
      <c r="DT35" s="60">
        <v>0</v>
      </c>
      <c r="DU35" s="61">
        <v>0</v>
      </c>
      <c r="DV35" s="62">
        <v>0</v>
      </c>
      <c r="DW35" s="231"/>
      <c r="DX35" s="61">
        <v>1</v>
      </c>
      <c r="DY35" s="61">
        <v>0</v>
      </c>
      <c r="DZ35" s="61">
        <v>0</v>
      </c>
      <c r="EA35" s="61">
        <v>0</v>
      </c>
      <c r="EB35" s="61">
        <v>0</v>
      </c>
      <c r="EC35" s="62">
        <v>1</v>
      </c>
      <c r="ED35" s="63">
        <v>1</v>
      </c>
      <c r="EE35" s="60">
        <v>0</v>
      </c>
      <c r="EF35" s="61">
        <v>1</v>
      </c>
      <c r="EG35" s="62">
        <v>1</v>
      </c>
      <c r="EH35" s="231"/>
      <c r="EI35" s="61">
        <v>0</v>
      </c>
      <c r="EJ35" s="61">
        <v>0</v>
      </c>
      <c r="EK35" s="61">
        <v>0</v>
      </c>
      <c r="EL35" s="61">
        <v>0</v>
      </c>
      <c r="EM35" s="61">
        <v>0</v>
      </c>
      <c r="EN35" s="62">
        <v>0</v>
      </c>
      <c r="EO35" s="63">
        <v>1</v>
      </c>
      <c r="EP35" s="60">
        <v>0</v>
      </c>
      <c r="EQ35" s="61">
        <v>0</v>
      </c>
      <c r="ER35" s="62">
        <v>0</v>
      </c>
      <c r="ES35" s="231"/>
      <c r="ET35" s="61">
        <v>0</v>
      </c>
      <c r="EU35" s="61">
        <v>0</v>
      </c>
      <c r="EV35" s="61">
        <v>0</v>
      </c>
      <c r="EW35" s="61">
        <v>0</v>
      </c>
      <c r="EX35" s="61">
        <v>0</v>
      </c>
      <c r="EY35" s="62">
        <v>0</v>
      </c>
      <c r="EZ35" s="63">
        <v>0</v>
      </c>
      <c r="FA35" s="60">
        <v>1</v>
      </c>
      <c r="FB35" s="61">
        <v>0</v>
      </c>
      <c r="FC35" s="62">
        <v>1</v>
      </c>
      <c r="FD35" s="231"/>
      <c r="FE35" s="61">
        <v>0</v>
      </c>
      <c r="FF35" s="61">
        <v>1</v>
      </c>
      <c r="FG35" s="61">
        <v>0</v>
      </c>
      <c r="FH35" s="61">
        <v>0</v>
      </c>
      <c r="FI35" s="61">
        <v>0</v>
      </c>
      <c r="FJ35" s="62">
        <v>1</v>
      </c>
      <c r="FK35" s="63">
        <v>2</v>
      </c>
      <c r="FL35" s="60">
        <v>0</v>
      </c>
      <c r="FM35" s="61">
        <v>0</v>
      </c>
      <c r="FN35" s="62">
        <v>0</v>
      </c>
      <c r="FO35" s="231"/>
      <c r="FP35" s="61">
        <v>2</v>
      </c>
      <c r="FQ35" s="61">
        <v>1</v>
      </c>
      <c r="FR35" s="61">
        <v>1</v>
      </c>
      <c r="FS35" s="61">
        <v>1</v>
      </c>
      <c r="FT35" s="61">
        <v>0</v>
      </c>
      <c r="FU35" s="62">
        <v>5</v>
      </c>
      <c r="FV35" s="63">
        <v>5</v>
      </c>
      <c r="FW35" s="60">
        <v>0</v>
      </c>
      <c r="FX35" s="61">
        <v>0</v>
      </c>
      <c r="FY35" s="62">
        <v>0</v>
      </c>
      <c r="FZ35" s="231">
        <v>0</v>
      </c>
      <c r="GA35" s="61">
        <v>0</v>
      </c>
      <c r="GB35" s="61">
        <v>0</v>
      </c>
      <c r="GC35" s="61">
        <v>0</v>
      </c>
      <c r="GD35" s="61">
        <v>0</v>
      </c>
      <c r="GE35" s="61">
        <v>0</v>
      </c>
      <c r="GF35" s="62">
        <v>0</v>
      </c>
      <c r="GG35" s="63">
        <v>0</v>
      </c>
      <c r="GH35" s="60">
        <v>1</v>
      </c>
      <c r="GI35" s="61">
        <v>1</v>
      </c>
      <c r="GJ35" s="62">
        <v>2</v>
      </c>
      <c r="GK35" s="231"/>
      <c r="GL35" s="61">
        <v>4</v>
      </c>
      <c r="GM35" s="61">
        <v>2</v>
      </c>
      <c r="GN35" s="61">
        <v>1</v>
      </c>
      <c r="GO35" s="61">
        <v>1</v>
      </c>
      <c r="GP35" s="61">
        <v>0</v>
      </c>
      <c r="GQ35" s="62">
        <v>8</v>
      </c>
      <c r="GR35" s="63">
        <v>10</v>
      </c>
      <c r="GS35" s="113">
        <v>5</v>
      </c>
      <c r="GT35" s="72">
        <v>2</v>
      </c>
      <c r="GU35" s="73">
        <v>7</v>
      </c>
      <c r="GV35" s="228"/>
      <c r="GW35" s="72">
        <v>12</v>
      </c>
      <c r="GX35" s="72">
        <v>7</v>
      </c>
      <c r="GY35" s="72">
        <v>5</v>
      </c>
      <c r="GZ35" s="72">
        <v>5</v>
      </c>
      <c r="HA35" s="72">
        <v>6</v>
      </c>
      <c r="HB35" s="74">
        <v>35</v>
      </c>
      <c r="HC35" s="75">
        <v>42</v>
      </c>
      <c r="HD35" s="60">
        <v>0</v>
      </c>
      <c r="HE35" s="61">
        <v>0</v>
      </c>
      <c r="HF35" s="62">
        <v>0</v>
      </c>
      <c r="HG35" s="231"/>
      <c r="HH35" s="61">
        <v>1</v>
      </c>
      <c r="HI35" s="61">
        <v>0</v>
      </c>
      <c r="HJ35" s="61">
        <v>0</v>
      </c>
      <c r="HK35" s="61">
        <v>0</v>
      </c>
      <c r="HL35" s="61">
        <v>0</v>
      </c>
      <c r="HM35" s="62">
        <v>1</v>
      </c>
      <c r="HN35" s="63">
        <v>1</v>
      </c>
      <c r="HO35" s="60">
        <v>2</v>
      </c>
      <c r="HP35" s="61">
        <v>0</v>
      </c>
      <c r="HQ35" s="62">
        <v>2</v>
      </c>
      <c r="HR35" s="231"/>
      <c r="HS35" s="61">
        <v>2</v>
      </c>
      <c r="HT35" s="61">
        <v>1</v>
      </c>
      <c r="HU35" s="61">
        <v>0</v>
      </c>
      <c r="HV35" s="61">
        <v>1</v>
      </c>
      <c r="HW35" s="61">
        <v>2</v>
      </c>
      <c r="HX35" s="62">
        <v>6</v>
      </c>
      <c r="HY35" s="63">
        <v>8</v>
      </c>
      <c r="HZ35" s="60">
        <v>1</v>
      </c>
      <c r="IA35" s="61">
        <v>1</v>
      </c>
      <c r="IB35" s="62">
        <v>2</v>
      </c>
      <c r="IC35" s="231"/>
      <c r="ID35" s="61">
        <v>0</v>
      </c>
      <c r="IE35" s="61">
        <v>1</v>
      </c>
      <c r="IF35" s="61">
        <v>0</v>
      </c>
      <c r="IG35" s="61">
        <v>0</v>
      </c>
      <c r="IH35" s="61">
        <v>2</v>
      </c>
      <c r="II35" s="62">
        <v>3</v>
      </c>
      <c r="IJ35" s="63">
        <v>5</v>
      </c>
      <c r="IK35" s="60">
        <v>0</v>
      </c>
      <c r="IL35" s="61">
        <v>1</v>
      </c>
      <c r="IM35" s="62">
        <v>1</v>
      </c>
      <c r="IN35" s="231"/>
      <c r="IO35" s="61">
        <v>4</v>
      </c>
      <c r="IP35" s="61">
        <v>0</v>
      </c>
      <c r="IQ35" s="61">
        <v>0</v>
      </c>
      <c r="IR35" s="61">
        <v>0</v>
      </c>
      <c r="IS35" s="61">
        <v>1</v>
      </c>
      <c r="IT35" s="62">
        <v>5</v>
      </c>
      <c r="IU35" s="63">
        <v>6</v>
      </c>
      <c r="IV35" s="60">
        <v>2</v>
      </c>
      <c r="IW35" s="61">
        <v>0</v>
      </c>
      <c r="IX35" s="62">
        <v>2</v>
      </c>
      <c r="IY35" s="231"/>
      <c r="IZ35" s="61">
        <v>2</v>
      </c>
      <c r="JA35" s="61">
        <v>2</v>
      </c>
      <c r="JB35" s="61">
        <v>3</v>
      </c>
      <c r="JC35" s="61">
        <v>1</v>
      </c>
      <c r="JD35" s="61">
        <v>1</v>
      </c>
      <c r="JE35" s="62">
        <v>9</v>
      </c>
      <c r="JF35" s="63">
        <v>11</v>
      </c>
      <c r="JG35" s="60">
        <v>0</v>
      </c>
      <c r="JH35" s="61">
        <v>0</v>
      </c>
      <c r="JI35" s="62">
        <v>0</v>
      </c>
      <c r="JJ35" s="231"/>
      <c r="JK35" s="61">
        <v>3</v>
      </c>
      <c r="JL35" s="61">
        <v>3</v>
      </c>
      <c r="JM35" s="61">
        <v>2</v>
      </c>
      <c r="JN35" s="61">
        <v>3</v>
      </c>
      <c r="JO35" s="61">
        <v>0</v>
      </c>
      <c r="JP35" s="62">
        <v>11</v>
      </c>
      <c r="JQ35" s="63">
        <v>11</v>
      </c>
      <c r="JR35" s="60">
        <v>0</v>
      </c>
      <c r="JS35" s="61">
        <v>0</v>
      </c>
      <c r="JT35" s="62">
        <v>0</v>
      </c>
      <c r="JU35" s="231"/>
      <c r="JV35" s="61">
        <v>0</v>
      </c>
      <c r="JW35" s="61">
        <v>0</v>
      </c>
      <c r="JX35" s="61">
        <v>0</v>
      </c>
      <c r="JY35" s="61">
        <v>0</v>
      </c>
      <c r="JZ35" s="61">
        <v>0</v>
      </c>
      <c r="KA35" s="62">
        <v>0</v>
      </c>
      <c r="KB35" s="63">
        <v>0</v>
      </c>
      <c r="KC35" s="60">
        <v>5</v>
      </c>
      <c r="KD35" s="61">
        <v>2</v>
      </c>
      <c r="KE35" s="62">
        <v>7</v>
      </c>
      <c r="KF35" s="231"/>
      <c r="KG35" s="61">
        <v>12</v>
      </c>
      <c r="KH35" s="61">
        <v>7</v>
      </c>
      <c r="KI35" s="61">
        <v>5</v>
      </c>
      <c r="KJ35" s="61">
        <v>5</v>
      </c>
      <c r="KK35" s="61">
        <v>6</v>
      </c>
      <c r="KL35" s="62">
        <v>35</v>
      </c>
      <c r="KM35" s="63">
        <v>42</v>
      </c>
    </row>
    <row r="36" spans="2:299" ht="21" customHeight="1" x14ac:dyDescent="0.2">
      <c r="B36" s="472" t="s">
        <v>33</v>
      </c>
      <c r="C36" s="293">
        <v>1</v>
      </c>
      <c r="D36" s="72">
        <v>1</v>
      </c>
      <c r="E36" s="73">
        <v>2</v>
      </c>
      <c r="F36" s="228"/>
      <c r="G36" s="72">
        <v>8</v>
      </c>
      <c r="H36" s="72">
        <v>2</v>
      </c>
      <c r="I36" s="72">
        <v>3</v>
      </c>
      <c r="J36" s="72">
        <v>3</v>
      </c>
      <c r="K36" s="72">
        <v>5</v>
      </c>
      <c r="L36" s="74">
        <v>21</v>
      </c>
      <c r="M36" s="75">
        <v>23</v>
      </c>
      <c r="N36" s="60">
        <v>0</v>
      </c>
      <c r="O36" s="61">
        <v>0</v>
      </c>
      <c r="P36" s="62">
        <v>0</v>
      </c>
      <c r="Q36" s="231"/>
      <c r="R36" s="61">
        <v>1</v>
      </c>
      <c r="S36" s="61">
        <v>0</v>
      </c>
      <c r="T36" s="61">
        <v>0</v>
      </c>
      <c r="U36" s="61">
        <v>0</v>
      </c>
      <c r="V36" s="61">
        <v>1</v>
      </c>
      <c r="W36" s="62">
        <v>2</v>
      </c>
      <c r="X36" s="63">
        <v>2</v>
      </c>
      <c r="Y36" s="60">
        <v>0</v>
      </c>
      <c r="Z36" s="61">
        <v>0</v>
      </c>
      <c r="AA36" s="62">
        <v>0</v>
      </c>
      <c r="AB36" s="231"/>
      <c r="AC36" s="61">
        <v>1</v>
      </c>
      <c r="AD36" s="61">
        <v>0</v>
      </c>
      <c r="AE36" s="61">
        <v>1</v>
      </c>
      <c r="AF36" s="61">
        <v>0</v>
      </c>
      <c r="AG36" s="61">
        <v>1</v>
      </c>
      <c r="AH36" s="62">
        <v>3</v>
      </c>
      <c r="AI36" s="63">
        <v>3</v>
      </c>
      <c r="AJ36" s="60">
        <v>1</v>
      </c>
      <c r="AK36" s="61">
        <v>0</v>
      </c>
      <c r="AL36" s="62">
        <v>1</v>
      </c>
      <c r="AM36" s="231"/>
      <c r="AN36" s="61">
        <v>1</v>
      </c>
      <c r="AO36" s="61">
        <v>1</v>
      </c>
      <c r="AP36" s="61">
        <v>0</v>
      </c>
      <c r="AQ36" s="61">
        <v>0</v>
      </c>
      <c r="AR36" s="61">
        <v>2</v>
      </c>
      <c r="AS36" s="62">
        <v>4</v>
      </c>
      <c r="AT36" s="63">
        <v>5</v>
      </c>
      <c r="AU36" s="60">
        <v>0</v>
      </c>
      <c r="AV36" s="61">
        <v>1</v>
      </c>
      <c r="AW36" s="62">
        <v>1</v>
      </c>
      <c r="AX36" s="231"/>
      <c r="AY36" s="61">
        <v>0</v>
      </c>
      <c r="AZ36" s="61">
        <v>0</v>
      </c>
      <c r="BA36" s="61">
        <v>0</v>
      </c>
      <c r="BB36" s="61">
        <v>1</v>
      </c>
      <c r="BC36" s="61">
        <v>0</v>
      </c>
      <c r="BD36" s="62">
        <v>1</v>
      </c>
      <c r="BE36" s="63">
        <v>2</v>
      </c>
      <c r="BF36" s="60">
        <v>0</v>
      </c>
      <c r="BG36" s="61">
        <v>0</v>
      </c>
      <c r="BH36" s="62">
        <v>0</v>
      </c>
      <c r="BI36" s="231"/>
      <c r="BJ36" s="61">
        <v>2</v>
      </c>
      <c r="BK36" s="61">
        <v>1</v>
      </c>
      <c r="BL36" s="61">
        <v>2</v>
      </c>
      <c r="BM36" s="61">
        <v>0</v>
      </c>
      <c r="BN36" s="61">
        <v>1</v>
      </c>
      <c r="BO36" s="62">
        <v>6</v>
      </c>
      <c r="BP36" s="63">
        <v>6</v>
      </c>
      <c r="BQ36" s="60">
        <v>0</v>
      </c>
      <c r="BR36" s="61">
        <v>0</v>
      </c>
      <c r="BS36" s="62">
        <v>0</v>
      </c>
      <c r="BT36" s="231"/>
      <c r="BU36" s="61">
        <v>3</v>
      </c>
      <c r="BV36" s="61">
        <v>0</v>
      </c>
      <c r="BW36" s="61">
        <v>0</v>
      </c>
      <c r="BX36" s="61">
        <v>2</v>
      </c>
      <c r="BY36" s="61">
        <v>0</v>
      </c>
      <c r="BZ36" s="62">
        <v>5</v>
      </c>
      <c r="CA36" s="63">
        <v>5</v>
      </c>
      <c r="CB36" s="60">
        <v>0</v>
      </c>
      <c r="CC36" s="61">
        <v>0</v>
      </c>
      <c r="CD36" s="62">
        <v>0</v>
      </c>
      <c r="CE36" s="231"/>
      <c r="CF36" s="61">
        <v>0</v>
      </c>
      <c r="CG36" s="61">
        <v>0</v>
      </c>
      <c r="CH36" s="61">
        <v>0</v>
      </c>
      <c r="CI36" s="61">
        <v>0</v>
      </c>
      <c r="CJ36" s="61">
        <v>0</v>
      </c>
      <c r="CK36" s="62">
        <v>0</v>
      </c>
      <c r="CL36" s="63">
        <v>0</v>
      </c>
      <c r="CM36" s="60">
        <v>1</v>
      </c>
      <c r="CN36" s="61">
        <v>1</v>
      </c>
      <c r="CO36" s="62">
        <v>2</v>
      </c>
      <c r="CP36" s="231"/>
      <c r="CQ36" s="61">
        <v>8</v>
      </c>
      <c r="CR36" s="61">
        <v>2</v>
      </c>
      <c r="CS36" s="61">
        <v>3</v>
      </c>
      <c r="CT36" s="61">
        <v>3</v>
      </c>
      <c r="CU36" s="61">
        <v>5</v>
      </c>
      <c r="CV36" s="62">
        <v>21</v>
      </c>
      <c r="CW36" s="63">
        <v>23</v>
      </c>
      <c r="CX36" s="113">
        <v>1</v>
      </c>
      <c r="CY36" s="72">
        <v>2</v>
      </c>
      <c r="CZ36" s="73">
        <v>3</v>
      </c>
      <c r="DA36" s="228"/>
      <c r="DB36" s="72">
        <v>4</v>
      </c>
      <c r="DC36" s="72">
        <v>0</v>
      </c>
      <c r="DD36" s="72">
        <v>4</v>
      </c>
      <c r="DE36" s="72">
        <v>3</v>
      </c>
      <c r="DF36" s="72">
        <v>2</v>
      </c>
      <c r="DG36" s="74">
        <v>13</v>
      </c>
      <c r="DH36" s="75">
        <v>16</v>
      </c>
      <c r="DI36" s="60">
        <v>0</v>
      </c>
      <c r="DJ36" s="61">
        <v>0</v>
      </c>
      <c r="DK36" s="62">
        <v>0</v>
      </c>
      <c r="DL36" s="231"/>
      <c r="DM36" s="61">
        <v>0</v>
      </c>
      <c r="DN36" s="61">
        <v>0</v>
      </c>
      <c r="DO36" s="61">
        <v>0</v>
      </c>
      <c r="DP36" s="61">
        <v>0</v>
      </c>
      <c r="DQ36" s="61">
        <v>0</v>
      </c>
      <c r="DR36" s="62">
        <v>0</v>
      </c>
      <c r="DS36" s="63">
        <v>0</v>
      </c>
      <c r="DT36" s="60">
        <v>0</v>
      </c>
      <c r="DU36" s="61">
        <v>0</v>
      </c>
      <c r="DV36" s="62">
        <v>0</v>
      </c>
      <c r="DW36" s="231"/>
      <c r="DX36" s="61">
        <v>0</v>
      </c>
      <c r="DY36" s="61">
        <v>0</v>
      </c>
      <c r="DZ36" s="61">
        <v>0</v>
      </c>
      <c r="EA36" s="61">
        <v>0</v>
      </c>
      <c r="EB36" s="61">
        <v>0</v>
      </c>
      <c r="EC36" s="62">
        <v>0</v>
      </c>
      <c r="ED36" s="63">
        <v>0</v>
      </c>
      <c r="EE36" s="60">
        <v>0</v>
      </c>
      <c r="EF36" s="61">
        <v>1</v>
      </c>
      <c r="EG36" s="62">
        <v>1</v>
      </c>
      <c r="EH36" s="231"/>
      <c r="EI36" s="61">
        <v>0</v>
      </c>
      <c r="EJ36" s="61">
        <v>0</v>
      </c>
      <c r="EK36" s="61">
        <v>0</v>
      </c>
      <c r="EL36" s="61">
        <v>0</v>
      </c>
      <c r="EM36" s="61">
        <v>0</v>
      </c>
      <c r="EN36" s="62">
        <v>0</v>
      </c>
      <c r="EO36" s="63">
        <v>1</v>
      </c>
      <c r="EP36" s="60">
        <v>1</v>
      </c>
      <c r="EQ36" s="61">
        <v>0</v>
      </c>
      <c r="ER36" s="62">
        <v>1</v>
      </c>
      <c r="ES36" s="231"/>
      <c r="ET36" s="61">
        <v>0</v>
      </c>
      <c r="EU36" s="61">
        <v>0</v>
      </c>
      <c r="EV36" s="61">
        <v>0</v>
      </c>
      <c r="EW36" s="61">
        <v>0</v>
      </c>
      <c r="EX36" s="61">
        <v>0</v>
      </c>
      <c r="EY36" s="62">
        <v>0</v>
      </c>
      <c r="EZ36" s="63">
        <v>1</v>
      </c>
      <c r="FA36" s="60">
        <v>0</v>
      </c>
      <c r="FB36" s="61">
        <v>0</v>
      </c>
      <c r="FC36" s="62">
        <v>0</v>
      </c>
      <c r="FD36" s="231"/>
      <c r="FE36" s="61">
        <v>2</v>
      </c>
      <c r="FF36" s="61">
        <v>0</v>
      </c>
      <c r="FG36" s="61">
        <v>1</v>
      </c>
      <c r="FH36" s="61">
        <v>1</v>
      </c>
      <c r="FI36" s="61">
        <v>1</v>
      </c>
      <c r="FJ36" s="62">
        <v>5</v>
      </c>
      <c r="FK36" s="63">
        <v>5</v>
      </c>
      <c r="FL36" s="60">
        <v>0</v>
      </c>
      <c r="FM36" s="61">
        <v>1</v>
      </c>
      <c r="FN36" s="62">
        <v>1</v>
      </c>
      <c r="FO36" s="231"/>
      <c r="FP36" s="61">
        <v>2</v>
      </c>
      <c r="FQ36" s="61">
        <v>0</v>
      </c>
      <c r="FR36" s="61">
        <v>3</v>
      </c>
      <c r="FS36" s="61">
        <v>2</v>
      </c>
      <c r="FT36" s="61">
        <v>1</v>
      </c>
      <c r="FU36" s="62">
        <v>8</v>
      </c>
      <c r="FV36" s="63">
        <v>9</v>
      </c>
      <c r="FW36" s="60">
        <v>0</v>
      </c>
      <c r="FX36" s="61">
        <v>0</v>
      </c>
      <c r="FY36" s="62">
        <v>0</v>
      </c>
      <c r="FZ36" s="231">
        <v>0</v>
      </c>
      <c r="GA36" s="61">
        <v>0</v>
      </c>
      <c r="GB36" s="61">
        <v>0</v>
      </c>
      <c r="GC36" s="61">
        <v>0</v>
      </c>
      <c r="GD36" s="61">
        <v>0</v>
      </c>
      <c r="GE36" s="61">
        <v>0</v>
      </c>
      <c r="GF36" s="62">
        <v>0</v>
      </c>
      <c r="GG36" s="63">
        <v>0</v>
      </c>
      <c r="GH36" s="60">
        <v>1</v>
      </c>
      <c r="GI36" s="61">
        <v>2</v>
      </c>
      <c r="GJ36" s="62">
        <v>3</v>
      </c>
      <c r="GK36" s="231"/>
      <c r="GL36" s="61">
        <v>4</v>
      </c>
      <c r="GM36" s="61">
        <v>0</v>
      </c>
      <c r="GN36" s="61">
        <v>4</v>
      </c>
      <c r="GO36" s="61">
        <v>3</v>
      </c>
      <c r="GP36" s="61">
        <v>2</v>
      </c>
      <c r="GQ36" s="62">
        <v>13</v>
      </c>
      <c r="GR36" s="63">
        <v>16</v>
      </c>
      <c r="GS36" s="113">
        <v>2</v>
      </c>
      <c r="GT36" s="72">
        <v>3</v>
      </c>
      <c r="GU36" s="73">
        <v>5</v>
      </c>
      <c r="GV36" s="228"/>
      <c r="GW36" s="72">
        <v>12</v>
      </c>
      <c r="GX36" s="72">
        <v>2</v>
      </c>
      <c r="GY36" s="72">
        <v>7</v>
      </c>
      <c r="GZ36" s="72">
        <v>6</v>
      </c>
      <c r="HA36" s="72">
        <v>7</v>
      </c>
      <c r="HB36" s="74">
        <v>34</v>
      </c>
      <c r="HC36" s="75">
        <v>39</v>
      </c>
      <c r="HD36" s="60">
        <v>0</v>
      </c>
      <c r="HE36" s="61">
        <v>0</v>
      </c>
      <c r="HF36" s="62">
        <v>0</v>
      </c>
      <c r="HG36" s="231"/>
      <c r="HH36" s="61">
        <v>1</v>
      </c>
      <c r="HI36" s="61">
        <v>0</v>
      </c>
      <c r="HJ36" s="61">
        <v>0</v>
      </c>
      <c r="HK36" s="61">
        <v>0</v>
      </c>
      <c r="HL36" s="61">
        <v>1</v>
      </c>
      <c r="HM36" s="62">
        <v>2</v>
      </c>
      <c r="HN36" s="63">
        <v>2</v>
      </c>
      <c r="HO36" s="60">
        <v>0</v>
      </c>
      <c r="HP36" s="61">
        <v>0</v>
      </c>
      <c r="HQ36" s="62">
        <v>0</v>
      </c>
      <c r="HR36" s="231"/>
      <c r="HS36" s="61">
        <v>1</v>
      </c>
      <c r="HT36" s="61">
        <v>0</v>
      </c>
      <c r="HU36" s="61">
        <v>1</v>
      </c>
      <c r="HV36" s="61">
        <v>0</v>
      </c>
      <c r="HW36" s="61">
        <v>1</v>
      </c>
      <c r="HX36" s="62">
        <v>3</v>
      </c>
      <c r="HY36" s="63">
        <v>3</v>
      </c>
      <c r="HZ36" s="60">
        <v>1</v>
      </c>
      <c r="IA36" s="61">
        <v>1</v>
      </c>
      <c r="IB36" s="62">
        <v>2</v>
      </c>
      <c r="IC36" s="231"/>
      <c r="ID36" s="61">
        <v>1</v>
      </c>
      <c r="IE36" s="61">
        <v>1</v>
      </c>
      <c r="IF36" s="61">
        <v>0</v>
      </c>
      <c r="IG36" s="61">
        <v>0</v>
      </c>
      <c r="IH36" s="61">
        <v>2</v>
      </c>
      <c r="II36" s="62">
        <v>4</v>
      </c>
      <c r="IJ36" s="63">
        <v>6</v>
      </c>
      <c r="IK36" s="60">
        <v>1</v>
      </c>
      <c r="IL36" s="61">
        <v>1</v>
      </c>
      <c r="IM36" s="62">
        <v>2</v>
      </c>
      <c r="IN36" s="231"/>
      <c r="IO36" s="61">
        <v>0</v>
      </c>
      <c r="IP36" s="61">
        <v>0</v>
      </c>
      <c r="IQ36" s="61">
        <v>0</v>
      </c>
      <c r="IR36" s="61">
        <v>1</v>
      </c>
      <c r="IS36" s="61">
        <v>0</v>
      </c>
      <c r="IT36" s="62">
        <v>1</v>
      </c>
      <c r="IU36" s="63">
        <v>3</v>
      </c>
      <c r="IV36" s="60">
        <v>0</v>
      </c>
      <c r="IW36" s="61">
        <v>0</v>
      </c>
      <c r="IX36" s="62">
        <v>0</v>
      </c>
      <c r="IY36" s="231"/>
      <c r="IZ36" s="61">
        <v>4</v>
      </c>
      <c r="JA36" s="61">
        <v>1</v>
      </c>
      <c r="JB36" s="61">
        <v>3</v>
      </c>
      <c r="JC36" s="61">
        <v>1</v>
      </c>
      <c r="JD36" s="61">
        <v>2</v>
      </c>
      <c r="JE36" s="62">
        <v>11</v>
      </c>
      <c r="JF36" s="63">
        <v>11</v>
      </c>
      <c r="JG36" s="60">
        <v>0</v>
      </c>
      <c r="JH36" s="61">
        <v>1</v>
      </c>
      <c r="JI36" s="62">
        <v>1</v>
      </c>
      <c r="JJ36" s="231"/>
      <c r="JK36" s="61">
        <v>5</v>
      </c>
      <c r="JL36" s="61">
        <v>0</v>
      </c>
      <c r="JM36" s="61">
        <v>3</v>
      </c>
      <c r="JN36" s="61">
        <v>4</v>
      </c>
      <c r="JO36" s="61">
        <v>1</v>
      </c>
      <c r="JP36" s="62">
        <v>13</v>
      </c>
      <c r="JQ36" s="63">
        <v>14</v>
      </c>
      <c r="JR36" s="60">
        <v>0</v>
      </c>
      <c r="JS36" s="61">
        <v>0</v>
      </c>
      <c r="JT36" s="62">
        <v>0</v>
      </c>
      <c r="JU36" s="231"/>
      <c r="JV36" s="61">
        <v>0</v>
      </c>
      <c r="JW36" s="61">
        <v>0</v>
      </c>
      <c r="JX36" s="61">
        <v>0</v>
      </c>
      <c r="JY36" s="61">
        <v>0</v>
      </c>
      <c r="JZ36" s="61">
        <v>0</v>
      </c>
      <c r="KA36" s="62">
        <v>0</v>
      </c>
      <c r="KB36" s="63">
        <v>0</v>
      </c>
      <c r="KC36" s="60">
        <v>2</v>
      </c>
      <c r="KD36" s="61">
        <v>3</v>
      </c>
      <c r="KE36" s="62">
        <v>5</v>
      </c>
      <c r="KF36" s="231"/>
      <c r="KG36" s="61">
        <v>12</v>
      </c>
      <c r="KH36" s="61">
        <v>2</v>
      </c>
      <c r="KI36" s="61">
        <v>7</v>
      </c>
      <c r="KJ36" s="61">
        <v>6</v>
      </c>
      <c r="KK36" s="61">
        <v>7</v>
      </c>
      <c r="KL36" s="62">
        <v>34</v>
      </c>
      <c r="KM36" s="63">
        <v>39</v>
      </c>
    </row>
    <row r="37" spans="2:299" ht="21" customHeight="1" x14ac:dyDescent="0.2">
      <c r="B37" s="472" t="s">
        <v>34</v>
      </c>
      <c r="C37" s="293">
        <v>1</v>
      </c>
      <c r="D37" s="72">
        <v>1</v>
      </c>
      <c r="E37" s="73">
        <v>2</v>
      </c>
      <c r="F37" s="228"/>
      <c r="G37" s="72">
        <v>1</v>
      </c>
      <c r="H37" s="72">
        <v>3</v>
      </c>
      <c r="I37" s="72">
        <v>2</v>
      </c>
      <c r="J37" s="72">
        <v>0</v>
      </c>
      <c r="K37" s="72">
        <v>1</v>
      </c>
      <c r="L37" s="74">
        <v>7</v>
      </c>
      <c r="M37" s="75">
        <v>9</v>
      </c>
      <c r="N37" s="60">
        <v>0</v>
      </c>
      <c r="O37" s="61">
        <v>0</v>
      </c>
      <c r="P37" s="62">
        <v>0</v>
      </c>
      <c r="Q37" s="231"/>
      <c r="R37" s="61">
        <v>0</v>
      </c>
      <c r="S37" s="61">
        <v>1</v>
      </c>
      <c r="T37" s="61">
        <v>0</v>
      </c>
      <c r="U37" s="61">
        <v>0</v>
      </c>
      <c r="V37" s="61">
        <v>0</v>
      </c>
      <c r="W37" s="62">
        <v>1</v>
      </c>
      <c r="X37" s="63">
        <v>1</v>
      </c>
      <c r="Y37" s="60">
        <v>0</v>
      </c>
      <c r="Z37" s="61">
        <v>0</v>
      </c>
      <c r="AA37" s="62">
        <v>0</v>
      </c>
      <c r="AB37" s="231"/>
      <c r="AC37" s="61">
        <v>0</v>
      </c>
      <c r="AD37" s="61">
        <v>0</v>
      </c>
      <c r="AE37" s="61">
        <v>0</v>
      </c>
      <c r="AF37" s="61">
        <v>0</v>
      </c>
      <c r="AG37" s="61">
        <v>0</v>
      </c>
      <c r="AH37" s="62">
        <v>0</v>
      </c>
      <c r="AI37" s="63">
        <v>0</v>
      </c>
      <c r="AJ37" s="60">
        <v>1</v>
      </c>
      <c r="AK37" s="61">
        <v>0</v>
      </c>
      <c r="AL37" s="62">
        <v>1</v>
      </c>
      <c r="AM37" s="231"/>
      <c r="AN37" s="61">
        <v>0</v>
      </c>
      <c r="AO37" s="61">
        <v>0</v>
      </c>
      <c r="AP37" s="61">
        <v>0</v>
      </c>
      <c r="AQ37" s="61">
        <v>0</v>
      </c>
      <c r="AR37" s="61">
        <v>0</v>
      </c>
      <c r="AS37" s="62">
        <v>0</v>
      </c>
      <c r="AT37" s="63">
        <v>1</v>
      </c>
      <c r="AU37" s="60">
        <v>0</v>
      </c>
      <c r="AV37" s="61">
        <v>1</v>
      </c>
      <c r="AW37" s="62">
        <v>1</v>
      </c>
      <c r="AX37" s="231"/>
      <c r="AY37" s="61">
        <v>1</v>
      </c>
      <c r="AZ37" s="61">
        <v>1</v>
      </c>
      <c r="BA37" s="61">
        <v>0</v>
      </c>
      <c r="BB37" s="61">
        <v>0</v>
      </c>
      <c r="BC37" s="61">
        <v>0</v>
      </c>
      <c r="BD37" s="62">
        <v>2</v>
      </c>
      <c r="BE37" s="63">
        <v>3</v>
      </c>
      <c r="BF37" s="60">
        <v>0</v>
      </c>
      <c r="BG37" s="61">
        <v>0</v>
      </c>
      <c r="BH37" s="62">
        <v>0</v>
      </c>
      <c r="BI37" s="231"/>
      <c r="BJ37" s="61">
        <v>0</v>
      </c>
      <c r="BK37" s="61">
        <v>0</v>
      </c>
      <c r="BL37" s="61">
        <v>1</v>
      </c>
      <c r="BM37" s="61">
        <v>0</v>
      </c>
      <c r="BN37" s="61">
        <v>0</v>
      </c>
      <c r="BO37" s="62">
        <v>1</v>
      </c>
      <c r="BP37" s="63">
        <v>1</v>
      </c>
      <c r="BQ37" s="60">
        <v>0</v>
      </c>
      <c r="BR37" s="61">
        <v>0</v>
      </c>
      <c r="BS37" s="62">
        <v>0</v>
      </c>
      <c r="BT37" s="231"/>
      <c r="BU37" s="61">
        <v>0</v>
      </c>
      <c r="BV37" s="61">
        <v>1</v>
      </c>
      <c r="BW37" s="61">
        <v>1</v>
      </c>
      <c r="BX37" s="61">
        <v>0</v>
      </c>
      <c r="BY37" s="61">
        <v>1</v>
      </c>
      <c r="BZ37" s="62">
        <v>3</v>
      </c>
      <c r="CA37" s="63">
        <v>3</v>
      </c>
      <c r="CB37" s="60">
        <v>0</v>
      </c>
      <c r="CC37" s="61">
        <v>0</v>
      </c>
      <c r="CD37" s="62">
        <v>0</v>
      </c>
      <c r="CE37" s="231"/>
      <c r="CF37" s="61">
        <v>0</v>
      </c>
      <c r="CG37" s="61">
        <v>0</v>
      </c>
      <c r="CH37" s="61">
        <v>0</v>
      </c>
      <c r="CI37" s="61">
        <v>0</v>
      </c>
      <c r="CJ37" s="61">
        <v>0</v>
      </c>
      <c r="CK37" s="62">
        <v>0</v>
      </c>
      <c r="CL37" s="63">
        <v>0</v>
      </c>
      <c r="CM37" s="60">
        <v>1</v>
      </c>
      <c r="CN37" s="61">
        <v>1</v>
      </c>
      <c r="CO37" s="62">
        <v>2</v>
      </c>
      <c r="CP37" s="231"/>
      <c r="CQ37" s="61">
        <v>1</v>
      </c>
      <c r="CR37" s="61">
        <v>3</v>
      </c>
      <c r="CS37" s="61">
        <v>2</v>
      </c>
      <c r="CT37" s="61">
        <v>0</v>
      </c>
      <c r="CU37" s="61">
        <v>1</v>
      </c>
      <c r="CV37" s="62">
        <v>7</v>
      </c>
      <c r="CW37" s="63">
        <v>9</v>
      </c>
      <c r="CX37" s="113">
        <v>0</v>
      </c>
      <c r="CY37" s="72">
        <v>1</v>
      </c>
      <c r="CZ37" s="73">
        <v>1</v>
      </c>
      <c r="DA37" s="228"/>
      <c r="DB37" s="72">
        <v>1</v>
      </c>
      <c r="DC37" s="72">
        <v>1</v>
      </c>
      <c r="DD37" s="72">
        <v>1</v>
      </c>
      <c r="DE37" s="72">
        <v>0</v>
      </c>
      <c r="DF37" s="72">
        <v>0</v>
      </c>
      <c r="DG37" s="74">
        <v>3</v>
      </c>
      <c r="DH37" s="75">
        <v>4</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0</v>
      </c>
      <c r="EB37" s="61">
        <v>0</v>
      </c>
      <c r="EC37" s="62">
        <v>0</v>
      </c>
      <c r="ED37" s="63">
        <v>0</v>
      </c>
      <c r="EE37" s="60">
        <v>0</v>
      </c>
      <c r="EF37" s="61">
        <v>1</v>
      </c>
      <c r="EG37" s="62">
        <v>1</v>
      </c>
      <c r="EH37" s="231"/>
      <c r="EI37" s="61">
        <v>0</v>
      </c>
      <c r="EJ37" s="61">
        <v>0</v>
      </c>
      <c r="EK37" s="61">
        <v>1</v>
      </c>
      <c r="EL37" s="61">
        <v>0</v>
      </c>
      <c r="EM37" s="61">
        <v>0</v>
      </c>
      <c r="EN37" s="62">
        <v>1</v>
      </c>
      <c r="EO37" s="63">
        <v>2</v>
      </c>
      <c r="EP37" s="60">
        <v>0</v>
      </c>
      <c r="EQ37" s="61">
        <v>0</v>
      </c>
      <c r="ER37" s="62">
        <v>0</v>
      </c>
      <c r="ES37" s="231"/>
      <c r="ET37" s="61">
        <v>0</v>
      </c>
      <c r="EU37" s="61">
        <v>0</v>
      </c>
      <c r="EV37" s="61">
        <v>0</v>
      </c>
      <c r="EW37" s="61">
        <v>0</v>
      </c>
      <c r="EX37" s="61">
        <v>0</v>
      </c>
      <c r="EY37" s="62">
        <v>0</v>
      </c>
      <c r="EZ37" s="63">
        <v>0</v>
      </c>
      <c r="FA37" s="60">
        <v>0</v>
      </c>
      <c r="FB37" s="61">
        <v>0</v>
      </c>
      <c r="FC37" s="62">
        <v>0</v>
      </c>
      <c r="FD37" s="231"/>
      <c r="FE37" s="61">
        <v>1</v>
      </c>
      <c r="FF37" s="61">
        <v>1</v>
      </c>
      <c r="FG37" s="61">
        <v>0</v>
      </c>
      <c r="FH37" s="61">
        <v>0</v>
      </c>
      <c r="FI37" s="61">
        <v>0</v>
      </c>
      <c r="FJ37" s="62">
        <v>2</v>
      </c>
      <c r="FK37" s="63">
        <v>2</v>
      </c>
      <c r="FL37" s="60">
        <v>0</v>
      </c>
      <c r="FM37" s="61">
        <v>0</v>
      </c>
      <c r="FN37" s="62">
        <v>0</v>
      </c>
      <c r="FO37" s="231"/>
      <c r="FP37" s="61">
        <v>0</v>
      </c>
      <c r="FQ37" s="61">
        <v>0</v>
      </c>
      <c r="FR37" s="61">
        <v>0</v>
      </c>
      <c r="FS37" s="61">
        <v>0</v>
      </c>
      <c r="FT37" s="61">
        <v>0</v>
      </c>
      <c r="FU37" s="62">
        <v>0</v>
      </c>
      <c r="FV37" s="63">
        <v>0</v>
      </c>
      <c r="FW37" s="60">
        <v>0</v>
      </c>
      <c r="FX37" s="61">
        <v>0</v>
      </c>
      <c r="FY37" s="62">
        <v>0</v>
      </c>
      <c r="FZ37" s="231">
        <v>0</v>
      </c>
      <c r="GA37" s="61">
        <v>0</v>
      </c>
      <c r="GB37" s="61">
        <v>0</v>
      </c>
      <c r="GC37" s="61">
        <v>0</v>
      </c>
      <c r="GD37" s="61">
        <v>0</v>
      </c>
      <c r="GE37" s="61">
        <v>0</v>
      </c>
      <c r="GF37" s="62">
        <v>0</v>
      </c>
      <c r="GG37" s="63">
        <v>0</v>
      </c>
      <c r="GH37" s="60">
        <v>0</v>
      </c>
      <c r="GI37" s="61">
        <v>1</v>
      </c>
      <c r="GJ37" s="62">
        <v>1</v>
      </c>
      <c r="GK37" s="231"/>
      <c r="GL37" s="61">
        <v>1</v>
      </c>
      <c r="GM37" s="61">
        <v>1</v>
      </c>
      <c r="GN37" s="61">
        <v>1</v>
      </c>
      <c r="GO37" s="61">
        <v>0</v>
      </c>
      <c r="GP37" s="61">
        <v>0</v>
      </c>
      <c r="GQ37" s="62">
        <v>3</v>
      </c>
      <c r="GR37" s="63">
        <v>4</v>
      </c>
      <c r="GS37" s="113">
        <v>1</v>
      </c>
      <c r="GT37" s="72">
        <v>2</v>
      </c>
      <c r="GU37" s="73">
        <v>3</v>
      </c>
      <c r="GV37" s="228"/>
      <c r="GW37" s="72">
        <v>2</v>
      </c>
      <c r="GX37" s="72">
        <v>4</v>
      </c>
      <c r="GY37" s="72">
        <v>3</v>
      </c>
      <c r="GZ37" s="72">
        <v>0</v>
      </c>
      <c r="HA37" s="72">
        <v>1</v>
      </c>
      <c r="HB37" s="74">
        <v>10</v>
      </c>
      <c r="HC37" s="75">
        <v>13</v>
      </c>
      <c r="HD37" s="60">
        <v>0</v>
      </c>
      <c r="HE37" s="61">
        <v>0</v>
      </c>
      <c r="HF37" s="62">
        <v>0</v>
      </c>
      <c r="HG37" s="231"/>
      <c r="HH37" s="61">
        <v>0</v>
      </c>
      <c r="HI37" s="61">
        <v>1</v>
      </c>
      <c r="HJ37" s="61">
        <v>0</v>
      </c>
      <c r="HK37" s="61">
        <v>0</v>
      </c>
      <c r="HL37" s="61">
        <v>0</v>
      </c>
      <c r="HM37" s="62">
        <v>1</v>
      </c>
      <c r="HN37" s="63">
        <v>1</v>
      </c>
      <c r="HO37" s="60">
        <v>0</v>
      </c>
      <c r="HP37" s="61">
        <v>0</v>
      </c>
      <c r="HQ37" s="62">
        <v>0</v>
      </c>
      <c r="HR37" s="231"/>
      <c r="HS37" s="61">
        <v>0</v>
      </c>
      <c r="HT37" s="61">
        <v>0</v>
      </c>
      <c r="HU37" s="61">
        <v>0</v>
      </c>
      <c r="HV37" s="61">
        <v>0</v>
      </c>
      <c r="HW37" s="61">
        <v>0</v>
      </c>
      <c r="HX37" s="62">
        <v>0</v>
      </c>
      <c r="HY37" s="63">
        <v>0</v>
      </c>
      <c r="HZ37" s="60">
        <v>1</v>
      </c>
      <c r="IA37" s="61">
        <v>1</v>
      </c>
      <c r="IB37" s="62">
        <v>2</v>
      </c>
      <c r="IC37" s="231"/>
      <c r="ID37" s="61">
        <v>0</v>
      </c>
      <c r="IE37" s="61">
        <v>0</v>
      </c>
      <c r="IF37" s="61">
        <v>1</v>
      </c>
      <c r="IG37" s="61">
        <v>0</v>
      </c>
      <c r="IH37" s="61">
        <v>0</v>
      </c>
      <c r="II37" s="62">
        <v>1</v>
      </c>
      <c r="IJ37" s="63">
        <v>3</v>
      </c>
      <c r="IK37" s="60">
        <v>0</v>
      </c>
      <c r="IL37" s="61">
        <v>1</v>
      </c>
      <c r="IM37" s="62">
        <v>1</v>
      </c>
      <c r="IN37" s="231"/>
      <c r="IO37" s="61">
        <v>1</v>
      </c>
      <c r="IP37" s="61">
        <v>1</v>
      </c>
      <c r="IQ37" s="61">
        <v>0</v>
      </c>
      <c r="IR37" s="61">
        <v>0</v>
      </c>
      <c r="IS37" s="61">
        <v>0</v>
      </c>
      <c r="IT37" s="62">
        <v>2</v>
      </c>
      <c r="IU37" s="63">
        <v>3</v>
      </c>
      <c r="IV37" s="60">
        <v>0</v>
      </c>
      <c r="IW37" s="61">
        <v>0</v>
      </c>
      <c r="IX37" s="62">
        <v>0</v>
      </c>
      <c r="IY37" s="231"/>
      <c r="IZ37" s="61">
        <v>1</v>
      </c>
      <c r="JA37" s="61">
        <v>1</v>
      </c>
      <c r="JB37" s="61">
        <v>1</v>
      </c>
      <c r="JC37" s="61">
        <v>0</v>
      </c>
      <c r="JD37" s="61">
        <v>0</v>
      </c>
      <c r="JE37" s="62">
        <v>3</v>
      </c>
      <c r="JF37" s="63">
        <v>3</v>
      </c>
      <c r="JG37" s="60">
        <v>0</v>
      </c>
      <c r="JH37" s="61">
        <v>0</v>
      </c>
      <c r="JI37" s="62">
        <v>0</v>
      </c>
      <c r="JJ37" s="231"/>
      <c r="JK37" s="61">
        <v>0</v>
      </c>
      <c r="JL37" s="61">
        <v>1</v>
      </c>
      <c r="JM37" s="61">
        <v>1</v>
      </c>
      <c r="JN37" s="61">
        <v>0</v>
      </c>
      <c r="JO37" s="61">
        <v>1</v>
      </c>
      <c r="JP37" s="62">
        <v>3</v>
      </c>
      <c r="JQ37" s="63">
        <v>3</v>
      </c>
      <c r="JR37" s="60">
        <v>0</v>
      </c>
      <c r="JS37" s="61">
        <v>0</v>
      </c>
      <c r="JT37" s="62">
        <v>0</v>
      </c>
      <c r="JU37" s="231"/>
      <c r="JV37" s="61">
        <v>0</v>
      </c>
      <c r="JW37" s="61">
        <v>0</v>
      </c>
      <c r="JX37" s="61">
        <v>0</v>
      </c>
      <c r="JY37" s="61">
        <v>0</v>
      </c>
      <c r="JZ37" s="61">
        <v>0</v>
      </c>
      <c r="KA37" s="62">
        <v>0</v>
      </c>
      <c r="KB37" s="63">
        <v>0</v>
      </c>
      <c r="KC37" s="60">
        <v>1</v>
      </c>
      <c r="KD37" s="61">
        <v>2</v>
      </c>
      <c r="KE37" s="62">
        <v>3</v>
      </c>
      <c r="KF37" s="231"/>
      <c r="KG37" s="61">
        <v>2</v>
      </c>
      <c r="KH37" s="61">
        <v>4</v>
      </c>
      <c r="KI37" s="61">
        <v>3</v>
      </c>
      <c r="KJ37" s="61">
        <v>0</v>
      </c>
      <c r="KK37" s="61">
        <v>1</v>
      </c>
      <c r="KL37" s="62">
        <v>10</v>
      </c>
      <c r="KM37" s="63">
        <v>13</v>
      </c>
    </row>
    <row r="38" spans="2:299" ht="21" customHeight="1" x14ac:dyDescent="0.2">
      <c r="B38" s="472" t="s">
        <v>35</v>
      </c>
      <c r="C38" s="293">
        <v>6</v>
      </c>
      <c r="D38" s="72">
        <v>6</v>
      </c>
      <c r="E38" s="73">
        <v>12</v>
      </c>
      <c r="F38" s="228"/>
      <c r="G38" s="72">
        <v>16</v>
      </c>
      <c r="H38" s="72">
        <v>7</v>
      </c>
      <c r="I38" s="72">
        <v>3</v>
      </c>
      <c r="J38" s="72">
        <v>5</v>
      </c>
      <c r="K38" s="72">
        <v>2</v>
      </c>
      <c r="L38" s="74">
        <v>33</v>
      </c>
      <c r="M38" s="75">
        <v>45</v>
      </c>
      <c r="N38" s="60">
        <v>0</v>
      </c>
      <c r="O38" s="61">
        <v>0</v>
      </c>
      <c r="P38" s="62">
        <v>0</v>
      </c>
      <c r="Q38" s="231"/>
      <c r="R38" s="61">
        <v>0</v>
      </c>
      <c r="S38" s="61">
        <v>0</v>
      </c>
      <c r="T38" s="61">
        <v>0</v>
      </c>
      <c r="U38" s="61">
        <v>2</v>
      </c>
      <c r="V38" s="61">
        <v>0</v>
      </c>
      <c r="W38" s="62">
        <v>2</v>
      </c>
      <c r="X38" s="63">
        <v>2</v>
      </c>
      <c r="Y38" s="60">
        <v>1</v>
      </c>
      <c r="Z38" s="61">
        <v>0</v>
      </c>
      <c r="AA38" s="62">
        <v>1</v>
      </c>
      <c r="AB38" s="231"/>
      <c r="AC38" s="61">
        <v>2</v>
      </c>
      <c r="AD38" s="61">
        <v>0</v>
      </c>
      <c r="AE38" s="61">
        <v>0</v>
      </c>
      <c r="AF38" s="61">
        <v>0</v>
      </c>
      <c r="AG38" s="61">
        <v>0</v>
      </c>
      <c r="AH38" s="62">
        <v>2</v>
      </c>
      <c r="AI38" s="63">
        <v>3</v>
      </c>
      <c r="AJ38" s="60">
        <v>0</v>
      </c>
      <c r="AK38" s="61">
        <v>1</v>
      </c>
      <c r="AL38" s="62">
        <v>1</v>
      </c>
      <c r="AM38" s="231"/>
      <c r="AN38" s="61">
        <v>6</v>
      </c>
      <c r="AO38" s="61">
        <v>0</v>
      </c>
      <c r="AP38" s="61">
        <v>2</v>
      </c>
      <c r="AQ38" s="61">
        <v>1</v>
      </c>
      <c r="AR38" s="61">
        <v>0</v>
      </c>
      <c r="AS38" s="62">
        <v>9</v>
      </c>
      <c r="AT38" s="63">
        <v>10</v>
      </c>
      <c r="AU38" s="60">
        <v>1</v>
      </c>
      <c r="AV38" s="61">
        <v>0</v>
      </c>
      <c r="AW38" s="62">
        <v>1</v>
      </c>
      <c r="AX38" s="231"/>
      <c r="AY38" s="61">
        <v>4</v>
      </c>
      <c r="AZ38" s="61">
        <v>3</v>
      </c>
      <c r="BA38" s="61">
        <v>1</v>
      </c>
      <c r="BB38" s="61">
        <v>0</v>
      </c>
      <c r="BC38" s="61">
        <v>0</v>
      </c>
      <c r="BD38" s="62">
        <v>8</v>
      </c>
      <c r="BE38" s="63">
        <v>9</v>
      </c>
      <c r="BF38" s="60">
        <v>1</v>
      </c>
      <c r="BG38" s="61">
        <v>4</v>
      </c>
      <c r="BH38" s="62">
        <v>5</v>
      </c>
      <c r="BI38" s="231"/>
      <c r="BJ38" s="61">
        <v>3</v>
      </c>
      <c r="BK38" s="61">
        <v>2</v>
      </c>
      <c r="BL38" s="61">
        <v>0</v>
      </c>
      <c r="BM38" s="61">
        <v>0</v>
      </c>
      <c r="BN38" s="61">
        <v>2</v>
      </c>
      <c r="BO38" s="62">
        <v>7</v>
      </c>
      <c r="BP38" s="63">
        <v>12</v>
      </c>
      <c r="BQ38" s="60">
        <v>3</v>
      </c>
      <c r="BR38" s="61">
        <v>1</v>
      </c>
      <c r="BS38" s="62">
        <v>4</v>
      </c>
      <c r="BT38" s="231"/>
      <c r="BU38" s="61">
        <v>1</v>
      </c>
      <c r="BV38" s="61">
        <v>2</v>
      </c>
      <c r="BW38" s="61">
        <v>0</v>
      </c>
      <c r="BX38" s="61">
        <v>2</v>
      </c>
      <c r="BY38" s="61">
        <v>0</v>
      </c>
      <c r="BZ38" s="62">
        <v>5</v>
      </c>
      <c r="CA38" s="63">
        <v>9</v>
      </c>
      <c r="CB38" s="60">
        <v>0</v>
      </c>
      <c r="CC38" s="61">
        <v>0</v>
      </c>
      <c r="CD38" s="62">
        <v>0</v>
      </c>
      <c r="CE38" s="231"/>
      <c r="CF38" s="61">
        <v>0</v>
      </c>
      <c r="CG38" s="61">
        <v>0</v>
      </c>
      <c r="CH38" s="61">
        <v>0</v>
      </c>
      <c r="CI38" s="61">
        <v>0</v>
      </c>
      <c r="CJ38" s="61">
        <v>0</v>
      </c>
      <c r="CK38" s="62">
        <v>0</v>
      </c>
      <c r="CL38" s="63">
        <v>0</v>
      </c>
      <c r="CM38" s="60">
        <v>6</v>
      </c>
      <c r="CN38" s="61">
        <v>6</v>
      </c>
      <c r="CO38" s="62">
        <v>12</v>
      </c>
      <c r="CP38" s="231"/>
      <c r="CQ38" s="61">
        <v>16</v>
      </c>
      <c r="CR38" s="61">
        <v>7</v>
      </c>
      <c r="CS38" s="61">
        <v>3</v>
      </c>
      <c r="CT38" s="61">
        <v>5</v>
      </c>
      <c r="CU38" s="61">
        <v>2</v>
      </c>
      <c r="CV38" s="62">
        <v>33</v>
      </c>
      <c r="CW38" s="63">
        <v>45</v>
      </c>
      <c r="CX38" s="113">
        <v>3</v>
      </c>
      <c r="CY38" s="72">
        <v>1</v>
      </c>
      <c r="CZ38" s="73">
        <v>4</v>
      </c>
      <c r="DA38" s="228"/>
      <c r="DB38" s="72">
        <v>4</v>
      </c>
      <c r="DC38" s="72">
        <v>1</v>
      </c>
      <c r="DD38" s="72">
        <v>3</v>
      </c>
      <c r="DE38" s="72">
        <v>4</v>
      </c>
      <c r="DF38" s="72">
        <v>3</v>
      </c>
      <c r="DG38" s="74">
        <v>15</v>
      </c>
      <c r="DH38" s="75">
        <v>19</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0</v>
      </c>
      <c r="EA38" s="61">
        <v>0</v>
      </c>
      <c r="EB38" s="61">
        <v>0</v>
      </c>
      <c r="EC38" s="62">
        <v>0</v>
      </c>
      <c r="ED38" s="63">
        <v>0</v>
      </c>
      <c r="EE38" s="60">
        <v>0</v>
      </c>
      <c r="EF38" s="61">
        <v>0</v>
      </c>
      <c r="EG38" s="62">
        <v>0</v>
      </c>
      <c r="EH38" s="231"/>
      <c r="EI38" s="61">
        <v>0</v>
      </c>
      <c r="EJ38" s="61">
        <v>1</v>
      </c>
      <c r="EK38" s="61">
        <v>0</v>
      </c>
      <c r="EL38" s="61">
        <v>0</v>
      </c>
      <c r="EM38" s="61">
        <v>0</v>
      </c>
      <c r="EN38" s="62">
        <v>1</v>
      </c>
      <c r="EO38" s="63">
        <v>1</v>
      </c>
      <c r="EP38" s="60">
        <v>0</v>
      </c>
      <c r="EQ38" s="61">
        <v>0</v>
      </c>
      <c r="ER38" s="62">
        <v>0</v>
      </c>
      <c r="ES38" s="231"/>
      <c r="ET38" s="61">
        <v>1</v>
      </c>
      <c r="EU38" s="61">
        <v>0</v>
      </c>
      <c r="EV38" s="61">
        <v>0</v>
      </c>
      <c r="EW38" s="61">
        <v>2</v>
      </c>
      <c r="EX38" s="61">
        <v>0</v>
      </c>
      <c r="EY38" s="62">
        <v>3</v>
      </c>
      <c r="EZ38" s="63">
        <v>3</v>
      </c>
      <c r="FA38" s="60">
        <v>1</v>
      </c>
      <c r="FB38" s="61">
        <v>1</v>
      </c>
      <c r="FC38" s="62">
        <v>2</v>
      </c>
      <c r="FD38" s="231"/>
      <c r="FE38" s="61">
        <v>2</v>
      </c>
      <c r="FF38" s="61">
        <v>0</v>
      </c>
      <c r="FG38" s="61">
        <v>1</v>
      </c>
      <c r="FH38" s="61">
        <v>0</v>
      </c>
      <c r="FI38" s="61">
        <v>1</v>
      </c>
      <c r="FJ38" s="62">
        <v>4</v>
      </c>
      <c r="FK38" s="63">
        <v>6</v>
      </c>
      <c r="FL38" s="60">
        <v>2</v>
      </c>
      <c r="FM38" s="61">
        <v>0</v>
      </c>
      <c r="FN38" s="62">
        <v>2</v>
      </c>
      <c r="FO38" s="231"/>
      <c r="FP38" s="61">
        <v>1</v>
      </c>
      <c r="FQ38" s="61">
        <v>0</v>
      </c>
      <c r="FR38" s="61">
        <v>2</v>
      </c>
      <c r="FS38" s="61">
        <v>2</v>
      </c>
      <c r="FT38" s="61">
        <v>2</v>
      </c>
      <c r="FU38" s="62">
        <v>7</v>
      </c>
      <c r="FV38" s="63">
        <v>9</v>
      </c>
      <c r="FW38" s="60">
        <v>0</v>
      </c>
      <c r="FX38" s="61">
        <v>0</v>
      </c>
      <c r="FY38" s="62">
        <v>0</v>
      </c>
      <c r="FZ38" s="231">
        <v>0</v>
      </c>
      <c r="GA38" s="61">
        <v>0</v>
      </c>
      <c r="GB38" s="61">
        <v>0</v>
      </c>
      <c r="GC38" s="61">
        <v>0</v>
      </c>
      <c r="GD38" s="61">
        <v>0</v>
      </c>
      <c r="GE38" s="61">
        <v>0</v>
      </c>
      <c r="GF38" s="62">
        <v>0</v>
      </c>
      <c r="GG38" s="63">
        <v>0</v>
      </c>
      <c r="GH38" s="60">
        <v>3</v>
      </c>
      <c r="GI38" s="61">
        <v>1</v>
      </c>
      <c r="GJ38" s="62">
        <v>4</v>
      </c>
      <c r="GK38" s="231"/>
      <c r="GL38" s="61">
        <v>4</v>
      </c>
      <c r="GM38" s="61">
        <v>1</v>
      </c>
      <c r="GN38" s="61">
        <v>3</v>
      </c>
      <c r="GO38" s="61">
        <v>4</v>
      </c>
      <c r="GP38" s="61">
        <v>3</v>
      </c>
      <c r="GQ38" s="62">
        <v>15</v>
      </c>
      <c r="GR38" s="63">
        <v>19</v>
      </c>
      <c r="GS38" s="113">
        <v>9</v>
      </c>
      <c r="GT38" s="72">
        <v>7</v>
      </c>
      <c r="GU38" s="73">
        <v>16</v>
      </c>
      <c r="GV38" s="228"/>
      <c r="GW38" s="72">
        <v>20</v>
      </c>
      <c r="GX38" s="72">
        <v>8</v>
      </c>
      <c r="GY38" s="72">
        <v>6</v>
      </c>
      <c r="GZ38" s="72">
        <v>9</v>
      </c>
      <c r="HA38" s="72">
        <v>5</v>
      </c>
      <c r="HB38" s="74">
        <v>48</v>
      </c>
      <c r="HC38" s="75">
        <v>64</v>
      </c>
      <c r="HD38" s="60">
        <v>0</v>
      </c>
      <c r="HE38" s="61">
        <v>0</v>
      </c>
      <c r="HF38" s="62">
        <v>0</v>
      </c>
      <c r="HG38" s="231"/>
      <c r="HH38" s="61">
        <v>0</v>
      </c>
      <c r="HI38" s="61">
        <v>0</v>
      </c>
      <c r="HJ38" s="61">
        <v>0</v>
      </c>
      <c r="HK38" s="61">
        <v>2</v>
      </c>
      <c r="HL38" s="61">
        <v>0</v>
      </c>
      <c r="HM38" s="62">
        <v>2</v>
      </c>
      <c r="HN38" s="63">
        <v>2</v>
      </c>
      <c r="HO38" s="60">
        <v>1</v>
      </c>
      <c r="HP38" s="61">
        <v>0</v>
      </c>
      <c r="HQ38" s="62">
        <v>1</v>
      </c>
      <c r="HR38" s="231"/>
      <c r="HS38" s="61">
        <v>2</v>
      </c>
      <c r="HT38" s="61">
        <v>0</v>
      </c>
      <c r="HU38" s="61">
        <v>0</v>
      </c>
      <c r="HV38" s="61">
        <v>0</v>
      </c>
      <c r="HW38" s="61">
        <v>0</v>
      </c>
      <c r="HX38" s="62">
        <v>2</v>
      </c>
      <c r="HY38" s="63">
        <v>3</v>
      </c>
      <c r="HZ38" s="60">
        <v>0</v>
      </c>
      <c r="IA38" s="61">
        <v>1</v>
      </c>
      <c r="IB38" s="62">
        <v>1</v>
      </c>
      <c r="IC38" s="231"/>
      <c r="ID38" s="61">
        <v>6</v>
      </c>
      <c r="IE38" s="61">
        <v>1</v>
      </c>
      <c r="IF38" s="61">
        <v>2</v>
      </c>
      <c r="IG38" s="61">
        <v>1</v>
      </c>
      <c r="IH38" s="61">
        <v>0</v>
      </c>
      <c r="II38" s="62">
        <v>10</v>
      </c>
      <c r="IJ38" s="63">
        <v>11</v>
      </c>
      <c r="IK38" s="60">
        <v>1</v>
      </c>
      <c r="IL38" s="61">
        <v>0</v>
      </c>
      <c r="IM38" s="62">
        <v>1</v>
      </c>
      <c r="IN38" s="231"/>
      <c r="IO38" s="61">
        <v>5</v>
      </c>
      <c r="IP38" s="61">
        <v>3</v>
      </c>
      <c r="IQ38" s="61">
        <v>1</v>
      </c>
      <c r="IR38" s="61">
        <v>2</v>
      </c>
      <c r="IS38" s="61">
        <v>0</v>
      </c>
      <c r="IT38" s="62">
        <v>11</v>
      </c>
      <c r="IU38" s="63">
        <v>12</v>
      </c>
      <c r="IV38" s="60">
        <v>2</v>
      </c>
      <c r="IW38" s="61">
        <v>5</v>
      </c>
      <c r="IX38" s="62">
        <v>7</v>
      </c>
      <c r="IY38" s="231"/>
      <c r="IZ38" s="61">
        <v>5</v>
      </c>
      <c r="JA38" s="61">
        <v>2</v>
      </c>
      <c r="JB38" s="61">
        <v>1</v>
      </c>
      <c r="JC38" s="61">
        <v>0</v>
      </c>
      <c r="JD38" s="61">
        <v>3</v>
      </c>
      <c r="JE38" s="62">
        <v>11</v>
      </c>
      <c r="JF38" s="63">
        <v>18</v>
      </c>
      <c r="JG38" s="60">
        <v>5</v>
      </c>
      <c r="JH38" s="61">
        <v>1</v>
      </c>
      <c r="JI38" s="62">
        <v>6</v>
      </c>
      <c r="JJ38" s="231"/>
      <c r="JK38" s="61">
        <v>2</v>
      </c>
      <c r="JL38" s="61">
        <v>2</v>
      </c>
      <c r="JM38" s="61">
        <v>2</v>
      </c>
      <c r="JN38" s="61">
        <v>4</v>
      </c>
      <c r="JO38" s="61">
        <v>2</v>
      </c>
      <c r="JP38" s="62">
        <v>12</v>
      </c>
      <c r="JQ38" s="63">
        <v>18</v>
      </c>
      <c r="JR38" s="60">
        <v>0</v>
      </c>
      <c r="JS38" s="61">
        <v>0</v>
      </c>
      <c r="JT38" s="62">
        <v>0</v>
      </c>
      <c r="JU38" s="231"/>
      <c r="JV38" s="61">
        <v>0</v>
      </c>
      <c r="JW38" s="61">
        <v>0</v>
      </c>
      <c r="JX38" s="61">
        <v>0</v>
      </c>
      <c r="JY38" s="61">
        <v>0</v>
      </c>
      <c r="JZ38" s="61">
        <v>0</v>
      </c>
      <c r="KA38" s="62">
        <v>0</v>
      </c>
      <c r="KB38" s="63">
        <v>0</v>
      </c>
      <c r="KC38" s="60">
        <v>9</v>
      </c>
      <c r="KD38" s="61">
        <v>7</v>
      </c>
      <c r="KE38" s="62">
        <v>16</v>
      </c>
      <c r="KF38" s="231"/>
      <c r="KG38" s="61">
        <v>20</v>
      </c>
      <c r="KH38" s="61">
        <v>8</v>
      </c>
      <c r="KI38" s="61">
        <v>6</v>
      </c>
      <c r="KJ38" s="61">
        <v>9</v>
      </c>
      <c r="KK38" s="61">
        <v>5</v>
      </c>
      <c r="KL38" s="62">
        <v>48</v>
      </c>
      <c r="KM38" s="63">
        <v>64</v>
      </c>
    </row>
    <row r="39" spans="2:299" ht="21" customHeight="1" x14ac:dyDescent="0.2">
      <c r="B39" s="472" t="s">
        <v>36</v>
      </c>
      <c r="C39" s="293">
        <v>6</v>
      </c>
      <c r="D39" s="72">
        <v>7</v>
      </c>
      <c r="E39" s="73">
        <v>13</v>
      </c>
      <c r="F39" s="228"/>
      <c r="G39" s="72">
        <v>8</v>
      </c>
      <c r="H39" s="72">
        <v>5</v>
      </c>
      <c r="I39" s="72">
        <v>3</v>
      </c>
      <c r="J39" s="72">
        <v>4</v>
      </c>
      <c r="K39" s="72">
        <v>3</v>
      </c>
      <c r="L39" s="74">
        <v>23</v>
      </c>
      <c r="M39" s="75">
        <v>36</v>
      </c>
      <c r="N39" s="60">
        <v>0</v>
      </c>
      <c r="O39" s="61">
        <v>0</v>
      </c>
      <c r="P39" s="62">
        <v>0</v>
      </c>
      <c r="Q39" s="231"/>
      <c r="R39" s="61">
        <v>0</v>
      </c>
      <c r="S39" s="61">
        <v>0</v>
      </c>
      <c r="T39" s="61">
        <v>0</v>
      </c>
      <c r="U39" s="61">
        <v>0</v>
      </c>
      <c r="V39" s="61">
        <v>0</v>
      </c>
      <c r="W39" s="62">
        <v>0</v>
      </c>
      <c r="X39" s="63">
        <v>0</v>
      </c>
      <c r="Y39" s="60">
        <v>0</v>
      </c>
      <c r="Z39" s="61">
        <v>0</v>
      </c>
      <c r="AA39" s="62">
        <v>0</v>
      </c>
      <c r="AB39" s="231"/>
      <c r="AC39" s="61">
        <v>0</v>
      </c>
      <c r="AD39" s="61">
        <v>2</v>
      </c>
      <c r="AE39" s="61">
        <v>0</v>
      </c>
      <c r="AF39" s="61">
        <v>0</v>
      </c>
      <c r="AG39" s="61">
        <v>0</v>
      </c>
      <c r="AH39" s="62">
        <v>2</v>
      </c>
      <c r="AI39" s="63">
        <v>2</v>
      </c>
      <c r="AJ39" s="60">
        <v>2</v>
      </c>
      <c r="AK39" s="61">
        <v>0</v>
      </c>
      <c r="AL39" s="62">
        <v>2</v>
      </c>
      <c r="AM39" s="231"/>
      <c r="AN39" s="61">
        <v>1</v>
      </c>
      <c r="AO39" s="61">
        <v>1</v>
      </c>
      <c r="AP39" s="61">
        <v>1</v>
      </c>
      <c r="AQ39" s="61">
        <v>0</v>
      </c>
      <c r="AR39" s="61">
        <v>0</v>
      </c>
      <c r="AS39" s="62">
        <v>3</v>
      </c>
      <c r="AT39" s="63">
        <v>5</v>
      </c>
      <c r="AU39" s="60">
        <v>1</v>
      </c>
      <c r="AV39" s="61">
        <v>2</v>
      </c>
      <c r="AW39" s="62">
        <v>3</v>
      </c>
      <c r="AX39" s="231"/>
      <c r="AY39" s="61">
        <v>4</v>
      </c>
      <c r="AZ39" s="61">
        <v>1</v>
      </c>
      <c r="BA39" s="61">
        <v>1</v>
      </c>
      <c r="BB39" s="61">
        <v>0</v>
      </c>
      <c r="BC39" s="61">
        <v>2</v>
      </c>
      <c r="BD39" s="62">
        <v>8</v>
      </c>
      <c r="BE39" s="63">
        <v>11</v>
      </c>
      <c r="BF39" s="60">
        <v>3</v>
      </c>
      <c r="BG39" s="61">
        <v>3</v>
      </c>
      <c r="BH39" s="62">
        <v>6</v>
      </c>
      <c r="BI39" s="231"/>
      <c r="BJ39" s="61">
        <v>2</v>
      </c>
      <c r="BK39" s="61">
        <v>0</v>
      </c>
      <c r="BL39" s="61">
        <v>0</v>
      </c>
      <c r="BM39" s="61">
        <v>1</v>
      </c>
      <c r="BN39" s="61">
        <v>0</v>
      </c>
      <c r="BO39" s="62">
        <v>3</v>
      </c>
      <c r="BP39" s="63">
        <v>9</v>
      </c>
      <c r="BQ39" s="60">
        <v>0</v>
      </c>
      <c r="BR39" s="61">
        <v>2</v>
      </c>
      <c r="BS39" s="62">
        <v>2</v>
      </c>
      <c r="BT39" s="231"/>
      <c r="BU39" s="61">
        <v>1</v>
      </c>
      <c r="BV39" s="61">
        <v>1</v>
      </c>
      <c r="BW39" s="61">
        <v>1</v>
      </c>
      <c r="BX39" s="61">
        <v>3</v>
      </c>
      <c r="BY39" s="61">
        <v>1</v>
      </c>
      <c r="BZ39" s="62">
        <v>7</v>
      </c>
      <c r="CA39" s="63">
        <v>9</v>
      </c>
      <c r="CB39" s="60">
        <v>0</v>
      </c>
      <c r="CC39" s="61">
        <v>0</v>
      </c>
      <c r="CD39" s="62">
        <v>0</v>
      </c>
      <c r="CE39" s="231"/>
      <c r="CF39" s="61">
        <v>0</v>
      </c>
      <c r="CG39" s="61">
        <v>0</v>
      </c>
      <c r="CH39" s="61">
        <v>0</v>
      </c>
      <c r="CI39" s="61">
        <v>0</v>
      </c>
      <c r="CJ39" s="61">
        <v>0</v>
      </c>
      <c r="CK39" s="62">
        <v>0</v>
      </c>
      <c r="CL39" s="63">
        <v>0</v>
      </c>
      <c r="CM39" s="60">
        <v>6</v>
      </c>
      <c r="CN39" s="61">
        <v>7</v>
      </c>
      <c r="CO39" s="62">
        <v>13</v>
      </c>
      <c r="CP39" s="231"/>
      <c r="CQ39" s="61">
        <v>8</v>
      </c>
      <c r="CR39" s="61">
        <v>5</v>
      </c>
      <c r="CS39" s="61">
        <v>3</v>
      </c>
      <c r="CT39" s="61">
        <v>4</v>
      </c>
      <c r="CU39" s="61">
        <v>3</v>
      </c>
      <c r="CV39" s="62">
        <v>23</v>
      </c>
      <c r="CW39" s="63">
        <v>36</v>
      </c>
      <c r="CX39" s="113">
        <v>1</v>
      </c>
      <c r="CY39" s="72">
        <v>6</v>
      </c>
      <c r="CZ39" s="73">
        <v>7</v>
      </c>
      <c r="DA39" s="228"/>
      <c r="DB39" s="72">
        <v>1</v>
      </c>
      <c r="DC39" s="72">
        <v>7</v>
      </c>
      <c r="DD39" s="72">
        <v>3</v>
      </c>
      <c r="DE39" s="72">
        <v>3</v>
      </c>
      <c r="DF39" s="72">
        <v>2</v>
      </c>
      <c r="DG39" s="74">
        <v>16</v>
      </c>
      <c r="DH39" s="75">
        <v>23</v>
      </c>
      <c r="DI39" s="60">
        <v>0</v>
      </c>
      <c r="DJ39" s="61">
        <v>0</v>
      </c>
      <c r="DK39" s="62">
        <v>0</v>
      </c>
      <c r="DL39" s="231"/>
      <c r="DM39" s="61">
        <v>0</v>
      </c>
      <c r="DN39" s="61">
        <v>0</v>
      </c>
      <c r="DO39" s="61">
        <v>0</v>
      </c>
      <c r="DP39" s="61">
        <v>0</v>
      </c>
      <c r="DQ39" s="61">
        <v>0</v>
      </c>
      <c r="DR39" s="62">
        <v>0</v>
      </c>
      <c r="DS39" s="63">
        <v>0</v>
      </c>
      <c r="DT39" s="60">
        <v>0</v>
      </c>
      <c r="DU39" s="61">
        <v>0</v>
      </c>
      <c r="DV39" s="62">
        <v>0</v>
      </c>
      <c r="DW39" s="231"/>
      <c r="DX39" s="61">
        <v>0</v>
      </c>
      <c r="DY39" s="61">
        <v>0</v>
      </c>
      <c r="DZ39" s="61">
        <v>0</v>
      </c>
      <c r="EA39" s="61">
        <v>0</v>
      </c>
      <c r="EB39" s="61">
        <v>0</v>
      </c>
      <c r="EC39" s="62">
        <v>0</v>
      </c>
      <c r="ED39" s="63">
        <v>0</v>
      </c>
      <c r="EE39" s="60">
        <v>0</v>
      </c>
      <c r="EF39" s="61">
        <v>0</v>
      </c>
      <c r="EG39" s="62">
        <v>0</v>
      </c>
      <c r="EH39" s="231"/>
      <c r="EI39" s="61">
        <v>0</v>
      </c>
      <c r="EJ39" s="61">
        <v>0</v>
      </c>
      <c r="EK39" s="61">
        <v>0</v>
      </c>
      <c r="EL39" s="61">
        <v>0</v>
      </c>
      <c r="EM39" s="61">
        <v>0</v>
      </c>
      <c r="EN39" s="62">
        <v>0</v>
      </c>
      <c r="EO39" s="63">
        <v>0</v>
      </c>
      <c r="EP39" s="60">
        <v>0</v>
      </c>
      <c r="EQ39" s="61">
        <v>1</v>
      </c>
      <c r="ER39" s="62">
        <v>1</v>
      </c>
      <c r="ES39" s="231"/>
      <c r="ET39" s="61">
        <v>0</v>
      </c>
      <c r="EU39" s="61">
        <v>0</v>
      </c>
      <c r="EV39" s="61">
        <v>0</v>
      </c>
      <c r="EW39" s="61">
        <v>1</v>
      </c>
      <c r="EX39" s="61">
        <v>0</v>
      </c>
      <c r="EY39" s="62">
        <v>1</v>
      </c>
      <c r="EZ39" s="63">
        <v>2</v>
      </c>
      <c r="FA39" s="60">
        <v>0</v>
      </c>
      <c r="FB39" s="61">
        <v>4</v>
      </c>
      <c r="FC39" s="62">
        <v>4</v>
      </c>
      <c r="FD39" s="231"/>
      <c r="FE39" s="61">
        <v>1</v>
      </c>
      <c r="FF39" s="61">
        <v>3</v>
      </c>
      <c r="FG39" s="61">
        <v>2</v>
      </c>
      <c r="FH39" s="61">
        <v>2</v>
      </c>
      <c r="FI39" s="61">
        <v>0</v>
      </c>
      <c r="FJ39" s="62">
        <v>8</v>
      </c>
      <c r="FK39" s="63">
        <v>12</v>
      </c>
      <c r="FL39" s="60">
        <v>1</v>
      </c>
      <c r="FM39" s="61">
        <v>1</v>
      </c>
      <c r="FN39" s="62">
        <v>2</v>
      </c>
      <c r="FO39" s="231"/>
      <c r="FP39" s="61">
        <v>0</v>
      </c>
      <c r="FQ39" s="61">
        <v>4</v>
      </c>
      <c r="FR39" s="61">
        <v>1</v>
      </c>
      <c r="FS39" s="61">
        <v>0</v>
      </c>
      <c r="FT39" s="61">
        <v>2</v>
      </c>
      <c r="FU39" s="62">
        <v>7</v>
      </c>
      <c r="FV39" s="63">
        <v>9</v>
      </c>
      <c r="FW39" s="60">
        <v>0</v>
      </c>
      <c r="FX39" s="61">
        <v>0</v>
      </c>
      <c r="FY39" s="62">
        <v>0</v>
      </c>
      <c r="FZ39" s="231">
        <v>0</v>
      </c>
      <c r="GA39" s="61">
        <v>0</v>
      </c>
      <c r="GB39" s="61">
        <v>0</v>
      </c>
      <c r="GC39" s="61">
        <v>0</v>
      </c>
      <c r="GD39" s="61">
        <v>0</v>
      </c>
      <c r="GE39" s="61">
        <v>0</v>
      </c>
      <c r="GF39" s="62">
        <v>0</v>
      </c>
      <c r="GG39" s="63">
        <v>0</v>
      </c>
      <c r="GH39" s="60">
        <v>1</v>
      </c>
      <c r="GI39" s="61">
        <v>6</v>
      </c>
      <c r="GJ39" s="62">
        <v>7</v>
      </c>
      <c r="GK39" s="231"/>
      <c r="GL39" s="61">
        <v>1</v>
      </c>
      <c r="GM39" s="61">
        <v>7</v>
      </c>
      <c r="GN39" s="61">
        <v>3</v>
      </c>
      <c r="GO39" s="61">
        <v>3</v>
      </c>
      <c r="GP39" s="61">
        <v>2</v>
      </c>
      <c r="GQ39" s="62">
        <v>16</v>
      </c>
      <c r="GR39" s="63">
        <v>23</v>
      </c>
      <c r="GS39" s="113">
        <v>7</v>
      </c>
      <c r="GT39" s="72">
        <v>13</v>
      </c>
      <c r="GU39" s="73">
        <v>20</v>
      </c>
      <c r="GV39" s="228"/>
      <c r="GW39" s="72">
        <v>9</v>
      </c>
      <c r="GX39" s="72">
        <v>12</v>
      </c>
      <c r="GY39" s="72">
        <v>6</v>
      </c>
      <c r="GZ39" s="72">
        <v>7</v>
      </c>
      <c r="HA39" s="72">
        <v>5</v>
      </c>
      <c r="HB39" s="74">
        <v>39</v>
      </c>
      <c r="HC39" s="75">
        <v>59</v>
      </c>
      <c r="HD39" s="60">
        <v>0</v>
      </c>
      <c r="HE39" s="61">
        <v>0</v>
      </c>
      <c r="HF39" s="62">
        <v>0</v>
      </c>
      <c r="HG39" s="231"/>
      <c r="HH39" s="61">
        <v>0</v>
      </c>
      <c r="HI39" s="61">
        <v>0</v>
      </c>
      <c r="HJ39" s="61">
        <v>0</v>
      </c>
      <c r="HK39" s="61">
        <v>0</v>
      </c>
      <c r="HL39" s="61">
        <v>0</v>
      </c>
      <c r="HM39" s="62">
        <v>0</v>
      </c>
      <c r="HN39" s="63">
        <v>0</v>
      </c>
      <c r="HO39" s="60">
        <v>0</v>
      </c>
      <c r="HP39" s="61">
        <v>0</v>
      </c>
      <c r="HQ39" s="62">
        <v>0</v>
      </c>
      <c r="HR39" s="231"/>
      <c r="HS39" s="61">
        <v>0</v>
      </c>
      <c r="HT39" s="61">
        <v>2</v>
      </c>
      <c r="HU39" s="61">
        <v>0</v>
      </c>
      <c r="HV39" s="61">
        <v>0</v>
      </c>
      <c r="HW39" s="61">
        <v>0</v>
      </c>
      <c r="HX39" s="62">
        <v>2</v>
      </c>
      <c r="HY39" s="63">
        <v>2</v>
      </c>
      <c r="HZ39" s="60">
        <v>2</v>
      </c>
      <c r="IA39" s="61">
        <v>0</v>
      </c>
      <c r="IB39" s="62">
        <v>2</v>
      </c>
      <c r="IC39" s="231"/>
      <c r="ID39" s="61">
        <v>1</v>
      </c>
      <c r="IE39" s="61">
        <v>1</v>
      </c>
      <c r="IF39" s="61">
        <v>1</v>
      </c>
      <c r="IG39" s="61">
        <v>0</v>
      </c>
      <c r="IH39" s="61">
        <v>0</v>
      </c>
      <c r="II39" s="62">
        <v>3</v>
      </c>
      <c r="IJ39" s="63">
        <v>5</v>
      </c>
      <c r="IK39" s="60">
        <v>1</v>
      </c>
      <c r="IL39" s="61">
        <v>3</v>
      </c>
      <c r="IM39" s="62">
        <v>4</v>
      </c>
      <c r="IN39" s="231"/>
      <c r="IO39" s="61">
        <v>4</v>
      </c>
      <c r="IP39" s="61">
        <v>1</v>
      </c>
      <c r="IQ39" s="61">
        <v>1</v>
      </c>
      <c r="IR39" s="61">
        <v>1</v>
      </c>
      <c r="IS39" s="61">
        <v>2</v>
      </c>
      <c r="IT39" s="62">
        <v>9</v>
      </c>
      <c r="IU39" s="63">
        <v>13</v>
      </c>
      <c r="IV39" s="60">
        <v>3</v>
      </c>
      <c r="IW39" s="61">
        <v>7</v>
      </c>
      <c r="IX39" s="62">
        <v>10</v>
      </c>
      <c r="IY39" s="231"/>
      <c r="IZ39" s="61">
        <v>3</v>
      </c>
      <c r="JA39" s="61">
        <v>3</v>
      </c>
      <c r="JB39" s="61">
        <v>2</v>
      </c>
      <c r="JC39" s="61">
        <v>3</v>
      </c>
      <c r="JD39" s="61">
        <v>0</v>
      </c>
      <c r="JE39" s="62">
        <v>11</v>
      </c>
      <c r="JF39" s="63">
        <v>21</v>
      </c>
      <c r="JG39" s="60">
        <v>1</v>
      </c>
      <c r="JH39" s="61">
        <v>3</v>
      </c>
      <c r="JI39" s="62">
        <v>4</v>
      </c>
      <c r="JJ39" s="231"/>
      <c r="JK39" s="61">
        <v>1</v>
      </c>
      <c r="JL39" s="61">
        <v>5</v>
      </c>
      <c r="JM39" s="61">
        <v>2</v>
      </c>
      <c r="JN39" s="61">
        <v>3</v>
      </c>
      <c r="JO39" s="61">
        <v>3</v>
      </c>
      <c r="JP39" s="62">
        <v>14</v>
      </c>
      <c r="JQ39" s="63">
        <v>18</v>
      </c>
      <c r="JR39" s="60">
        <v>0</v>
      </c>
      <c r="JS39" s="61">
        <v>0</v>
      </c>
      <c r="JT39" s="62">
        <v>0</v>
      </c>
      <c r="JU39" s="231"/>
      <c r="JV39" s="61">
        <v>0</v>
      </c>
      <c r="JW39" s="61">
        <v>0</v>
      </c>
      <c r="JX39" s="61">
        <v>0</v>
      </c>
      <c r="JY39" s="61">
        <v>0</v>
      </c>
      <c r="JZ39" s="61">
        <v>0</v>
      </c>
      <c r="KA39" s="62">
        <v>0</v>
      </c>
      <c r="KB39" s="63">
        <v>0</v>
      </c>
      <c r="KC39" s="60">
        <v>7</v>
      </c>
      <c r="KD39" s="61">
        <v>13</v>
      </c>
      <c r="KE39" s="62">
        <v>20</v>
      </c>
      <c r="KF39" s="231"/>
      <c r="KG39" s="61">
        <v>9</v>
      </c>
      <c r="KH39" s="61">
        <v>12</v>
      </c>
      <c r="KI39" s="61">
        <v>6</v>
      </c>
      <c r="KJ39" s="61">
        <v>7</v>
      </c>
      <c r="KK39" s="61">
        <v>5</v>
      </c>
      <c r="KL39" s="62">
        <v>39</v>
      </c>
      <c r="KM39" s="63">
        <v>59</v>
      </c>
    </row>
    <row r="40" spans="2:299" ht="21" customHeight="1" thickBot="1" x14ac:dyDescent="0.25">
      <c r="B40" s="473" t="s">
        <v>37</v>
      </c>
      <c r="C40" s="294">
        <v>1</v>
      </c>
      <c r="D40" s="77">
        <v>0</v>
      </c>
      <c r="E40" s="78">
        <v>1</v>
      </c>
      <c r="F40" s="229"/>
      <c r="G40" s="77">
        <v>0</v>
      </c>
      <c r="H40" s="77">
        <v>0</v>
      </c>
      <c r="I40" s="77">
        <v>0</v>
      </c>
      <c r="J40" s="77">
        <v>2</v>
      </c>
      <c r="K40" s="77">
        <v>0</v>
      </c>
      <c r="L40" s="79">
        <v>2</v>
      </c>
      <c r="M40" s="80">
        <v>3</v>
      </c>
      <c r="N40" s="64">
        <v>0</v>
      </c>
      <c r="O40" s="65">
        <v>0</v>
      </c>
      <c r="P40" s="66">
        <v>0</v>
      </c>
      <c r="Q40" s="232"/>
      <c r="R40" s="65">
        <v>0</v>
      </c>
      <c r="S40" s="65">
        <v>0</v>
      </c>
      <c r="T40" s="65">
        <v>0</v>
      </c>
      <c r="U40" s="65">
        <v>0</v>
      </c>
      <c r="V40" s="65">
        <v>0</v>
      </c>
      <c r="W40" s="66">
        <v>0</v>
      </c>
      <c r="X40" s="67">
        <v>0</v>
      </c>
      <c r="Y40" s="64">
        <v>1</v>
      </c>
      <c r="Z40" s="65">
        <v>0</v>
      </c>
      <c r="AA40" s="66">
        <v>1</v>
      </c>
      <c r="AB40" s="232"/>
      <c r="AC40" s="65">
        <v>0</v>
      </c>
      <c r="AD40" s="65">
        <v>0</v>
      </c>
      <c r="AE40" s="65">
        <v>0</v>
      </c>
      <c r="AF40" s="65">
        <v>1</v>
      </c>
      <c r="AG40" s="65">
        <v>0</v>
      </c>
      <c r="AH40" s="66">
        <v>1</v>
      </c>
      <c r="AI40" s="67">
        <v>2</v>
      </c>
      <c r="AJ40" s="64">
        <v>0</v>
      </c>
      <c r="AK40" s="65">
        <v>0</v>
      </c>
      <c r="AL40" s="66">
        <v>0</v>
      </c>
      <c r="AM40" s="232"/>
      <c r="AN40" s="65">
        <v>0</v>
      </c>
      <c r="AO40" s="65">
        <v>0</v>
      </c>
      <c r="AP40" s="65">
        <v>0</v>
      </c>
      <c r="AQ40" s="65">
        <v>0</v>
      </c>
      <c r="AR40" s="65">
        <v>0</v>
      </c>
      <c r="AS40" s="66">
        <v>0</v>
      </c>
      <c r="AT40" s="67">
        <v>0</v>
      </c>
      <c r="AU40" s="64">
        <v>0</v>
      </c>
      <c r="AV40" s="65">
        <v>0</v>
      </c>
      <c r="AW40" s="66">
        <v>0</v>
      </c>
      <c r="AX40" s="232"/>
      <c r="AY40" s="65">
        <v>0</v>
      </c>
      <c r="AZ40" s="65">
        <v>0</v>
      </c>
      <c r="BA40" s="65">
        <v>0</v>
      </c>
      <c r="BB40" s="65">
        <v>1</v>
      </c>
      <c r="BC40" s="65">
        <v>0</v>
      </c>
      <c r="BD40" s="66">
        <v>1</v>
      </c>
      <c r="BE40" s="67">
        <v>1</v>
      </c>
      <c r="BF40" s="64">
        <v>0</v>
      </c>
      <c r="BG40" s="65">
        <v>0</v>
      </c>
      <c r="BH40" s="66">
        <v>0</v>
      </c>
      <c r="BI40" s="232"/>
      <c r="BJ40" s="65">
        <v>0</v>
      </c>
      <c r="BK40" s="65">
        <v>0</v>
      </c>
      <c r="BL40" s="65">
        <v>0</v>
      </c>
      <c r="BM40" s="65">
        <v>0</v>
      </c>
      <c r="BN40" s="65">
        <v>0</v>
      </c>
      <c r="BO40" s="66">
        <v>0</v>
      </c>
      <c r="BP40" s="67">
        <v>0</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1</v>
      </c>
      <c r="CN40" s="65">
        <v>0</v>
      </c>
      <c r="CO40" s="66">
        <v>1</v>
      </c>
      <c r="CP40" s="232"/>
      <c r="CQ40" s="65">
        <v>0</v>
      </c>
      <c r="CR40" s="65">
        <v>0</v>
      </c>
      <c r="CS40" s="65">
        <v>0</v>
      </c>
      <c r="CT40" s="65">
        <v>2</v>
      </c>
      <c r="CU40" s="65">
        <v>0</v>
      </c>
      <c r="CV40" s="66">
        <v>2</v>
      </c>
      <c r="CW40" s="67">
        <v>3</v>
      </c>
      <c r="CX40" s="114">
        <v>0</v>
      </c>
      <c r="CY40" s="77">
        <v>0</v>
      </c>
      <c r="CZ40" s="78">
        <v>0</v>
      </c>
      <c r="DA40" s="229"/>
      <c r="DB40" s="77">
        <v>0</v>
      </c>
      <c r="DC40" s="77">
        <v>0</v>
      </c>
      <c r="DD40" s="77">
        <v>0</v>
      </c>
      <c r="DE40" s="77">
        <v>0</v>
      </c>
      <c r="DF40" s="77">
        <v>1</v>
      </c>
      <c r="DG40" s="79">
        <v>1</v>
      </c>
      <c r="DH40" s="80">
        <v>1</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1</v>
      </c>
      <c r="FU40" s="66">
        <v>1</v>
      </c>
      <c r="FV40" s="67">
        <v>1</v>
      </c>
      <c r="FW40" s="64">
        <v>0</v>
      </c>
      <c r="FX40" s="65">
        <v>0</v>
      </c>
      <c r="FY40" s="66">
        <v>0</v>
      </c>
      <c r="FZ40" s="232">
        <v>0</v>
      </c>
      <c r="GA40" s="65">
        <v>0</v>
      </c>
      <c r="GB40" s="65">
        <v>0</v>
      </c>
      <c r="GC40" s="65">
        <v>0</v>
      </c>
      <c r="GD40" s="65">
        <v>0</v>
      </c>
      <c r="GE40" s="65">
        <v>0</v>
      </c>
      <c r="GF40" s="66">
        <v>0</v>
      </c>
      <c r="GG40" s="67">
        <v>0</v>
      </c>
      <c r="GH40" s="64">
        <v>0</v>
      </c>
      <c r="GI40" s="65">
        <v>0</v>
      </c>
      <c r="GJ40" s="66">
        <v>0</v>
      </c>
      <c r="GK40" s="232"/>
      <c r="GL40" s="65">
        <v>0</v>
      </c>
      <c r="GM40" s="65">
        <v>0</v>
      </c>
      <c r="GN40" s="65">
        <v>0</v>
      </c>
      <c r="GO40" s="65">
        <v>0</v>
      </c>
      <c r="GP40" s="65">
        <v>1</v>
      </c>
      <c r="GQ40" s="66">
        <v>1</v>
      </c>
      <c r="GR40" s="67">
        <v>1</v>
      </c>
      <c r="GS40" s="114">
        <v>1</v>
      </c>
      <c r="GT40" s="77">
        <v>0</v>
      </c>
      <c r="GU40" s="78">
        <v>1</v>
      </c>
      <c r="GV40" s="229"/>
      <c r="GW40" s="77">
        <v>0</v>
      </c>
      <c r="GX40" s="77">
        <v>0</v>
      </c>
      <c r="GY40" s="77">
        <v>0</v>
      </c>
      <c r="GZ40" s="77">
        <v>2</v>
      </c>
      <c r="HA40" s="77">
        <v>1</v>
      </c>
      <c r="HB40" s="79">
        <v>3</v>
      </c>
      <c r="HC40" s="80">
        <v>4</v>
      </c>
      <c r="HD40" s="64">
        <v>0</v>
      </c>
      <c r="HE40" s="65">
        <v>0</v>
      </c>
      <c r="HF40" s="66">
        <v>0</v>
      </c>
      <c r="HG40" s="232"/>
      <c r="HH40" s="65">
        <v>0</v>
      </c>
      <c r="HI40" s="65">
        <v>0</v>
      </c>
      <c r="HJ40" s="65">
        <v>0</v>
      </c>
      <c r="HK40" s="65">
        <v>0</v>
      </c>
      <c r="HL40" s="65">
        <v>0</v>
      </c>
      <c r="HM40" s="66">
        <v>0</v>
      </c>
      <c r="HN40" s="67">
        <v>0</v>
      </c>
      <c r="HO40" s="64">
        <v>1</v>
      </c>
      <c r="HP40" s="65">
        <v>0</v>
      </c>
      <c r="HQ40" s="66">
        <v>1</v>
      </c>
      <c r="HR40" s="232"/>
      <c r="HS40" s="65">
        <v>0</v>
      </c>
      <c r="HT40" s="65">
        <v>0</v>
      </c>
      <c r="HU40" s="65">
        <v>0</v>
      </c>
      <c r="HV40" s="65">
        <v>1</v>
      </c>
      <c r="HW40" s="65">
        <v>0</v>
      </c>
      <c r="HX40" s="66">
        <v>1</v>
      </c>
      <c r="HY40" s="67">
        <v>2</v>
      </c>
      <c r="HZ40" s="64">
        <v>0</v>
      </c>
      <c r="IA40" s="65">
        <v>0</v>
      </c>
      <c r="IB40" s="66">
        <v>0</v>
      </c>
      <c r="IC40" s="232"/>
      <c r="ID40" s="65">
        <v>0</v>
      </c>
      <c r="IE40" s="65">
        <v>0</v>
      </c>
      <c r="IF40" s="65">
        <v>0</v>
      </c>
      <c r="IG40" s="65">
        <v>0</v>
      </c>
      <c r="IH40" s="65">
        <v>0</v>
      </c>
      <c r="II40" s="66">
        <v>0</v>
      </c>
      <c r="IJ40" s="67">
        <v>0</v>
      </c>
      <c r="IK40" s="64">
        <v>0</v>
      </c>
      <c r="IL40" s="65">
        <v>0</v>
      </c>
      <c r="IM40" s="66">
        <v>0</v>
      </c>
      <c r="IN40" s="232"/>
      <c r="IO40" s="65">
        <v>0</v>
      </c>
      <c r="IP40" s="65">
        <v>0</v>
      </c>
      <c r="IQ40" s="65">
        <v>0</v>
      </c>
      <c r="IR40" s="65">
        <v>1</v>
      </c>
      <c r="IS40" s="65">
        <v>0</v>
      </c>
      <c r="IT40" s="66">
        <v>1</v>
      </c>
      <c r="IU40" s="67">
        <v>1</v>
      </c>
      <c r="IV40" s="64">
        <v>0</v>
      </c>
      <c r="IW40" s="65">
        <v>0</v>
      </c>
      <c r="IX40" s="66">
        <v>0</v>
      </c>
      <c r="IY40" s="232"/>
      <c r="IZ40" s="65">
        <v>0</v>
      </c>
      <c r="JA40" s="65">
        <v>0</v>
      </c>
      <c r="JB40" s="65">
        <v>0</v>
      </c>
      <c r="JC40" s="65">
        <v>0</v>
      </c>
      <c r="JD40" s="65">
        <v>0</v>
      </c>
      <c r="JE40" s="66">
        <v>0</v>
      </c>
      <c r="JF40" s="67">
        <v>0</v>
      </c>
      <c r="JG40" s="64">
        <v>0</v>
      </c>
      <c r="JH40" s="65">
        <v>0</v>
      </c>
      <c r="JI40" s="66">
        <v>0</v>
      </c>
      <c r="JJ40" s="232"/>
      <c r="JK40" s="65">
        <v>0</v>
      </c>
      <c r="JL40" s="65">
        <v>0</v>
      </c>
      <c r="JM40" s="65">
        <v>0</v>
      </c>
      <c r="JN40" s="65">
        <v>0</v>
      </c>
      <c r="JO40" s="65">
        <v>1</v>
      </c>
      <c r="JP40" s="66">
        <v>1</v>
      </c>
      <c r="JQ40" s="67">
        <v>1</v>
      </c>
      <c r="JR40" s="64">
        <v>0</v>
      </c>
      <c r="JS40" s="65">
        <v>0</v>
      </c>
      <c r="JT40" s="66">
        <v>0</v>
      </c>
      <c r="JU40" s="232"/>
      <c r="JV40" s="65">
        <v>0</v>
      </c>
      <c r="JW40" s="65">
        <v>0</v>
      </c>
      <c r="JX40" s="65">
        <v>0</v>
      </c>
      <c r="JY40" s="65">
        <v>0</v>
      </c>
      <c r="JZ40" s="65">
        <v>0</v>
      </c>
      <c r="KA40" s="66">
        <v>0</v>
      </c>
      <c r="KB40" s="67">
        <v>0</v>
      </c>
      <c r="KC40" s="64">
        <v>1</v>
      </c>
      <c r="KD40" s="65">
        <v>0</v>
      </c>
      <c r="KE40" s="66">
        <v>1</v>
      </c>
      <c r="KF40" s="232"/>
      <c r="KG40" s="65">
        <v>0</v>
      </c>
      <c r="KH40" s="65">
        <v>0</v>
      </c>
      <c r="KI40" s="65">
        <v>0</v>
      </c>
      <c r="KJ40" s="65">
        <v>2</v>
      </c>
      <c r="KK40" s="65">
        <v>1</v>
      </c>
      <c r="KL40" s="66">
        <v>3</v>
      </c>
      <c r="KM40" s="67">
        <v>4</v>
      </c>
    </row>
    <row r="41" spans="2:299" ht="32.25" customHeight="1" x14ac:dyDescent="0.2">
      <c r="C41" s="289"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3</v>
      </c>
      <c r="F1" s="17"/>
      <c r="G1" s="499">
        <f>第１表!F2</f>
        <v>5</v>
      </c>
      <c r="H1" s="499"/>
      <c r="I1" s="235">
        <f>第１表!G2</f>
        <v>8</v>
      </c>
      <c r="J1" s="504">
        <f>IF(I1&lt;3,I1+12-2,I1-2)</f>
        <v>6</v>
      </c>
      <c r="K1" s="504"/>
    </row>
    <row r="2" spans="2:35" ht="24" customHeight="1" thickBot="1" x14ac:dyDescent="0.25">
      <c r="B2" s="272"/>
      <c r="J2" s="19"/>
      <c r="K2" s="19"/>
      <c r="L2" s="19"/>
      <c r="M2" s="19"/>
      <c r="N2" s="19"/>
      <c r="O2" s="19"/>
      <c r="P2" s="20"/>
      <c r="Q2" s="20"/>
      <c r="R2" s="20"/>
    </row>
    <row r="3" spans="2:35" s="39" customFormat="1" ht="21" customHeight="1" thickBot="1" x14ac:dyDescent="0.25">
      <c r="B3" s="46"/>
      <c r="C3" s="501" t="s">
        <v>53</v>
      </c>
      <c r="D3" s="502"/>
      <c r="E3" s="502"/>
      <c r="F3" s="502"/>
      <c r="G3" s="502"/>
      <c r="H3" s="502"/>
      <c r="I3" s="502"/>
      <c r="J3" s="502"/>
      <c r="K3" s="502"/>
      <c r="L3" s="502"/>
      <c r="M3" s="503"/>
      <c r="N3" s="501" t="s">
        <v>54</v>
      </c>
      <c r="O3" s="502"/>
      <c r="P3" s="502"/>
      <c r="Q3" s="502"/>
      <c r="R3" s="502"/>
      <c r="S3" s="502"/>
      <c r="T3" s="502"/>
      <c r="U3" s="502"/>
      <c r="V3" s="502"/>
      <c r="W3" s="502"/>
      <c r="X3" s="503"/>
      <c r="Y3" s="501" t="s">
        <v>55</v>
      </c>
      <c r="Z3" s="502"/>
      <c r="AA3" s="502"/>
      <c r="AB3" s="502"/>
      <c r="AC3" s="502"/>
      <c r="AD3" s="502"/>
      <c r="AE3" s="502"/>
      <c r="AF3" s="502"/>
      <c r="AG3" s="502"/>
      <c r="AH3" s="502"/>
      <c r="AI3" s="503"/>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70" t="s">
        <v>4</v>
      </c>
      <c r="C5" s="202">
        <v>16816</v>
      </c>
      <c r="D5" s="203">
        <v>30061</v>
      </c>
      <c r="E5" s="204">
        <v>46877</v>
      </c>
      <c r="F5" s="199">
        <v>0</v>
      </c>
      <c r="G5" s="203">
        <v>60026</v>
      </c>
      <c r="H5" s="203">
        <v>61496</v>
      </c>
      <c r="I5" s="203">
        <v>36083</v>
      </c>
      <c r="J5" s="203">
        <v>27887</v>
      </c>
      <c r="K5" s="203">
        <v>16769</v>
      </c>
      <c r="L5" s="204">
        <v>202261</v>
      </c>
      <c r="M5" s="205">
        <v>249138</v>
      </c>
      <c r="N5" s="206">
        <v>320</v>
      </c>
      <c r="O5" s="203">
        <v>842</v>
      </c>
      <c r="P5" s="204">
        <v>1162</v>
      </c>
      <c r="Q5" s="199">
        <v>0</v>
      </c>
      <c r="R5" s="203">
        <v>1064</v>
      </c>
      <c r="S5" s="203">
        <v>1921</v>
      </c>
      <c r="T5" s="203">
        <v>1014</v>
      </c>
      <c r="U5" s="203">
        <v>825</v>
      </c>
      <c r="V5" s="203">
        <v>786</v>
      </c>
      <c r="W5" s="204">
        <v>5610</v>
      </c>
      <c r="X5" s="205">
        <v>6772</v>
      </c>
      <c r="Y5" s="202">
        <v>17136</v>
      </c>
      <c r="Z5" s="203">
        <v>30903</v>
      </c>
      <c r="AA5" s="204">
        <v>48039</v>
      </c>
      <c r="AB5" s="199">
        <v>0</v>
      </c>
      <c r="AC5" s="203">
        <v>61090</v>
      </c>
      <c r="AD5" s="203">
        <v>63417</v>
      </c>
      <c r="AE5" s="203">
        <v>37097</v>
      </c>
      <c r="AF5" s="203">
        <v>28712</v>
      </c>
      <c r="AG5" s="203">
        <v>17555</v>
      </c>
      <c r="AH5" s="204">
        <v>207871</v>
      </c>
      <c r="AI5" s="205">
        <v>255910</v>
      </c>
    </row>
    <row r="6" spans="2:35" ht="21" customHeight="1" x14ac:dyDescent="0.2">
      <c r="B6" s="471" t="s">
        <v>5</v>
      </c>
      <c r="C6" s="207">
        <v>6257</v>
      </c>
      <c r="D6" s="208">
        <v>13319</v>
      </c>
      <c r="E6" s="209">
        <v>19576</v>
      </c>
      <c r="F6" s="200">
        <v>0</v>
      </c>
      <c r="G6" s="208">
        <v>16025</v>
      </c>
      <c r="H6" s="208">
        <v>22863</v>
      </c>
      <c r="I6" s="208">
        <v>11812</v>
      </c>
      <c r="J6" s="208">
        <v>9497</v>
      </c>
      <c r="K6" s="208">
        <v>5649</v>
      </c>
      <c r="L6" s="209">
        <v>65846</v>
      </c>
      <c r="M6" s="210">
        <v>85422</v>
      </c>
      <c r="N6" s="211">
        <v>112</v>
      </c>
      <c r="O6" s="208">
        <v>364</v>
      </c>
      <c r="P6" s="209">
        <v>476</v>
      </c>
      <c r="Q6" s="200">
        <v>0</v>
      </c>
      <c r="R6" s="208">
        <v>226</v>
      </c>
      <c r="S6" s="208">
        <v>791</v>
      </c>
      <c r="T6" s="208">
        <v>374</v>
      </c>
      <c r="U6" s="208">
        <v>284</v>
      </c>
      <c r="V6" s="208">
        <v>299</v>
      </c>
      <c r="W6" s="209">
        <v>1974</v>
      </c>
      <c r="X6" s="210">
        <v>2450</v>
      </c>
      <c r="Y6" s="207">
        <v>6369</v>
      </c>
      <c r="Z6" s="208">
        <v>13683</v>
      </c>
      <c r="AA6" s="209">
        <v>20052</v>
      </c>
      <c r="AB6" s="200">
        <v>0</v>
      </c>
      <c r="AC6" s="208">
        <v>16251</v>
      </c>
      <c r="AD6" s="208">
        <v>23654</v>
      </c>
      <c r="AE6" s="208">
        <v>12186</v>
      </c>
      <c r="AF6" s="208">
        <v>9781</v>
      </c>
      <c r="AG6" s="208">
        <v>5948</v>
      </c>
      <c r="AH6" s="209">
        <v>67820</v>
      </c>
      <c r="AI6" s="210">
        <v>87872</v>
      </c>
    </row>
    <row r="7" spans="2:35" ht="21" customHeight="1" x14ac:dyDescent="0.2">
      <c r="B7" s="472" t="s">
        <v>6</v>
      </c>
      <c r="C7" s="207">
        <v>2325</v>
      </c>
      <c r="D7" s="208">
        <v>3663</v>
      </c>
      <c r="E7" s="209">
        <v>5988</v>
      </c>
      <c r="F7" s="200">
        <v>0</v>
      </c>
      <c r="G7" s="208">
        <v>10643</v>
      </c>
      <c r="H7" s="208">
        <v>9031</v>
      </c>
      <c r="I7" s="208">
        <v>5793</v>
      </c>
      <c r="J7" s="208">
        <v>4576</v>
      </c>
      <c r="K7" s="208">
        <v>2943</v>
      </c>
      <c r="L7" s="209">
        <v>32986</v>
      </c>
      <c r="M7" s="210">
        <v>38974</v>
      </c>
      <c r="N7" s="211">
        <v>60</v>
      </c>
      <c r="O7" s="208">
        <v>105</v>
      </c>
      <c r="P7" s="209">
        <v>165</v>
      </c>
      <c r="Q7" s="200">
        <v>0</v>
      </c>
      <c r="R7" s="208">
        <v>220</v>
      </c>
      <c r="S7" s="208">
        <v>273</v>
      </c>
      <c r="T7" s="208">
        <v>167</v>
      </c>
      <c r="U7" s="208">
        <v>154</v>
      </c>
      <c r="V7" s="208">
        <v>145</v>
      </c>
      <c r="W7" s="209">
        <v>959</v>
      </c>
      <c r="X7" s="210">
        <v>1124</v>
      </c>
      <c r="Y7" s="207">
        <v>2385</v>
      </c>
      <c r="Z7" s="208">
        <v>3768</v>
      </c>
      <c r="AA7" s="209">
        <v>6153</v>
      </c>
      <c r="AB7" s="200">
        <v>0</v>
      </c>
      <c r="AC7" s="208">
        <v>10863</v>
      </c>
      <c r="AD7" s="208">
        <v>9304</v>
      </c>
      <c r="AE7" s="208">
        <v>5960</v>
      </c>
      <c r="AF7" s="208">
        <v>4730</v>
      </c>
      <c r="AG7" s="208">
        <v>3088</v>
      </c>
      <c r="AH7" s="209">
        <v>33945</v>
      </c>
      <c r="AI7" s="210">
        <v>40098</v>
      </c>
    </row>
    <row r="8" spans="2:35" ht="21" customHeight="1" x14ac:dyDescent="0.2">
      <c r="B8" s="472" t="s">
        <v>14</v>
      </c>
      <c r="C8" s="207">
        <v>1161</v>
      </c>
      <c r="D8" s="208">
        <v>2743</v>
      </c>
      <c r="E8" s="209">
        <v>3904</v>
      </c>
      <c r="F8" s="200">
        <v>0</v>
      </c>
      <c r="G8" s="208">
        <v>4488</v>
      </c>
      <c r="H8" s="208">
        <v>5661</v>
      </c>
      <c r="I8" s="208">
        <v>3581</v>
      </c>
      <c r="J8" s="208">
        <v>2367</v>
      </c>
      <c r="K8" s="208">
        <v>1360</v>
      </c>
      <c r="L8" s="209">
        <v>17457</v>
      </c>
      <c r="M8" s="210">
        <v>21361</v>
      </c>
      <c r="N8" s="211">
        <v>19</v>
      </c>
      <c r="O8" s="208">
        <v>97</v>
      </c>
      <c r="P8" s="209">
        <v>116</v>
      </c>
      <c r="Q8" s="200">
        <v>0</v>
      </c>
      <c r="R8" s="208">
        <v>59</v>
      </c>
      <c r="S8" s="208">
        <v>173</v>
      </c>
      <c r="T8" s="208">
        <v>88</v>
      </c>
      <c r="U8" s="208">
        <v>77</v>
      </c>
      <c r="V8" s="208">
        <v>68</v>
      </c>
      <c r="W8" s="209">
        <v>465</v>
      </c>
      <c r="X8" s="210">
        <v>581</v>
      </c>
      <c r="Y8" s="207">
        <v>1180</v>
      </c>
      <c r="Z8" s="208">
        <v>2840</v>
      </c>
      <c r="AA8" s="209">
        <v>4020</v>
      </c>
      <c r="AB8" s="200">
        <v>0</v>
      </c>
      <c r="AC8" s="208">
        <v>4547</v>
      </c>
      <c r="AD8" s="208">
        <v>5834</v>
      </c>
      <c r="AE8" s="208">
        <v>3669</v>
      </c>
      <c r="AF8" s="208">
        <v>2444</v>
      </c>
      <c r="AG8" s="208">
        <v>1428</v>
      </c>
      <c r="AH8" s="209">
        <v>17922</v>
      </c>
      <c r="AI8" s="210">
        <v>21942</v>
      </c>
    </row>
    <row r="9" spans="2:35" ht="21" customHeight="1" x14ac:dyDescent="0.2">
      <c r="B9" s="472" t="s">
        <v>7</v>
      </c>
      <c r="C9" s="207">
        <v>555</v>
      </c>
      <c r="D9" s="208">
        <v>851</v>
      </c>
      <c r="E9" s="209">
        <v>1406</v>
      </c>
      <c r="F9" s="200">
        <v>0</v>
      </c>
      <c r="G9" s="208">
        <v>5080</v>
      </c>
      <c r="H9" s="208">
        <v>3534</v>
      </c>
      <c r="I9" s="208">
        <v>1996</v>
      </c>
      <c r="J9" s="208">
        <v>1530</v>
      </c>
      <c r="K9" s="208">
        <v>884</v>
      </c>
      <c r="L9" s="209">
        <v>13024</v>
      </c>
      <c r="M9" s="210">
        <v>14430</v>
      </c>
      <c r="N9" s="211">
        <v>7</v>
      </c>
      <c r="O9" s="208">
        <v>12</v>
      </c>
      <c r="P9" s="209">
        <v>19</v>
      </c>
      <c r="Q9" s="200">
        <v>0</v>
      </c>
      <c r="R9" s="208">
        <v>100</v>
      </c>
      <c r="S9" s="208">
        <v>100</v>
      </c>
      <c r="T9" s="208">
        <v>46</v>
      </c>
      <c r="U9" s="208">
        <v>37</v>
      </c>
      <c r="V9" s="208">
        <v>31</v>
      </c>
      <c r="W9" s="209">
        <v>314</v>
      </c>
      <c r="X9" s="210">
        <v>333</v>
      </c>
      <c r="Y9" s="207">
        <v>562</v>
      </c>
      <c r="Z9" s="208">
        <v>863</v>
      </c>
      <c r="AA9" s="209">
        <v>1425</v>
      </c>
      <c r="AB9" s="200">
        <v>0</v>
      </c>
      <c r="AC9" s="208">
        <v>5180</v>
      </c>
      <c r="AD9" s="208">
        <v>3634</v>
      </c>
      <c r="AE9" s="208">
        <v>2042</v>
      </c>
      <c r="AF9" s="208">
        <v>1567</v>
      </c>
      <c r="AG9" s="208">
        <v>915</v>
      </c>
      <c r="AH9" s="209">
        <v>13338</v>
      </c>
      <c r="AI9" s="210">
        <v>14763</v>
      </c>
    </row>
    <row r="10" spans="2:35" ht="21" customHeight="1" x14ac:dyDescent="0.2">
      <c r="B10" s="472" t="s">
        <v>8</v>
      </c>
      <c r="C10" s="207">
        <v>579</v>
      </c>
      <c r="D10" s="208">
        <v>686</v>
      </c>
      <c r="E10" s="209">
        <v>1265</v>
      </c>
      <c r="F10" s="200">
        <v>0</v>
      </c>
      <c r="G10" s="208">
        <v>2065</v>
      </c>
      <c r="H10" s="208">
        <v>2115</v>
      </c>
      <c r="I10" s="208">
        <v>1295</v>
      </c>
      <c r="J10" s="208">
        <v>899</v>
      </c>
      <c r="K10" s="208">
        <v>539</v>
      </c>
      <c r="L10" s="209">
        <v>6913</v>
      </c>
      <c r="M10" s="210">
        <v>8178</v>
      </c>
      <c r="N10" s="211">
        <v>8</v>
      </c>
      <c r="O10" s="208">
        <v>23</v>
      </c>
      <c r="P10" s="209">
        <v>31</v>
      </c>
      <c r="Q10" s="200">
        <v>0</v>
      </c>
      <c r="R10" s="208">
        <v>35</v>
      </c>
      <c r="S10" s="208">
        <v>73</v>
      </c>
      <c r="T10" s="208">
        <v>37</v>
      </c>
      <c r="U10" s="208">
        <v>25</v>
      </c>
      <c r="V10" s="208">
        <v>17</v>
      </c>
      <c r="W10" s="209">
        <v>187</v>
      </c>
      <c r="X10" s="210">
        <v>218</v>
      </c>
      <c r="Y10" s="207">
        <v>587</v>
      </c>
      <c r="Z10" s="208">
        <v>709</v>
      </c>
      <c r="AA10" s="209">
        <v>1296</v>
      </c>
      <c r="AB10" s="200">
        <v>0</v>
      </c>
      <c r="AC10" s="208">
        <v>2100</v>
      </c>
      <c r="AD10" s="208">
        <v>2188</v>
      </c>
      <c r="AE10" s="208">
        <v>1332</v>
      </c>
      <c r="AF10" s="208">
        <v>924</v>
      </c>
      <c r="AG10" s="208">
        <v>556</v>
      </c>
      <c r="AH10" s="209">
        <v>7100</v>
      </c>
      <c r="AI10" s="210">
        <v>8396</v>
      </c>
    </row>
    <row r="11" spans="2:35" ht="21" customHeight="1" x14ac:dyDescent="0.2">
      <c r="B11" s="472" t="s">
        <v>9</v>
      </c>
      <c r="C11" s="207">
        <v>509</v>
      </c>
      <c r="D11" s="208">
        <v>601</v>
      </c>
      <c r="E11" s="209">
        <v>1110</v>
      </c>
      <c r="F11" s="200">
        <v>0</v>
      </c>
      <c r="G11" s="208">
        <v>2017</v>
      </c>
      <c r="H11" s="208">
        <v>1519</v>
      </c>
      <c r="I11" s="208">
        <v>1020</v>
      </c>
      <c r="J11" s="208">
        <v>867</v>
      </c>
      <c r="K11" s="208">
        <v>537</v>
      </c>
      <c r="L11" s="209">
        <v>5960</v>
      </c>
      <c r="M11" s="210">
        <v>7070</v>
      </c>
      <c r="N11" s="211">
        <v>1</v>
      </c>
      <c r="O11" s="208">
        <v>14</v>
      </c>
      <c r="P11" s="209">
        <v>15</v>
      </c>
      <c r="Q11" s="200">
        <v>0</v>
      </c>
      <c r="R11" s="208">
        <v>33</v>
      </c>
      <c r="S11" s="208">
        <v>30</v>
      </c>
      <c r="T11" s="208">
        <v>26</v>
      </c>
      <c r="U11" s="208">
        <v>19</v>
      </c>
      <c r="V11" s="208">
        <v>16</v>
      </c>
      <c r="W11" s="209">
        <v>124</v>
      </c>
      <c r="X11" s="210">
        <v>139</v>
      </c>
      <c r="Y11" s="207">
        <v>510</v>
      </c>
      <c r="Z11" s="208">
        <v>615</v>
      </c>
      <c r="AA11" s="209">
        <v>1125</v>
      </c>
      <c r="AB11" s="200">
        <v>0</v>
      </c>
      <c r="AC11" s="208">
        <v>2050</v>
      </c>
      <c r="AD11" s="208">
        <v>1549</v>
      </c>
      <c r="AE11" s="208">
        <v>1046</v>
      </c>
      <c r="AF11" s="208">
        <v>886</v>
      </c>
      <c r="AG11" s="208">
        <v>553</v>
      </c>
      <c r="AH11" s="209">
        <v>6084</v>
      </c>
      <c r="AI11" s="210">
        <v>7209</v>
      </c>
    </row>
    <row r="12" spans="2:35" ht="21" customHeight="1" x14ac:dyDescent="0.2">
      <c r="B12" s="472" t="s">
        <v>10</v>
      </c>
      <c r="C12" s="207">
        <v>1307</v>
      </c>
      <c r="D12" s="208">
        <v>1615</v>
      </c>
      <c r="E12" s="209">
        <v>2922</v>
      </c>
      <c r="F12" s="200">
        <v>0</v>
      </c>
      <c r="G12" s="208">
        <v>4070</v>
      </c>
      <c r="H12" s="208">
        <v>2440</v>
      </c>
      <c r="I12" s="208">
        <v>1630</v>
      </c>
      <c r="J12" s="208">
        <v>1328</v>
      </c>
      <c r="K12" s="208">
        <v>880</v>
      </c>
      <c r="L12" s="209">
        <v>10348</v>
      </c>
      <c r="M12" s="210">
        <v>13270</v>
      </c>
      <c r="N12" s="211">
        <v>30</v>
      </c>
      <c r="O12" s="208">
        <v>36</v>
      </c>
      <c r="P12" s="209">
        <v>66</v>
      </c>
      <c r="Q12" s="200">
        <v>0</v>
      </c>
      <c r="R12" s="208">
        <v>100</v>
      </c>
      <c r="S12" s="208">
        <v>72</v>
      </c>
      <c r="T12" s="208">
        <v>38</v>
      </c>
      <c r="U12" s="208">
        <v>38</v>
      </c>
      <c r="V12" s="208">
        <v>45</v>
      </c>
      <c r="W12" s="209">
        <v>293</v>
      </c>
      <c r="X12" s="210">
        <v>359</v>
      </c>
      <c r="Y12" s="207">
        <v>1337</v>
      </c>
      <c r="Z12" s="208">
        <v>1651</v>
      </c>
      <c r="AA12" s="209">
        <v>2988</v>
      </c>
      <c r="AB12" s="200">
        <v>0</v>
      </c>
      <c r="AC12" s="208">
        <v>4170</v>
      </c>
      <c r="AD12" s="208">
        <v>2512</v>
      </c>
      <c r="AE12" s="208">
        <v>1668</v>
      </c>
      <c r="AF12" s="208">
        <v>1366</v>
      </c>
      <c r="AG12" s="208">
        <v>925</v>
      </c>
      <c r="AH12" s="209">
        <v>10641</v>
      </c>
      <c r="AI12" s="210">
        <v>13629</v>
      </c>
    </row>
    <row r="13" spans="2:35" ht="21" customHeight="1" x14ac:dyDescent="0.2">
      <c r="B13" s="472" t="s">
        <v>11</v>
      </c>
      <c r="C13" s="207">
        <v>544</v>
      </c>
      <c r="D13" s="208">
        <v>588</v>
      </c>
      <c r="E13" s="209">
        <v>1132</v>
      </c>
      <c r="F13" s="200">
        <v>0</v>
      </c>
      <c r="G13" s="208">
        <v>2118</v>
      </c>
      <c r="H13" s="208">
        <v>1364</v>
      </c>
      <c r="I13" s="208">
        <v>960</v>
      </c>
      <c r="J13" s="208">
        <v>765</v>
      </c>
      <c r="K13" s="208">
        <v>381</v>
      </c>
      <c r="L13" s="209">
        <v>5588</v>
      </c>
      <c r="M13" s="210">
        <v>6720</v>
      </c>
      <c r="N13" s="211">
        <v>10</v>
      </c>
      <c r="O13" s="208">
        <v>9</v>
      </c>
      <c r="P13" s="209">
        <v>19</v>
      </c>
      <c r="Q13" s="200">
        <v>0</v>
      </c>
      <c r="R13" s="208">
        <v>43</v>
      </c>
      <c r="S13" s="208">
        <v>32</v>
      </c>
      <c r="T13" s="208">
        <v>25</v>
      </c>
      <c r="U13" s="208">
        <v>14</v>
      </c>
      <c r="V13" s="208">
        <v>17</v>
      </c>
      <c r="W13" s="209">
        <v>131</v>
      </c>
      <c r="X13" s="210">
        <v>150</v>
      </c>
      <c r="Y13" s="207">
        <v>554</v>
      </c>
      <c r="Z13" s="208">
        <v>597</v>
      </c>
      <c r="AA13" s="209">
        <v>1151</v>
      </c>
      <c r="AB13" s="200">
        <v>0</v>
      </c>
      <c r="AC13" s="208">
        <v>2161</v>
      </c>
      <c r="AD13" s="208">
        <v>1396</v>
      </c>
      <c r="AE13" s="208">
        <v>985</v>
      </c>
      <c r="AF13" s="208">
        <v>779</v>
      </c>
      <c r="AG13" s="208">
        <v>398</v>
      </c>
      <c r="AH13" s="209">
        <v>5719</v>
      </c>
      <c r="AI13" s="210">
        <v>6870</v>
      </c>
    </row>
    <row r="14" spans="2:35" ht="21" customHeight="1" x14ac:dyDescent="0.2">
      <c r="B14" s="472" t="s">
        <v>12</v>
      </c>
      <c r="C14" s="207">
        <v>730</v>
      </c>
      <c r="D14" s="208">
        <v>1108</v>
      </c>
      <c r="E14" s="209">
        <v>1838</v>
      </c>
      <c r="F14" s="200">
        <v>0</v>
      </c>
      <c r="G14" s="208">
        <v>1692</v>
      </c>
      <c r="H14" s="208">
        <v>1481</v>
      </c>
      <c r="I14" s="208">
        <v>977</v>
      </c>
      <c r="J14" s="208">
        <v>859</v>
      </c>
      <c r="K14" s="208">
        <v>509</v>
      </c>
      <c r="L14" s="209">
        <v>5518</v>
      </c>
      <c r="M14" s="210">
        <v>7356</v>
      </c>
      <c r="N14" s="211">
        <v>16</v>
      </c>
      <c r="O14" s="208">
        <v>34</v>
      </c>
      <c r="P14" s="209">
        <v>50</v>
      </c>
      <c r="Q14" s="200">
        <v>0</v>
      </c>
      <c r="R14" s="208">
        <v>24</v>
      </c>
      <c r="S14" s="208">
        <v>28</v>
      </c>
      <c r="T14" s="208">
        <v>20</v>
      </c>
      <c r="U14" s="208">
        <v>18</v>
      </c>
      <c r="V14" s="208">
        <v>15</v>
      </c>
      <c r="W14" s="209">
        <v>105</v>
      </c>
      <c r="X14" s="210">
        <v>155</v>
      </c>
      <c r="Y14" s="207">
        <v>746</v>
      </c>
      <c r="Z14" s="208">
        <v>1142</v>
      </c>
      <c r="AA14" s="209">
        <v>1888</v>
      </c>
      <c r="AB14" s="200">
        <v>0</v>
      </c>
      <c r="AC14" s="208">
        <v>1716</v>
      </c>
      <c r="AD14" s="208">
        <v>1509</v>
      </c>
      <c r="AE14" s="208">
        <v>997</v>
      </c>
      <c r="AF14" s="208">
        <v>877</v>
      </c>
      <c r="AG14" s="208">
        <v>524</v>
      </c>
      <c r="AH14" s="209">
        <v>5623</v>
      </c>
      <c r="AI14" s="210">
        <v>7511</v>
      </c>
    </row>
    <row r="15" spans="2:35" ht="21" customHeight="1" x14ac:dyDescent="0.2">
      <c r="B15" s="472" t="s">
        <v>13</v>
      </c>
      <c r="C15" s="207">
        <v>131</v>
      </c>
      <c r="D15" s="208">
        <v>222</v>
      </c>
      <c r="E15" s="209">
        <v>353</v>
      </c>
      <c r="F15" s="200">
        <v>0</v>
      </c>
      <c r="G15" s="208">
        <v>650</v>
      </c>
      <c r="H15" s="208">
        <v>620</v>
      </c>
      <c r="I15" s="208">
        <v>379</v>
      </c>
      <c r="J15" s="208">
        <v>320</v>
      </c>
      <c r="K15" s="208">
        <v>223</v>
      </c>
      <c r="L15" s="209">
        <v>2192</v>
      </c>
      <c r="M15" s="210">
        <v>2545</v>
      </c>
      <c r="N15" s="211">
        <v>0</v>
      </c>
      <c r="O15" s="208">
        <v>3</v>
      </c>
      <c r="P15" s="209">
        <v>3</v>
      </c>
      <c r="Q15" s="200">
        <v>0</v>
      </c>
      <c r="R15" s="208">
        <v>12</v>
      </c>
      <c r="S15" s="208">
        <v>10</v>
      </c>
      <c r="T15" s="208">
        <v>11</v>
      </c>
      <c r="U15" s="208">
        <v>6</v>
      </c>
      <c r="V15" s="208">
        <v>11</v>
      </c>
      <c r="W15" s="209">
        <v>50</v>
      </c>
      <c r="X15" s="210">
        <v>53</v>
      </c>
      <c r="Y15" s="207">
        <v>131</v>
      </c>
      <c r="Z15" s="208">
        <v>225</v>
      </c>
      <c r="AA15" s="209">
        <v>356</v>
      </c>
      <c r="AB15" s="200">
        <v>0</v>
      </c>
      <c r="AC15" s="208">
        <v>662</v>
      </c>
      <c r="AD15" s="208">
        <v>630</v>
      </c>
      <c r="AE15" s="208">
        <v>390</v>
      </c>
      <c r="AF15" s="208">
        <v>326</v>
      </c>
      <c r="AG15" s="208">
        <v>234</v>
      </c>
      <c r="AH15" s="209">
        <v>2242</v>
      </c>
      <c r="AI15" s="210">
        <v>2598</v>
      </c>
    </row>
    <row r="16" spans="2:35" ht="21" customHeight="1" x14ac:dyDescent="0.2">
      <c r="B16" s="472" t="s">
        <v>15</v>
      </c>
      <c r="C16" s="207">
        <v>96</v>
      </c>
      <c r="D16" s="208">
        <v>184</v>
      </c>
      <c r="E16" s="209">
        <v>280</v>
      </c>
      <c r="F16" s="200">
        <v>0</v>
      </c>
      <c r="G16" s="208">
        <v>517</v>
      </c>
      <c r="H16" s="208">
        <v>558</v>
      </c>
      <c r="I16" s="208">
        <v>325</v>
      </c>
      <c r="J16" s="208">
        <v>213</v>
      </c>
      <c r="K16" s="208">
        <v>127</v>
      </c>
      <c r="L16" s="209">
        <v>1740</v>
      </c>
      <c r="M16" s="210">
        <v>2020</v>
      </c>
      <c r="N16" s="211">
        <v>0</v>
      </c>
      <c r="O16" s="208">
        <v>5</v>
      </c>
      <c r="P16" s="209">
        <v>5</v>
      </c>
      <c r="Q16" s="200">
        <v>0</v>
      </c>
      <c r="R16" s="208">
        <v>8</v>
      </c>
      <c r="S16" s="208">
        <v>12</v>
      </c>
      <c r="T16" s="208">
        <v>2</v>
      </c>
      <c r="U16" s="208">
        <v>1</v>
      </c>
      <c r="V16" s="208">
        <v>8</v>
      </c>
      <c r="W16" s="209">
        <v>31</v>
      </c>
      <c r="X16" s="210">
        <v>36</v>
      </c>
      <c r="Y16" s="207">
        <v>96</v>
      </c>
      <c r="Z16" s="208">
        <v>189</v>
      </c>
      <c r="AA16" s="209">
        <v>285</v>
      </c>
      <c r="AB16" s="200">
        <v>0</v>
      </c>
      <c r="AC16" s="208">
        <v>525</v>
      </c>
      <c r="AD16" s="208">
        <v>570</v>
      </c>
      <c r="AE16" s="208">
        <v>327</v>
      </c>
      <c r="AF16" s="208">
        <v>214</v>
      </c>
      <c r="AG16" s="208">
        <v>135</v>
      </c>
      <c r="AH16" s="209">
        <v>1771</v>
      </c>
      <c r="AI16" s="210">
        <v>2056</v>
      </c>
    </row>
    <row r="17" spans="2:35" ht="21" customHeight="1" x14ac:dyDescent="0.2">
      <c r="B17" s="472" t="s">
        <v>16</v>
      </c>
      <c r="C17" s="207">
        <v>250</v>
      </c>
      <c r="D17" s="208">
        <v>453</v>
      </c>
      <c r="E17" s="209">
        <v>703</v>
      </c>
      <c r="F17" s="200">
        <v>0</v>
      </c>
      <c r="G17" s="208">
        <v>1011</v>
      </c>
      <c r="H17" s="208">
        <v>1337</v>
      </c>
      <c r="I17" s="208">
        <v>716</v>
      </c>
      <c r="J17" s="208">
        <v>557</v>
      </c>
      <c r="K17" s="208">
        <v>352</v>
      </c>
      <c r="L17" s="209">
        <v>3973</v>
      </c>
      <c r="M17" s="210">
        <v>4676</v>
      </c>
      <c r="N17" s="211">
        <v>9</v>
      </c>
      <c r="O17" s="208">
        <v>14</v>
      </c>
      <c r="P17" s="209">
        <v>23</v>
      </c>
      <c r="Q17" s="200">
        <v>0</v>
      </c>
      <c r="R17" s="208">
        <v>14</v>
      </c>
      <c r="S17" s="208">
        <v>43</v>
      </c>
      <c r="T17" s="208">
        <v>27</v>
      </c>
      <c r="U17" s="208">
        <v>12</v>
      </c>
      <c r="V17" s="208">
        <v>17</v>
      </c>
      <c r="W17" s="209">
        <v>113</v>
      </c>
      <c r="X17" s="210">
        <v>136</v>
      </c>
      <c r="Y17" s="207">
        <v>259</v>
      </c>
      <c r="Z17" s="208">
        <v>467</v>
      </c>
      <c r="AA17" s="209">
        <v>726</v>
      </c>
      <c r="AB17" s="200">
        <v>0</v>
      </c>
      <c r="AC17" s="208">
        <v>1025</v>
      </c>
      <c r="AD17" s="208">
        <v>1380</v>
      </c>
      <c r="AE17" s="208">
        <v>743</v>
      </c>
      <c r="AF17" s="208">
        <v>569</v>
      </c>
      <c r="AG17" s="208">
        <v>369</v>
      </c>
      <c r="AH17" s="209">
        <v>4086</v>
      </c>
      <c r="AI17" s="210">
        <v>4812</v>
      </c>
    </row>
    <row r="18" spans="2:35" ht="21" customHeight="1" x14ac:dyDescent="0.2">
      <c r="B18" s="472" t="s">
        <v>17</v>
      </c>
      <c r="C18" s="207">
        <v>307</v>
      </c>
      <c r="D18" s="208">
        <v>593</v>
      </c>
      <c r="E18" s="209">
        <v>900</v>
      </c>
      <c r="F18" s="200">
        <v>0</v>
      </c>
      <c r="G18" s="208">
        <v>1148</v>
      </c>
      <c r="H18" s="208">
        <v>1669</v>
      </c>
      <c r="I18" s="208">
        <v>1010</v>
      </c>
      <c r="J18" s="208">
        <v>762</v>
      </c>
      <c r="K18" s="208">
        <v>458</v>
      </c>
      <c r="L18" s="209">
        <v>5047</v>
      </c>
      <c r="M18" s="210">
        <v>5947</v>
      </c>
      <c r="N18" s="211">
        <v>2</v>
      </c>
      <c r="O18" s="208">
        <v>29</v>
      </c>
      <c r="P18" s="209">
        <v>31</v>
      </c>
      <c r="Q18" s="200">
        <v>0</v>
      </c>
      <c r="R18" s="208">
        <v>17</v>
      </c>
      <c r="S18" s="208">
        <v>61</v>
      </c>
      <c r="T18" s="208">
        <v>34</v>
      </c>
      <c r="U18" s="208">
        <v>30</v>
      </c>
      <c r="V18" s="208">
        <v>17</v>
      </c>
      <c r="W18" s="209">
        <v>159</v>
      </c>
      <c r="X18" s="210">
        <v>190</v>
      </c>
      <c r="Y18" s="207">
        <v>309</v>
      </c>
      <c r="Z18" s="208">
        <v>622</v>
      </c>
      <c r="AA18" s="209">
        <v>931</v>
      </c>
      <c r="AB18" s="200">
        <v>0</v>
      </c>
      <c r="AC18" s="208">
        <v>1165</v>
      </c>
      <c r="AD18" s="208">
        <v>1730</v>
      </c>
      <c r="AE18" s="208">
        <v>1044</v>
      </c>
      <c r="AF18" s="208">
        <v>792</v>
      </c>
      <c r="AG18" s="208">
        <v>475</v>
      </c>
      <c r="AH18" s="209">
        <v>5206</v>
      </c>
      <c r="AI18" s="210">
        <v>6137</v>
      </c>
    </row>
    <row r="19" spans="2:35" ht="21" customHeight="1" x14ac:dyDescent="0.2">
      <c r="B19" s="472" t="s">
        <v>18</v>
      </c>
      <c r="C19" s="207">
        <v>349</v>
      </c>
      <c r="D19" s="208">
        <v>659</v>
      </c>
      <c r="E19" s="209">
        <v>1008</v>
      </c>
      <c r="F19" s="200">
        <v>0</v>
      </c>
      <c r="G19" s="208">
        <v>1836</v>
      </c>
      <c r="H19" s="208">
        <v>1773</v>
      </c>
      <c r="I19" s="208">
        <v>1098</v>
      </c>
      <c r="J19" s="208">
        <v>753</v>
      </c>
      <c r="K19" s="208">
        <v>468</v>
      </c>
      <c r="L19" s="209">
        <v>5928</v>
      </c>
      <c r="M19" s="210">
        <v>6936</v>
      </c>
      <c r="N19" s="211">
        <v>12</v>
      </c>
      <c r="O19" s="208">
        <v>23</v>
      </c>
      <c r="P19" s="209">
        <v>35</v>
      </c>
      <c r="Q19" s="200">
        <v>0</v>
      </c>
      <c r="R19" s="208">
        <v>47</v>
      </c>
      <c r="S19" s="208">
        <v>53</v>
      </c>
      <c r="T19" s="208">
        <v>26</v>
      </c>
      <c r="U19" s="208">
        <v>35</v>
      </c>
      <c r="V19" s="208">
        <v>25</v>
      </c>
      <c r="W19" s="209">
        <v>186</v>
      </c>
      <c r="X19" s="210">
        <v>221</v>
      </c>
      <c r="Y19" s="207">
        <v>361</v>
      </c>
      <c r="Z19" s="208">
        <v>682</v>
      </c>
      <c r="AA19" s="209">
        <v>1043</v>
      </c>
      <c r="AB19" s="200">
        <v>0</v>
      </c>
      <c r="AC19" s="208">
        <v>1883</v>
      </c>
      <c r="AD19" s="208">
        <v>1826</v>
      </c>
      <c r="AE19" s="208">
        <v>1124</v>
      </c>
      <c r="AF19" s="208">
        <v>788</v>
      </c>
      <c r="AG19" s="208">
        <v>493</v>
      </c>
      <c r="AH19" s="209">
        <v>6114</v>
      </c>
      <c r="AI19" s="210">
        <v>7157</v>
      </c>
    </row>
    <row r="20" spans="2:35" ht="21" customHeight="1" x14ac:dyDescent="0.2">
      <c r="B20" s="472" t="s">
        <v>19</v>
      </c>
      <c r="C20" s="207">
        <v>239</v>
      </c>
      <c r="D20" s="208">
        <v>348</v>
      </c>
      <c r="E20" s="209">
        <v>587</v>
      </c>
      <c r="F20" s="200">
        <v>0</v>
      </c>
      <c r="G20" s="208">
        <v>838</v>
      </c>
      <c r="H20" s="208">
        <v>711</v>
      </c>
      <c r="I20" s="208">
        <v>473</v>
      </c>
      <c r="J20" s="208">
        <v>297</v>
      </c>
      <c r="K20" s="208">
        <v>195</v>
      </c>
      <c r="L20" s="209">
        <v>2514</v>
      </c>
      <c r="M20" s="210">
        <v>3101</v>
      </c>
      <c r="N20" s="211">
        <v>7</v>
      </c>
      <c r="O20" s="208">
        <v>7</v>
      </c>
      <c r="P20" s="209">
        <v>14</v>
      </c>
      <c r="Q20" s="200">
        <v>0</v>
      </c>
      <c r="R20" s="208">
        <v>22</v>
      </c>
      <c r="S20" s="208">
        <v>17</v>
      </c>
      <c r="T20" s="208">
        <v>11</v>
      </c>
      <c r="U20" s="208">
        <v>12</v>
      </c>
      <c r="V20" s="208">
        <v>10</v>
      </c>
      <c r="W20" s="209">
        <v>72</v>
      </c>
      <c r="X20" s="210">
        <v>86</v>
      </c>
      <c r="Y20" s="207">
        <v>246</v>
      </c>
      <c r="Z20" s="208">
        <v>355</v>
      </c>
      <c r="AA20" s="209">
        <v>601</v>
      </c>
      <c r="AB20" s="200">
        <v>0</v>
      </c>
      <c r="AC20" s="208">
        <v>860</v>
      </c>
      <c r="AD20" s="208">
        <v>728</v>
      </c>
      <c r="AE20" s="208">
        <v>484</v>
      </c>
      <c r="AF20" s="208">
        <v>309</v>
      </c>
      <c r="AG20" s="208">
        <v>205</v>
      </c>
      <c r="AH20" s="209">
        <v>2586</v>
      </c>
      <c r="AI20" s="210">
        <v>3187</v>
      </c>
    </row>
    <row r="21" spans="2:35" ht="21" customHeight="1" x14ac:dyDescent="0.2">
      <c r="B21" s="472" t="s">
        <v>20</v>
      </c>
      <c r="C21" s="207">
        <v>216</v>
      </c>
      <c r="D21" s="208">
        <v>437</v>
      </c>
      <c r="E21" s="209">
        <v>653</v>
      </c>
      <c r="F21" s="200">
        <v>0</v>
      </c>
      <c r="G21" s="208">
        <v>1120</v>
      </c>
      <c r="H21" s="208">
        <v>731</v>
      </c>
      <c r="I21" s="208">
        <v>520</v>
      </c>
      <c r="J21" s="208">
        <v>350</v>
      </c>
      <c r="K21" s="208">
        <v>188</v>
      </c>
      <c r="L21" s="209">
        <v>2909</v>
      </c>
      <c r="M21" s="210">
        <v>3562</v>
      </c>
      <c r="N21" s="211">
        <v>3</v>
      </c>
      <c r="O21" s="208">
        <v>22</v>
      </c>
      <c r="P21" s="209">
        <v>25</v>
      </c>
      <c r="Q21" s="200">
        <v>0</v>
      </c>
      <c r="R21" s="208">
        <v>26</v>
      </c>
      <c r="S21" s="208">
        <v>23</v>
      </c>
      <c r="T21" s="208">
        <v>13</v>
      </c>
      <c r="U21" s="208">
        <v>13</v>
      </c>
      <c r="V21" s="208">
        <v>5</v>
      </c>
      <c r="W21" s="209">
        <v>80</v>
      </c>
      <c r="X21" s="210">
        <v>105</v>
      </c>
      <c r="Y21" s="207">
        <v>219</v>
      </c>
      <c r="Z21" s="208">
        <v>459</v>
      </c>
      <c r="AA21" s="209">
        <v>678</v>
      </c>
      <c r="AB21" s="200">
        <v>0</v>
      </c>
      <c r="AC21" s="208">
        <v>1146</v>
      </c>
      <c r="AD21" s="208">
        <v>754</v>
      </c>
      <c r="AE21" s="208">
        <v>533</v>
      </c>
      <c r="AF21" s="208">
        <v>363</v>
      </c>
      <c r="AG21" s="208">
        <v>193</v>
      </c>
      <c r="AH21" s="209">
        <v>2989</v>
      </c>
      <c r="AI21" s="210">
        <v>3667</v>
      </c>
    </row>
    <row r="22" spans="2:35" ht="21" customHeight="1" x14ac:dyDescent="0.2">
      <c r="B22" s="472" t="s">
        <v>21</v>
      </c>
      <c r="C22" s="207">
        <v>288</v>
      </c>
      <c r="D22" s="208">
        <v>430</v>
      </c>
      <c r="E22" s="209">
        <v>718</v>
      </c>
      <c r="F22" s="200">
        <v>0</v>
      </c>
      <c r="G22" s="208">
        <v>975</v>
      </c>
      <c r="H22" s="208">
        <v>1025</v>
      </c>
      <c r="I22" s="208">
        <v>605</v>
      </c>
      <c r="J22" s="208">
        <v>445</v>
      </c>
      <c r="K22" s="208">
        <v>268</v>
      </c>
      <c r="L22" s="209">
        <v>3318</v>
      </c>
      <c r="M22" s="210">
        <v>4036</v>
      </c>
      <c r="N22" s="211">
        <v>9</v>
      </c>
      <c r="O22" s="208">
        <v>17</v>
      </c>
      <c r="P22" s="209">
        <v>26</v>
      </c>
      <c r="Q22" s="200">
        <v>0</v>
      </c>
      <c r="R22" s="208">
        <v>7</v>
      </c>
      <c r="S22" s="208">
        <v>41</v>
      </c>
      <c r="T22" s="208">
        <v>24</v>
      </c>
      <c r="U22" s="208">
        <v>18</v>
      </c>
      <c r="V22" s="208">
        <v>9</v>
      </c>
      <c r="W22" s="209">
        <v>99</v>
      </c>
      <c r="X22" s="210">
        <v>125</v>
      </c>
      <c r="Y22" s="207">
        <v>297</v>
      </c>
      <c r="Z22" s="208">
        <v>447</v>
      </c>
      <c r="AA22" s="209">
        <v>744</v>
      </c>
      <c r="AB22" s="200">
        <v>0</v>
      </c>
      <c r="AC22" s="208">
        <v>982</v>
      </c>
      <c r="AD22" s="208">
        <v>1066</v>
      </c>
      <c r="AE22" s="208">
        <v>629</v>
      </c>
      <c r="AF22" s="208">
        <v>463</v>
      </c>
      <c r="AG22" s="208">
        <v>277</v>
      </c>
      <c r="AH22" s="209">
        <v>3417</v>
      </c>
      <c r="AI22" s="210">
        <v>4161</v>
      </c>
    </row>
    <row r="23" spans="2:35" ht="21" customHeight="1" x14ac:dyDescent="0.2">
      <c r="B23" s="472" t="s">
        <v>22</v>
      </c>
      <c r="C23" s="207">
        <v>60</v>
      </c>
      <c r="D23" s="208">
        <v>162</v>
      </c>
      <c r="E23" s="209">
        <v>222</v>
      </c>
      <c r="F23" s="200">
        <v>0</v>
      </c>
      <c r="G23" s="208">
        <v>393</v>
      </c>
      <c r="H23" s="208">
        <v>367</v>
      </c>
      <c r="I23" s="208">
        <v>203</v>
      </c>
      <c r="J23" s="208">
        <v>147</v>
      </c>
      <c r="K23" s="208">
        <v>87</v>
      </c>
      <c r="L23" s="209">
        <v>1197</v>
      </c>
      <c r="M23" s="210">
        <v>1419</v>
      </c>
      <c r="N23" s="211">
        <v>3</v>
      </c>
      <c r="O23" s="208">
        <v>3</v>
      </c>
      <c r="P23" s="209">
        <v>6</v>
      </c>
      <c r="Q23" s="200">
        <v>0</v>
      </c>
      <c r="R23" s="208">
        <v>9</v>
      </c>
      <c r="S23" s="208">
        <v>7</v>
      </c>
      <c r="T23" s="208">
        <v>5</v>
      </c>
      <c r="U23" s="208">
        <v>4</v>
      </c>
      <c r="V23" s="208">
        <v>3</v>
      </c>
      <c r="W23" s="209">
        <v>28</v>
      </c>
      <c r="X23" s="210">
        <v>34</v>
      </c>
      <c r="Y23" s="207">
        <v>63</v>
      </c>
      <c r="Z23" s="208">
        <v>165</v>
      </c>
      <c r="AA23" s="209">
        <v>228</v>
      </c>
      <c r="AB23" s="200">
        <v>0</v>
      </c>
      <c r="AC23" s="208">
        <v>402</v>
      </c>
      <c r="AD23" s="208">
        <v>374</v>
      </c>
      <c r="AE23" s="208">
        <v>208</v>
      </c>
      <c r="AF23" s="208">
        <v>151</v>
      </c>
      <c r="AG23" s="208">
        <v>90</v>
      </c>
      <c r="AH23" s="209">
        <v>1225</v>
      </c>
      <c r="AI23" s="210">
        <v>1453</v>
      </c>
    </row>
    <row r="24" spans="2:35" ht="21" customHeight="1" x14ac:dyDescent="0.2">
      <c r="B24" s="472" t="s">
        <v>23</v>
      </c>
      <c r="C24" s="207">
        <v>129</v>
      </c>
      <c r="D24" s="208">
        <v>266</v>
      </c>
      <c r="E24" s="209">
        <v>395</v>
      </c>
      <c r="F24" s="200">
        <v>0</v>
      </c>
      <c r="G24" s="208">
        <v>611</v>
      </c>
      <c r="H24" s="208">
        <v>566</v>
      </c>
      <c r="I24" s="208">
        <v>299</v>
      </c>
      <c r="J24" s="208">
        <v>293</v>
      </c>
      <c r="K24" s="208">
        <v>150</v>
      </c>
      <c r="L24" s="209">
        <v>1919</v>
      </c>
      <c r="M24" s="210">
        <v>2314</v>
      </c>
      <c r="N24" s="211">
        <v>3</v>
      </c>
      <c r="O24" s="208">
        <v>6</v>
      </c>
      <c r="P24" s="209">
        <v>9</v>
      </c>
      <c r="Q24" s="200">
        <v>0</v>
      </c>
      <c r="R24" s="208">
        <v>9</v>
      </c>
      <c r="S24" s="208">
        <v>21</v>
      </c>
      <c r="T24" s="208">
        <v>12</v>
      </c>
      <c r="U24" s="208">
        <v>4</v>
      </c>
      <c r="V24" s="208">
        <v>5</v>
      </c>
      <c r="W24" s="209">
        <v>51</v>
      </c>
      <c r="X24" s="210">
        <v>60</v>
      </c>
      <c r="Y24" s="207">
        <v>132</v>
      </c>
      <c r="Z24" s="208">
        <v>272</v>
      </c>
      <c r="AA24" s="209">
        <v>404</v>
      </c>
      <c r="AB24" s="200">
        <v>0</v>
      </c>
      <c r="AC24" s="208">
        <v>620</v>
      </c>
      <c r="AD24" s="208">
        <v>587</v>
      </c>
      <c r="AE24" s="208">
        <v>311</v>
      </c>
      <c r="AF24" s="208">
        <v>297</v>
      </c>
      <c r="AG24" s="208">
        <v>155</v>
      </c>
      <c r="AH24" s="209">
        <v>1970</v>
      </c>
      <c r="AI24" s="210">
        <v>2374</v>
      </c>
    </row>
    <row r="25" spans="2:35" ht="21" customHeight="1" x14ac:dyDescent="0.2">
      <c r="B25" s="472" t="s">
        <v>24</v>
      </c>
      <c r="C25" s="207">
        <v>137</v>
      </c>
      <c r="D25" s="208">
        <v>118</v>
      </c>
      <c r="E25" s="209">
        <v>255</v>
      </c>
      <c r="F25" s="200">
        <v>0</v>
      </c>
      <c r="G25" s="208">
        <v>318</v>
      </c>
      <c r="H25" s="208">
        <v>252</v>
      </c>
      <c r="I25" s="208">
        <v>161</v>
      </c>
      <c r="J25" s="208">
        <v>132</v>
      </c>
      <c r="K25" s="208">
        <v>82</v>
      </c>
      <c r="L25" s="209">
        <v>945</v>
      </c>
      <c r="M25" s="210">
        <v>1200</v>
      </c>
      <c r="N25" s="211">
        <v>2</v>
      </c>
      <c r="O25" s="208">
        <v>0</v>
      </c>
      <c r="P25" s="209">
        <v>2</v>
      </c>
      <c r="Q25" s="200">
        <v>0</v>
      </c>
      <c r="R25" s="208">
        <v>4</v>
      </c>
      <c r="S25" s="208">
        <v>6</v>
      </c>
      <c r="T25" s="208">
        <v>3</v>
      </c>
      <c r="U25" s="208">
        <v>3</v>
      </c>
      <c r="V25" s="208">
        <v>2</v>
      </c>
      <c r="W25" s="209">
        <v>18</v>
      </c>
      <c r="X25" s="210">
        <v>20</v>
      </c>
      <c r="Y25" s="207">
        <v>139</v>
      </c>
      <c r="Z25" s="208">
        <v>118</v>
      </c>
      <c r="AA25" s="209">
        <v>257</v>
      </c>
      <c r="AB25" s="200">
        <v>0</v>
      </c>
      <c r="AC25" s="208">
        <v>322</v>
      </c>
      <c r="AD25" s="208">
        <v>258</v>
      </c>
      <c r="AE25" s="208">
        <v>164</v>
      </c>
      <c r="AF25" s="208">
        <v>135</v>
      </c>
      <c r="AG25" s="208">
        <v>84</v>
      </c>
      <c r="AH25" s="209">
        <v>963</v>
      </c>
      <c r="AI25" s="210">
        <v>1220</v>
      </c>
    </row>
    <row r="26" spans="2:35" ht="21" customHeight="1" x14ac:dyDescent="0.2">
      <c r="B26" s="472" t="s">
        <v>25</v>
      </c>
      <c r="C26" s="207">
        <v>106</v>
      </c>
      <c r="D26" s="208">
        <v>170</v>
      </c>
      <c r="E26" s="209">
        <v>276</v>
      </c>
      <c r="F26" s="200">
        <v>0</v>
      </c>
      <c r="G26" s="208">
        <v>382</v>
      </c>
      <c r="H26" s="208">
        <v>282</v>
      </c>
      <c r="I26" s="208">
        <v>182</v>
      </c>
      <c r="J26" s="208">
        <v>141</v>
      </c>
      <c r="K26" s="208">
        <v>62</v>
      </c>
      <c r="L26" s="209">
        <v>1049</v>
      </c>
      <c r="M26" s="210">
        <v>1325</v>
      </c>
      <c r="N26" s="211">
        <v>1</v>
      </c>
      <c r="O26" s="208">
        <v>5</v>
      </c>
      <c r="P26" s="209">
        <v>6</v>
      </c>
      <c r="Q26" s="200">
        <v>0</v>
      </c>
      <c r="R26" s="208">
        <v>6</v>
      </c>
      <c r="S26" s="208">
        <v>13</v>
      </c>
      <c r="T26" s="208">
        <v>2</v>
      </c>
      <c r="U26" s="208">
        <v>4</v>
      </c>
      <c r="V26" s="208">
        <v>3</v>
      </c>
      <c r="W26" s="209">
        <v>28</v>
      </c>
      <c r="X26" s="210">
        <v>34</v>
      </c>
      <c r="Y26" s="207">
        <v>107</v>
      </c>
      <c r="Z26" s="208">
        <v>175</v>
      </c>
      <c r="AA26" s="209">
        <v>282</v>
      </c>
      <c r="AB26" s="200">
        <v>0</v>
      </c>
      <c r="AC26" s="208">
        <v>388</v>
      </c>
      <c r="AD26" s="208">
        <v>295</v>
      </c>
      <c r="AE26" s="208">
        <v>184</v>
      </c>
      <c r="AF26" s="208">
        <v>145</v>
      </c>
      <c r="AG26" s="208">
        <v>65</v>
      </c>
      <c r="AH26" s="209">
        <v>1077</v>
      </c>
      <c r="AI26" s="210">
        <v>1359</v>
      </c>
    </row>
    <row r="27" spans="2:35" ht="21" customHeight="1" x14ac:dyDescent="0.2">
      <c r="B27" s="472" t="s">
        <v>26</v>
      </c>
      <c r="C27" s="207">
        <v>81</v>
      </c>
      <c r="D27" s="208">
        <v>107</v>
      </c>
      <c r="E27" s="209">
        <v>188</v>
      </c>
      <c r="F27" s="200">
        <v>0</v>
      </c>
      <c r="G27" s="208">
        <v>307</v>
      </c>
      <c r="H27" s="208">
        <v>266</v>
      </c>
      <c r="I27" s="208">
        <v>192</v>
      </c>
      <c r="J27" s="208">
        <v>114</v>
      </c>
      <c r="K27" s="208">
        <v>77</v>
      </c>
      <c r="L27" s="209">
        <v>956</v>
      </c>
      <c r="M27" s="210">
        <v>1144</v>
      </c>
      <c r="N27" s="211">
        <v>1</v>
      </c>
      <c r="O27" s="208">
        <v>1</v>
      </c>
      <c r="P27" s="209">
        <v>2</v>
      </c>
      <c r="Q27" s="200">
        <v>0</v>
      </c>
      <c r="R27" s="208">
        <v>9</v>
      </c>
      <c r="S27" s="208">
        <v>5</v>
      </c>
      <c r="T27" s="208">
        <v>6</v>
      </c>
      <c r="U27" s="208">
        <v>3</v>
      </c>
      <c r="V27" s="208">
        <v>1</v>
      </c>
      <c r="W27" s="209">
        <v>24</v>
      </c>
      <c r="X27" s="210">
        <v>26</v>
      </c>
      <c r="Y27" s="207">
        <v>82</v>
      </c>
      <c r="Z27" s="208">
        <v>108</v>
      </c>
      <c r="AA27" s="209">
        <v>190</v>
      </c>
      <c r="AB27" s="200">
        <v>0</v>
      </c>
      <c r="AC27" s="208">
        <v>316</v>
      </c>
      <c r="AD27" s="208">
        <v>271</v>
      </c>
      <c r="AE27" s="208">
        <v>198</v>
      </c>
      <c r="AF27" s="208">
        <v>117</v>
      </c>
      <c r="AG27" s="208">
        <v>78</v>
      </c>
      <c r="AH27" s="209">
        <v>980</v>
      </c>
      <c r="AI27" s="210">
        <v>1170</v>
      </c>
    </row>
    <row r="28" spans="2:35" ht="21" customHeight="1" x14ac:dyDescent="0.2">
      <c r="B28" s="472" t="s">
        <v>27</v>
      </c>
      <c r="C28" s="207">
        <v>127</v>
      </c>
      <c r="D28" s="208">
        <v>190</v>
      </c>
      <c r="E28" s="209">
        <v>317</v>
      </c>
      <c r="F28" s="200">
        <v>0</v>
      </c>
      <c r="G28" s="208">
        <v>261</v>
      </c>
      <c r="H28" s="208">
        <v>185</v>
      </c>
      <c r="I28" s="208">
        <v>150</v>
      </c>
      <c r="J28" s="208">
        <v>112</v>
      </c>
      <c r="K28" s="208">
        <v>66</v>
      </c>
      <c r="L28" s="209">
        <v>774</v>
      </c>
      <c r="M28" s="210">
        <v>1091</v>
      </c>
      <c r="N28" s="211">
        <v>3</v>
      </c>
      <c r="O28" s="208">
        <v>2</v>
      </c>
      <c r="P28" s="209">
        <v>5</v>
      </c>
      <c r="Q28" s="200">
        <v>0</v>
      </c>
      <c r="R28" s="208">
        <v>6</v>
      </c>
      <c r="S28" s="208">
        <v>5</v>
      </c>
      <c r="T28" s="208">
        <v>1</v>
      </c>
      <c r="U28" s="208">
        <v>2</v>
      </c>
      <c r="V28" s="208">
        <v>3</v>
      </c>
      <c r="W28" s="209">
        <v>17</v>
      </c>
      <c r="X28" s="210">
        <v>22</v>
      </c>
      <c r="Y28" s="207">
        <v>130</v>
      </c>
      <c r="Z28" s="208">
        <v>192</v>
      </c>
      <c r="AA28" s="209">
        <v>322</v>
      </c>
      <c r="AB28" s="200">
        <v>0</v>
      </c>
      <c r="AC28" s="208">
        <v>267</v>
      </c>
      <c r="AD28" s="208">
        <v>190</v>
      </c>
      <c r="AE28" s="208">
        <v>151</v>
      </c>
      <c r="AF28" s="208">
        <v>114</v>
      </c>
      <c r="AG28" s="208">
        <v>69</v>
      </c>
      <c r="AH28" s="209">
        <v>791</v>
      </c>
      <c r="AI28" s="210">
        <v>1113</v>
      </c>
    </row>
    <row r="29" spans="2:35" ht="21" customHeight="1" x14ac:dyDescent="0.2">
      <c r="B29" s="472" t="s">
        <v>28</v>
      </c>
      <c r="C29" s="207">
        <v>10</v>
      </c>
      <c r="D29" s="208">
        <v>20</v>
      </c>
      <c r="E29" s="209">
        <v>30</v>
      </c>
      <c r="F29" s="200">
        <v>0</v>
      </c>
      <c r="G29" s="208">
        <v>78</v>
      </c>
      <c r="H29" s="208">
        <v>91</v>
      </c>
      <c r="I29" s="208">
        <v>49</v>
      </c>
      <c r="J29" s="208">
        <v>42</v>
      </c>
      <c r="K29" s="208">
        <v>17</v>
      </c>
      <c r="L29" s="209">
        <v>277</v>
      </c>
      <c r="M29" s="210">
        <v>307</v>
      </c>
      <c r="N29" s="211">
        <v>0</v>
      </c>
      <c r="O29" s="208">
        <v>0</v>
      </c>
      <c r="P29" s="209">
        <v>0</v>
      </c>
      <c r="Q29" s="200">
        <v>0</v>
      </c>
      <c r="R29" s="208">
        <v>0</v>
      </c>
      <c r="S29" s="208">
        <v>5</v>
      </c>
      <c r="T29" s="208">
        <v>0</v>
      </c>
      <c r="U29" s="208">
        <v>0</v>
      </c>
      <c r="V29" s="208">
        <v>3</v>
      </c>
      <c r="W29" s="209">
        <v>8</v>
      </c>
      <c r="X29" s="210">
        <v>8</v>
      </c>
      <c r="Y29" s="207">
        <v>10</v>
      </c>
      <c r="Z29" s="208">
        <v>20</v>
      </c>
      <c r="AA29" s="209">
        <v>30</v>
      </c>
      <c r="AB29" s="200">
        <v>0</v>
      </c>
      <c r="AC29" s="208">
        <v>78</v>
      </c>
      <c r="AD29" s="208">
        <v>96</v>
      </c>
      <c r="AE29" s="208">
        <v>49</v>
      </c>
      <c r="AF29" s="208">
        <v>42</v>
      </c>
      <c r="AG29" s="208">
        <v>20</v>
      </c>
      <c r="AH29" s="209">
        <v>285</v>
      </c>
      <c r="AI29" s="210">
        <v>315</v>
      </c>
    </row>
    <row r="30" spans="2:35" ht="21" customHeight="1" x14ac:dyDescent="0.2">
      <c r="B30" s="472" t="s">
        <v>29</v>
      </c>
      <c r="C30" s="207">
        <v>28</v>
      </c>
      <c r="D30" s="208">
        <v>40</v>
      </c>
      <c r="E30" s="209">
        <v>68</v>
      </c>
      <c r="F30" s="200">
        <v>0</v>
      </c>
      <c r="G30" s="208">
        <v>106</v>
      </c>
      <c r="H30" s="208">
        <v>99</v>
      </c>
      <c r="I30" s="208">
        <v>79</v>
      </c>
      <c r="J30" s="208">
        <v>48</v>
      </c>
      <c r="K30" s="208">
        <v>26</v>
      </c>
      <c r="L30" s="209">
        <v>358</v>
      </c>
      <c r="M30" s="210">
        <v>426</v>
      </c>
      <c r="N30" s="211">
        <v>1</v>
      </c>
      <c r="O30" s="208">
        <v>2</v>
      </c>
      <c r="P30" s="209">
        <v>3</v>
      </c>
      <c r="Q30" s="200">
        <v>0</v>
      </c>
      <c r="R30" s="208">
        <v>3</v>
      </c>
      <c r="S30" s="208">
        <v>4</v>
      </c>
      <c r="T30" s="208">
        <v>3</v>
      </c>
      <c r="U30" s="208">
        <v>1</v>
      </c>
      <c r="V30" s="208">
        <v>0</v>
      </c>
      <c r="W30" s="209">
        <v>11</v>
      </c>
      <c r="X30" s="210">
        <v>14</v>
      </c>
      <c r="Y30" s="207">
        <v>29</v>
      </c>
      <c r="Z30" s="208">
        <v>42</v>
      </c>
      <c r="AA30" s="209">
        <v>71</v>
      </c>
      <c r="AB30" s="200">
        <v>0</v>
      </c>
      <c r="AC30" s="208">
        <v>109</v>
      </c>
      <c r="AD30" s="208">
        <v>103</v>
      </c>
      <c r="AE30" s="208">
        <v>82</v>
      </c>
      <c r="AF30" s="208">
        <v>49</v>
      </c>
      <c r="AG30" s="208">
        <v>26</v>
      </c>
      <c r="AH30" s="209">
        <v>369</v>
      </c>
      <c r="AI30" s="210">
        <v>440</v>
      </c>
    </row>
    <row r="31" spans="2:35" ht="21" customHeight="1" x14ac:dyDescent="0.2">
      <c r="B31" s="472" t="s">
        <v>30</v>
      </c>
      <c r="C31" s="207">
        <v>42</v>
      </c>
      <c r="D31" s="208">
        <v>34</v>
      </c>
      <c r="E31" s="209">
        <v>76</v>
      </c>
      <c r="F31" s="200">
        <v>0</v>
      </c>
      <c r="G31" s="208">
        <v>92</v>
      </c>
      <c r="H31" s="208">
        <v>75</v>
      </c>
      <c r="I31" s="208">
        <v>65</v>
      </c>
      <c r="J31" s="208">
        <v>47</v>
      </c>
      <c r="K31" s="208">
        <v>14</v>
      </c>
      <c r="L31" s="209">
        <v>293</v>
      </c>
      <c r="M31" s="210">
        <v>369</v>
      </c>
      <c r="N31" s="211">
        <v>0</v>
      </c>
      <c r="O31" s="208">
        <v>0</v>
      </c>
      <c r="P31" s="209">
        <v>0</v>
      </c>
      <c r="Q31" s="200">
        <v>0</v>
      </c>
      <c r="R31" s="208">
        <v>2</v>
      </c>
      <c r="S31" s="208">
        <v>0</v>
      </c>
      <c r="T31" s="208">
        <v>3</v>
      </c>
      <c r="U31" s="208">
        <v>2</v>
      </c>
      <c r="V31" s="208">
        <v>1</v>
      </c>
      <c r="W31" s="209">
        <v>8</v>
      </c>
      <c r="X31" s="210">
        <v>8</v>
      </c>
      <c r="Y31" s="207">
        <v>42</v>
      </c>
      <c r="Z31" s="208">
        <v>34</v>
      </c>
      <c r="AA31" s="209">
        <v>76</v>
      </c>
      <c r="AB31" s="200">
        <v>0</v>
      </c>
      <c r="AC31" s="208">
        <v>94</v>
      </c>
      <c r="AD31" s="208">
        <v>75</v>
      </c>
      <c r="AE31" s="208">
        <v>68</v>
      </c>
      <c r="AF31" s="208">
        <v>49</v>
      </c>
      <c r="AG31" s="208">
        <v>15</v>
      </c>
      <c r="AH31" s="209">
        <v>301</v>
      </c>
      <c r="AI31" s="210">
        <v>377</v>
      </c>
    </row>
    <row r="32" spans="2:35" ht="21" customHeight="1" x14ac:dyDescent="0.2">
      <c r="B32" s="472" t="s">
        <v>31</v>
      </c>
      <c r="C32" s="207">
        <v>26</v>
      </c>
      <c r="D32" s="208">
        <v>58</v>
      </c>
      <c r="E32" s="209">
        <v>84</v>
      </c>
      <c r="F32" s="200">
        <v>0</v>
      </c>
      <c r="G32" s="208">
        <v>108</v>
      </c>
      <c r="H32" s="208">
        <v>95</v>
      </c>
      <c r="I32" s="208">
        <v>56</v>
      </c>
      <c r="J32" s="208">
        <v>43</v>
      </c>
      <c r="K32" s="208">
        <v>17</v>
      </c>
      <c r="L32" s="209">
        <v>319</v>
      </c>
      <c r="M32" s="210">
        <v>403</v>
      </c>
      <c r="N32" s="211">
        <v>0</v>
      </c>
      <c r="O32" s="208">
        <v>3</v>
      </c>
      <c r="P32" s="209">
        <v>3</v>
      </c>
      <c r="Q32" s="200">
        <v>0</v>
      </c>
      <c r="R32" s="208">
        <v>2</v>
      </c>
      <c r="S32" s="208">
        <v>0</v>
      </c>
      <c r="T32" s="208">
        <v>0</v>
      </c>
      <c r="U32" s="208">
        <v>3</v>
      </c>
      <c r="V32" s="208">
        <v>1</v>
      </c>
      <c r="W32" s="209">
        <v>6</v>
      </c>
      <c r="X32" s="210">
        <v>9</v>
      </c>
      <c r="Y32" s="207">
        <v>26</v>
      </c>
      <c r="Z32" s="208">
        <v>61</v>
      </c>
      <c r="AA32" s="209">
        <v>87</v>
      </c>
      <c r="AB32" s="200">
        <v>0</v>
      </c>
      <c r="AC32" s="208">
        <v>110</v>
      </c>
      <c r="AD32" s="208">
        <v>95</v>
      </c>
      <c r="AE32" s="208">
        <v>56</v>
      </c>
      <c r="AF32" s="208">
        <v>46</v>
      </c>
      <c r="AG32" s="208">
        <v>18</v>
      </c>
      <c r="AH32" s="209">
        <v>325</v>
      </c>
      <c r="AI32" s="210">
        <v>412</v>
      </c>
    </row>
    <row r="33" spans="2:35" ht="21" customHeight="1" x14ac:dyDescent="0.2">
      <c r="B33" s="472" t="s">
        <v>32</v>
      </c>
      <c r="C33" s="207">
        <v>25</v>
      </c>
      <c r="D33" s="208">
        <v>52</v>
      </c>
      <c r="E33" s="209">
        <v>77</v>
      </c>
      <c r="F33" s="200">
        <v>0</v>
      </c>
      <c r="G33" s="208">
        <v>141</v>
      </c>
      <c r="H33" s="208">
        <v>125</v>
      </c>
      <c r="I33" s="208">
        <v>70</v>
      </c>
      <c r="J33" s="208">
        <v>51</v>
      </c>
      <c r="K33" s="208">
        <v>30</v>
      </c>
      <c r="L33" s="209">
        <v>417</v>
      </c>
      <c r="M33" s="210">
        <v>494</v>
      </c>
      <c r="N33" s="211">
        <v>0</v>
      </c>
      <c r="O33" s="208">
        <v>1</v>
      </c>
      <c r="P33" s="209">
        <v>1</v>
      </c>
      <c r="Q33" s="200">
        <v>0</v>
      </c>
      <c r="R33" s="208">
        <v>6</v>
      </c>
      <c r="S33" s="208">
        <v>6</v>
      </c>
      <c r="T33" s="208">
        <v>1</v>
      </c>
      <c r="U33" s="208">
        <v>1</v>
      </c>
      <c r="V33" s="208">
        <v>3</v>
      </c>
      <c r="W33" s="209">
        <v>17</v>
      </c>
      <c r="X33" s="210">
        <v>18</v>
      </c>
      <c r="Y33" s="207">
        <v>25</v>
      </c>
      <c r="Z33" s="208">
        <v>53</v>
      </c>
      <c r="AA33" s="209">
        <v>78</v>
      </c>
      <c r="AB33" s="200">
        <v>0</v>
      </c>
      <c r="AC33" s="208">
        <v>147</v>
      </c>
      <c r="AD33" s="208">
        <v>131</v>
      </c>
      <c r="AE33" s="208">
        <v>71</v>
      </c>
      <c r="AF33" s="208">
        <v>52</v>
      </c>
      <c r="AG33" s="208">
        <v>33</v>
      </c>
      <c r="AH33" s="209">
        <v>434</v>
      </c>
      <c r="AI33" s="210">
        <v>512</v>
      </c>
    </row>
    <row r="34" spans="2:35" ht="21" customHeight="1" x14ac:dyDescent="0.2">
      <c r="B34" s="472" t="s">
        <v>33</v>
      </c>
      <c r="C34" s="207">
        <v>37</v>
      </c>
      <c r="D34" s="208">
        <v>63</v>
      </c>
      <c r="E34" s="209">
        <v>100</v>
      </c>
      <c r="F34" s="200">
        <v>0</v>
      </c>
      <c r="G34" s="208">
        <v>140</v>
      </c>
      <c r="H34" s="208">
        <v>87</v>
      </c>
      <c r="I34" s="208">
        <v>63</v>
      </c>
      <c r="J34" s="208">
        <v>25</v>
      </c>
      <c r="K34" s="208">
        <v>27</v>
      </c>
      <c r="L34" s="209">
        <v>342</v>
      </c>
      <c r="M34" s="210">
        <v>442</v>
      </c>
      <c r="N34" s="211">
        <v>0</v>
      </c>
      <c r="O34" s="208">
        <v>0</v>
      </c>
      <c r="P34" s="209">
        <v>0</v>
      </c>
      <c r="Q34" s="200">
        <v>0</v>
      </c>
      <c r="R34" s="208">
        <v>3</v>
      </c>
      <c r="S34" s="208">
        <v>1</v>
      </c>
      <c r="T34" s="208">
        <v>0</v>
      </c>
      <c r="U34" s="208">
        <v>0</v>
      </c>
      <c r="V34" s="208">
        <v>1</v>
      </c>
      <c r="W34" s="209">
        <v>5</v>
      </c>
      <c r="X34" s="210">
        <v>5</v>
      </c>
      <c r="Y34" s="207">
        <v>37</v>
      </c>
      <c r="Z34" s="208">
        <v>63</v>
      </c>
      <c r="AA34" s="209">
        <v>100</v>
      </c>
      <c r="AB34" s="200">
        <v>0</v>
      </c>
      <c r="AC34" s="208">
        <v>143</v>
      </c>
      <c r="AD34" s="208">
        <v>88</v>
      </c>
      <c r="AE34" s="208">
        <v>63</v>
      </c>
      <c r="AF34" s="208">
        <v>25</v>
      </c>
      <c r="AG34" s="208">
        <v>28</v>
      </c>
      <c r="AH34" s="209">
        <v>347</v>
      </c>
      <c r="AI34" s="210">
        <v>447</v>
      </c>
    </row>
    <row r="35" spans="2:35" ht="21" customHeight="1" x14ac:dyDescent="0.2">
      <c r="B35" s="472" t="s">
        <v>34</v>
      </c>
      <c r="C35" s="207">
        <v>21</v>
      </c>
      <c r="D35" s="208">
        <v>24</v>
      </c>
      <c r="E35" s="209">
        <v>45</v>
      </c>
      <c r="F35" s="200">
        <v>0</v>
      </c>
      <c r="G35" s="208">
        <v>94</v>
      </c>
      <c r="H35" s="208">
        <v>72</v>
      </c>
      <c r="I35" s="208">
        <v>35</v>
      </c>
      <c r="J35" s="208">
        <v>37</v>
      </c>
      <c r="K35" s="208">
        <v>19</v>
      </c>
      <c r="L35" s="209">
        <v>257</v>
      </c>
      <c r="M35" s="210">
        <v>302</v>
      </c>
      <c r="N35" s="211">
        <v>0</v>
      </c>
      <c r="O35" s="208">
        <v>0</v>
      </c>
      <c r="P35" s="209">
        <v>0</v>
      </c>
      <c r="Q35" s="200">
        <v>0</v>
      </c>
      <c r="R35" s="208">
        <v>4</v>
      </c>
      <c r="S35" s="208">
        <v>3</v>
      </c>
      <c r="T35" s="208">
        <v>1</v>
      </c>
      <c r="U35" s="208">
        <v>1</v>
      </c>
      <c r="V35" s="208">
        <v>1</v>
      </c>
      <c r="W35" s="209">
        <v>10</v>
      </c>
      <c r="X35" s="210">
        <v>10</v>
      </c>
      <c r="Y35" s="207">
        <v>21</v>
      </c>
      <c r="Z35" s="208">
        <v>24</v>
      </c>
      <c r="AA35" s="209">
        <v>45</v>
      </c>
      <c r="AB35" s="200">
        <v>0</v>
      </c>
      <c r="AC35" s="208">
        <v>98</v>
      </c>
      <c r="AD35" s="208">
        <v>75</v>
      </c>
      <c r="AE35" s="208">
        <v>36</v>
      </c>
      <c r="AF35" s="208">
        <v>38</v>
      </c>
      <c r="AG35" s="208">
        <v>20</v>
      </c>
      <c r="AH35" s="209">
        <v>267</v>
      </c>
      <c r="AI35" s="210">
        <v>312</v>
      </c>
    </row>
    <row r="36" spans="2:35" ht="21" customHeight="1" x14ac:dyDescent="0.2">
      <c r="B36" s="472" t="s">
        <v>35</v>
      </c>
      <c r="C36" s="207">
        <v>80</v>
      </c>
      <c r="D36" s="208">
        <v>126</v>
      </c>
      <c r="E36" s="209">
        <v>206</v>
      </c>
      <c r="F36" s="200">
        <v>0</v>
      </c>
      <c r="G36" s="208">
        <v>385</v>
      </c>
      <c r="H36" s="208">
        <v>214</v>
      </c>
      <c r="I36" s="208">
        <v>130</v>
      </c>
      <c r="J36" s="208">
        <v>137</v>
      </c>
      <c r="K36" s="208">
        <v>49</v>
      </c>
      <c r="L36" s="209">
        <v>915</v>
      </c>
      <c r="M36" s="210">
        <v>1121</v>
      </c>
      <c r="N36" s="211">
        <v>0</v>
      </c>
      <c r="O36" s="208">
        <v>1</v>
      </c>
      <c r="P36" s="209">
        <v>1</v>
      </c>
      <c r="Q36" s="200">
        <v>0</v>
      </c>
      <c r="R36" s="208">
        <v>2</v>
      </c>
      <c r="S36" s="208">
        <v>4</v>
      </c>
      <c r="T36" s="208">
        <v>2</v>
      </c>
      <c r="U36" s="208">
        <v>2</v>
      </c>
      <c r="V36" s="208">
        <v>1</v>
      </c>
      <c r="W36" s="209">
        <v>11</v>
      </c>
      <c r="X36" s="210">
        <v>12</v>
      </c>
      <c r="Y36" s="207">
        <v>80</v>
      </c>
      <c r="Z36" s="208">
        <v>127</v>
      </c>
      <c r="AA36" s="209">
        <v>207</v>
      </c>
      <c r="AB36" s="200">
        <v>0</v>
      </c>
      <c r="AC36" s="208">
        <v>387</v>
      </c>
      <c r="AD36" s="208">
        <v>218</v>
      </c>
      <c r="AE36" s="208">
        <v>132</v>
      </c>
      <c r="AF36" s="208">
        <v>139</v>
      </c>
      <c r="AG36" s="208">
        <v>50</v>
      </c>
      <c r="AH36" s="209">
        <v>926</v>
      </c>
      <c r="AI36" s="210">
        <v>1133</v>
      </c>
    </row>
    <row r="37" spans="2:35" ht="21" customHeight="1" x14ac:dyDescent="0.2">
      <c r="B37" s="472" t="s">
        <v>36</v>
      </c>
      <c r="C37" s="207">
        <v>48</v>
      </c>
      <c r="D37" s="208">
        <v>126</v>
      </c>
      <c r="E37" s="209">
        <v>174</v>
      </c>
      <c r="F37" s="200">
        <v>0</v>
      </c>
      <c r="G37" s="208">
        <v>289</v>
      </c>
      <c r="H37" s="208">
        <v>269</v>
      </c>
      <c r="I37" s="208">
        <v>138</v>
      </c>
      <c r="J37" s="208">
        <v>120</v>
      </c>
      <c r="K37" s="208">
        <v>79</v>
      </c>
      <c r="L37" s="209">
        <v>895</v>
      </c>
      <c r="M37" s="210">
        <v>1069</v>
      </c>
      <c r="N37" s="211">
        <v>1</v>
      </c>
      <c r="O37" s="208">
        <v>4</v>
      </c>
      <c r="P37" s="209">
        <v>5</v>
      </c>
      <c r="Q37" s="200">
        <v>0</v>
      </c>
      <c r="R37" s="208">
        <v>6</v>
      </c>
      <c r="S37" s="208">
        <v>6</v>
      </c>
      <c r="T37" s="208">
        <v>6</v>
      </c>
      <c r="U37" s="208">
        <v>1</v>
      </c>
      <c r="V37" s="208">
        <v>3</v>
      </c>
      <c r="W37" s="209">
        <v>22</v>
      </c>
      <c r="X37" s="210">
        <v>27</v>
      </c>
      <c r="Y37" s="207">
        <v>49</v>
      </c>
      <c r="Z37" s="208">
        <v>130</v>
      </c>
      <c r="AA37" s="209">
        <v>179</v>
      </c>
      <c r="AB37" s="200">
        <v>0</v>
      </c>
      <c r="AC37" s="208">
        <v>295</v>
      </c>
      <c r="AD37" s="208">
        <v>275</v>
      </c>
      <c r="AE37" s="208">
        <v>144</v>
      </c>
      <c r="AF37" s="208">
        <v>121</v>
      </c>
      <c r="AG37" s="208">
        <v>82</v>
      </c>
      <c r="AH37" s="209">
        <v>917</v>
      </c>
      <c r="AI37" s="210">
        <v>1096</v>
      </c>
    </row>
    <row r="38" spans="2:35" ht="21" customHeight="1" thickBot="1" x14ac:dyDescent="0.25">
      <c r="B38" s="473" t="s">
        <v>37</v>
      </c>
      <c r="C38" s="212">
        <v>16</v>
      </c>
      <c r="D38" s="213">
        <v>5</v>
      </c>
      <c r="E38" s="214">
        <v>21</v>
      </c>
      <c r="F38" s="201">
        <v>0</v>
      </c>
      <c r="G38" s="213">
        <v>28</v>
      </c>
      <c r="H38" s="213">
        <v>19</v>
      </c>
      <c r="I38" s="213">
        <v>21</v>
      </c>
      <c r="J38" s="213">
        <v>13</v>
      </c>
      <c r="K38" s="213">
        <v>6</v>
      </c>
      <c r="L38" s="214">
        <v>87</v>
      </c>
      <c r="M38" s="215">
        <v>108</v>
      </c>
      <c r="N38" s="216">
        <v>0</v>
      </c>
      <c r="O38" s="213">
        <v>0</v>
      </c>
      <c r="P38" s="214">
        <v>0</v>
      </c>
      <c r="Q38" s="201">
        <v>0</v>
      </c>
      <c r="R38" s="213">
        <v>0</v>
      </c>
      <c r="S38" s="213">
        <v>3</v>
      </c>
      <c r="T38" s="213">
        <v>0</v>
      </c>
      <c r="U38" s="213">
        <v>1</v>
      </c>
      <c r="V38" s="213">
        <v>0</v>
      </c>
      <c r="W38" s="214">
        <v>4</v>
      </c>
      <c r="X38" s="215">
        <v>4</v>
      </c>
      <c r="Y38" s="212">
        <v>16</v>
      </c>
      <c r="Z38" s="213">
        <v>5</v>
      </c>
      <c r="AA38" s="214">
        <v>21</v>
      </c>
      <c r="AB38" s="201">
        <v>0</v>
      </c>
      <c r="AC38" s="213">
        <v>28</v>
      </c>
      <c r="AD38" s="213">
        <v>22</v>
      </c>
      <c r="AE38" s="213">
        <v>21</v>
      </c>
      <c r="AF38" s="213">
        <v>14</v>
      </c>
      <c r="AG38" s="213">
        <v>6</v>
      </c>
      <c r="AH38" s="214">
        <v>91</v>
      </c>
      <c r="AI38" s="215">
        <v>112</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8</v>
      </c>
      <c r="L1" s="504">
        <f>IF(K1&lt;3,K1+12-2,K1-2)</f>
        <v>6</v>
      </c>
      <c r="M1" s="504"/>
    </row>
    <row r="2" spans="2:156" ht="24" customHeight="1" thickBot="1" x14ac:dyDescent="0.25">
      <c r="B2" s="271" t="s">
        <v>137</v>
      </c>
      <c r="G2" s="234"/>
      <c r="H2" s="235"/>
      <c r="J2" s="241"/>
      <c r="K2" s="241"/>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244" t="s">
        <v>43</v>
      </c>
      <c r="D5" s="243" t="s">
        <v>44</v>
      </c>
      <c r="E5" s="356" t="s">
        <v>45</v>
      </c>
      <c r="F5" s="248" t="s">
        <v>83</v>
      </c>
      <c r="G5" s="243" t="s">
        <v>47</v>
      </c>
      <c r="H5" s="243" t="s">
        <v>48</v>
      </c>
      <c r="I5" s="243" t="s">
        <v>49</v>
      </c>
      <c r="J5" s="243" t="s">
        <v>50</v>
      </c>
      <c r="K5" s="243" t="s">
        <v>51</v>
      </c>
      <c r="L5" s="249" t="s">
        <v>45</v>
      </c>
      <c r="M5" s="506"/>
      <c r="N5" s="244" t="s">
        <v>43</v>
      </c>
      <c r="O5" s="243" t="s">
        <v>44</v>
      </c>
      <c r="P5" s="246" t="s">
        <v>45</v>
      </c>
      <c r="Q5" s="248" t="s">
        <v>83</v>
      </c>
      <c r="R5" s="243" t="s">
        <v>47</v>
      </c>
      <c r="S5" s="243" t="s">
        <v>48</v>
      </c>
      <c r="T5" s="243" t="s">
        <v>49</v>
      </c>
      <c r="U5" s="243" t="s">
        <v>50</v>
      </c>
      <c r="V5" s="243" t="s">
        <v>51</v>
      </c>
      <c r="W5" s="246" t="s">
        <v>45</v>
      </c>
      <c r="X5" s="506"/>
      <c r="Y5" s="244" t="s">
        <v>43</v>
      </c>
      <c r="Z5" s="243" t="s">
        <v>44</v>
      </c>
      <c r="AA5" s="246" t="s">
        <v>45</v>
      </c>
      <c r="AB5" s="248" t="s">
        <v>83</v>
      </c>
      <c r="AC5" s="243" t="s">
        <v>47</v>
      </c>
      <c r="AD5" s="243" t="s">
        <v>48</v>
      </c>
      <c r="AE5" s="243" t="s">
        <v>49</v>
      </c>
      <c r="AF5" s="243" t="s">
        <v>50</v>
      </c>
      <c r="AG5" s="243" t="s">
        <v>51</v>
      </c>
      <c r="AH5" s="246" t="s">
        <v>45</v>
      </c>
      <c r="AI5" s="506"/>
      <c r="AJ5" s="244" t="s">
        <v>43</v>
      </c>
      <c r="AK5" s="243" t="s">
        <v>44</v>
      </c>
      <c r="AL5" s="246" t="s">
        <v>45</v>
      </c>
      <c r="AM5" s="248" t="s">
        <v>83</v>
      </c>
      <c r="AN5" s="243" t="s">
        <v>47</v>
      </c>
      <c r="AO5" s="243" t="s">
        <v>48</v>
      </c>
      <c r="AP5" s="243" t="s">
        <v>49</v>
      </c>
      <c r="AQ5" s="243" t="s">
        <v>50</v>
      </c>
      <c r="AR5" s="243" t="s">
        <v>51</v>
      </c>
      <c r="AS5" s="246" t="s">
        <v>45</v>
      </c>
      <c r="AT5" s="506"/>
      <c r="AU5" s="244" t="s">
        <v>43</v>
      </c>
      <c r="AV5" s="243" t="s">
        <v>44</v>
      </c>
      <c r="AW5" s="246" t="s">
        <v>45</v>
      </c>
      <c r="AX5" s="248" t="s">
        <v>83</v>
      </c>
      <c r="AY5" s="243" t="s">
        <v>47</v>
      </c>
      <c r="AZ5" s="243" t="s">
        <v>48</v>
      </c>
      <c r="BA5" s="243" t="s">
        <v>49</v>
      </c>
      <c r="BB5" s="243" t="s">
        <v>50</v>
      </c>
      <c r="BC5" s="243" t="s">
        <v>51</v>
      </c>
      <c r="BD5" s="249" t="s">
        <v>45</v>
      </c>
      <c r="BE5" s="506"/>
      <c r="BF5" s="244" t="s">
        <v>43</v>
      </c>
      <c r="BG5" s="243" t="s">
        <v>44</v>
      </c>
      <c r="BH5" s="246" t="s">
        <v>45</v>
      </c>
      <c r="BI5" s="248" t="s">
        <v>83</v>
      </c>
      <c r="BJ5" s="243" t="s">
        <v>47</v>
      </c>
      <c r="BK5" s="243" t="s">
        <v>48</v>
      </c>
      <c r="BL5" s="243" t="s">
        <v>49</v>
      </c>
      <c r="BM5" s="243" t="s">
        <v>50</v>
      </c>
      <c r="BN5" s="243" t="s">
        <v>51</v>
      </c>
      <c r="BO5" s="246" t="s">
        <v>45</v>
      </c>
      <c r="BP5" s="506"/>
      <c r="BQ5" s="244" t="s">
        <v>43</v>
      </c>
      <c r="BR5" s="243" t="s">
        <v>44</v>
      </c>
      <c r="BS5" s="246" t="s">
        <v>45</v>
      </c>
      <c r="BT5" s="248" t="s">
        <v>83</v>
      </c>
      <c r="BU5" s="243" t="s">
        <v>47</v>
      </c>
      <c r="BV5" s="243" t="s">
        <v>48</v>
      </c>
      <c r="BW5" s="243" t="s">
        <v>49</v>
      </c>
      <c r="BX5" s="243" t="s">
        <v>50</v>
      </c>
      <c r="BY5" s="243" t="s">
        <v>51</v>
      </c>
      <c r="BZ5" s="246" t="s">
        <v>45</v>
      </c>
      <c r="CA5" s="506"/>
      <c r="CB5" s="244" t="s">
        <v>43</v>
      </c>
      <c r="CC5" s="243" t="s">
        <v>44</v>
      </c>
      <c r="CD5" s="246" t="s">
        <v>45</v>
      </c>
      <c r="CE5" s="248" t="s">
        <v>83</v>
      </c>
      <c r="CF5" s="243" t="s">
        <v>47</v>
      </c>
      <c r="CG5" s="243" t="s">
        <v>48</v>
      </c>
      <c r="CH5" s="243" t="s">
        <v>49</v>
      </c>
      <c r="CI5" s="243" t="s">
        <v>50</v>
      </c>
      <c r="CJ5" s="243" t="s">
        <v>51</v>
      </c>
      <c r="CK5" s="246" t="s">
        <v>45</v>
      </c>
      <c r="CL5" s="506"/>
      <c r="CM5" s="244" t="s">
        <v>43</v>
      </c>
      <c r="CN5" s="243" t="s">
        <v>44</v>
      </c>
      <c r="CO5" s="246" t="s">
        <v>45</v>
      </c>
      <c r="CP5" s="248" t="s">
        <v>83</v>
      </c>
      <c r="CQ5" s="243" t="s">
        <v>47</v>
      </c>
      <c r="CR5" s="243" t="s">
        <v>48</v>
      </c>
      <c r="CS5" s="243" t="s">
        <v>49</v>
      </c>
      <c r="CT5" s="243" t="s">
        <v>50</v>
      </c>
      <c r="CU5" s="243" t="s">
        <v>51</v>
      </c>
      <c r="CV5" s="246" t="s">
        <v>45</v>
      </c>
      <c r="CW5" s="506"/>
      <c r="CX5" s="244" t="s">
        <v>43</v>
      </c>
      <c r="CY5" s="243" t="s">
        <v>44</v>
      </c>
      <c r="CZ5" s="246" t="s">
        <v>45</v>
      </c>
      <c r="DA5" s="248" t="s">
        <v>83</v>
      </c>
      <c r="DB5" s="243" t="s">
        <v>47</v>
      </c>
      <c r="DC5" s="243" t="s">
        <v>48</v>
      </c>
      <c r="DD5" s="243" t="s">
        <v>49</v>
      </c>
      <c r="DE5" s="243" t="s">
        <v>50</v>
      </c>
      <c r="DF5" s="243" t="s">
        <v>51</v>
      </c>
      <c r="DG5" s="246" t="s">
        <v>45</v>
      </c>
      <c r="DH5" s="506"/>
      <c r="DI5" s="321" t="s">
        <v>43</v>
      </c>
      <c r="DJ5" s="243" t="s">
        <v>44</v>
      </c>
      <c r="DK5" s="246" t="s">
        <v>45</v>
      </c>
      <c r="DL5" s="248" t="s">
        <v>83</v>
      </c>
      <c r="DM5" s="243" t="s">
        <v>47</v>
      </c>
      <c r="DN5" s="243" t="s">
        <v>48</v>
      </c>
      <c r="DO5" s="243" t="s">
        <v>49</v>
      </c>
      <c r="DP5" s="243" t="s">
        <v>50</v>
      </c>
      <c r="DQ5" s="243" t="s">
        <v>51</v>
      </c>
      <c r="DR5" s="246" t="s">
        <v>45</v>
      </c>
      <c r="DS5" s="506"/>
      <c r="DT5" s="244" t="s">
        <v>43</v>
      </c>
      <c r="DU5" s="243" t="s">
        <v>44</v>
      </c>
      <c r="DV5" s="246" t="s">
        <v>45</v>
      </c>
      <c r="DW5" s="248" t="s">
        <v>83</v>
      </c>
      <c r="DX5" s="243" t="s">
        <v>47</v>
      </c>
      <c r="DY5" s="243" t="s">
        <v>48</v>
      </c>
      <c r="DZ5" s="243" t="s">
        <v>49</v>
      </c>
      <c r="EA5" s="243" t="s">
        <v>50</v>
      </c>
      <c r="EB5" s="243" t="s">
        <v>51</v>
      </c>
      <c r="EC5" s="246" t="s">
        <v>45</v>
      </c>
      <c r="ED5" s="506"/>
      <c r="EE5" s="244" t="s">
        <v>43</v>
      </c>
      <c r="EF5" s="243" t="s">
        <v>44</v>
      </c>
      <c r="EG5" s="246" t="s">
        <v>45</v>
      </c>
      <c r="EH5" s="248" t="s">
        <v>83</v>
      </c>
      <c r="EI5" s="243" t="s">
        <v>47</v>
      </c>
      <c r="EJ5" s="243" t="s">
        <v>48</v>
      </c>
      <c r="EK5" s="243" t="s">
        <v>49</v>
      </c>
      <c r="EL5" s="243" t="s">
        <v>50</v>
      </c>
      <c r="EM5" s="243" t="s">
        <v>51</v>
      </c>
      <c r="EN5" s="246" t="s">
        <v>45</v>
      </c>
      <c r="EO5" s="506"/>
      <c r="EP5" s="244"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9059</v>
      </c>
      <c r="H6" s="254">
        <v>22841</v>
      </c>
      <c r="I6" s="254">
        <v>12821</v>
      </c>
      <c r="J6" s="254">
        <v>10245</v>
      </c>
      <c r="K6" s="254">
        <v>7675</v>
      </c>
      <c r="L6" s="255">
        <v>72641</v>
      </c>
      <c r="M6" s="256">
        <v>72641</v>
      </c>
      <c r="N6" s="250">
        <v>1</v>
      </c>
      <c r="O6" s="254">
        <v>14</v>
      </c>
      <c r="P6" s="251">
        <v>15</v>
      </c>
      <c r="Q6" s="253">
        <v>0</v>
      </c>
      <c r="R6" s="254">
        <v>109</v>
      </c>
      <c r="S6" s="254">
        <v>444</v>
      </c>
      <c r="T6" s="254">
        <v>778</v>
      </c>
      <c r="U6" s="254">
        <v>2028</v>
      </c>
      <c r="V6" s="254">
        <v>3495</v>
      </c>
      <c r="W6" s="251">
        <v>6854</v>
      </c>
      <c r="X6" s="256">
        <v>6869</v>
      </c>
      <c r="Y6" s="250">
        <v>2311</v>
      </c>
      <c r="Z6" s="254">
        <v>5740</v>
      </c>
      <c r="AA6" s="251">
        <v>8051</v>
      </c>
      <c r="AB6" s="253">
        <v>0</v>
      </c>
      <c r="AC6" s="254">
        <v>11821</v>
      </c>
      <c r="AD6" s="254">
        <v>16781</v>
      </c>
      <c r="AE6" s="254">
        <v>10201</v>
      </c>
      <c r="AF6" s="254">
        <v>8866</v>
      </c>
      <c r="AG6" s="254">
        <v>6720</v>
      </c>
      <c r="AH6" s="251">
        <v>54389</v>
      </c>
      <c r="AI6" s="256">
        <v>62440</v>
      </c>
      <c r="AJ6" s="250">
        <v>265</v>
      </c>
      <c r="AK6" s="254">
        <v>833</v>
      </c>
      <c r="AL6" s="251">
        <v>1098</v>
      </c>
      <c r="AM6" s="253">
        <v>0</v>
      </c>
      <c r="AN6" s="254">
        <v>1082</v>
      </c>
      <c r="AO6" s="254">
        <v>1755</v>
      </c>
      <c r="AP6" s="254">
        <v>1122</v>
      </c>
      <c r="AQ6" s="254">
        <v>953</v>
      </c>
      <c r="AR6" s="254">
        <v>613</v>
      </c>
      <c r="AS6" s="251">
        <v>5525</v>
      </c>
      <c r="AT6" s="256">
        <v>6623</v>
      </c>
      <c r="AU6" s="250">
        <v>2852</v>
      </c>
      <c r="AV6" s="254">
        <v>3916</v>
      </c>
      <c r="AW6" s="251">
        <v>6768</v>
      </c>
      <c r="AX6" s="253">
        <v>0</v>
      </c>
      <c r="AY6" s="254">
        <v>18125</v>
      </c>
      <c r="AZ6" s="254">
        <v>22707</v>
      </c>
      <c r="BA6" s="254">
        <v>19955</v>
      </c>
      <c r="BB6" s="254">
        <v>19559</v>
      </c>
      <c r="BC6" s="254">
        <v>14989</v>
      </c>
      <c r="BD6" s="255">
        <v>95335</v>
      </c>
      <c r="BE6" s="256">
        <v>102103</v>
      </c>
      <c r="BF6" s="250">
        <v>1</v>
      </c>
      <c r="BG6" s="254">
        <v>1</v>
      </c>
      <c r="BH6" s="251">
        <v>2</v>
      </c>
      <c r="BI6" s="253">
        <v>0</v>
      </c>
      <c r="BJ6" s="254">
        <v>21854</v>
      </c>
      <c r="BK6" s="254">
        <v>20944</v>
      </c>
      <c r="BL6" s="254">
        <v>11256</v>
      </c>
      <c r="BM6" s="254">
        <v>6642</v>
      </c>
      <c r="BN6" s="254">
        <v>3175</v>
      </c>
      <c r="BO6" s="251">
        <v>63871</v>
      </c>
      <c r="BP6" s="256">
        <v>63873</v>
      </c>
      <c r="BQ6" s="250">
        <v>1625</v>
      </c>
      <c r="BR6" s="254">
        <v>2646</v>
      </c>
      <c r="BS6" s="251">
        <v>4271</v>
      </c>
      <c r="BT6" s="253">
        <v>0</v>
      </c>
      <c r="BU6" s="254">
        <v>4389</v>
      </c>
      <c r="BV6" s="254">
        <v>6566</v>
      </c>
      <c r="BW6" s="254">
        <v>3829</v>
      </c>
      <c r="BX6" s="254">
        <v>2422</v>
      </c>
      <c r="BY6" s="254">
        <v>901</v>
      </c>
      <c r="BZ6" s="251">
        <v>18107</v>
      </c>
      <c r="CA6" s="256">
        <v>22378</v>
      </c>
      <c r="CB6" s="250">
        <v>79</v>
      </c>
      <c r="CC6" s="254">
        <v>232</v>
      </c>
      <c r="CD6" s="251">
        <v>311</v>
      </c>
      <c r="CE6" s="253">
        <v>0</v>
      </c>
      <c r="CF6" s="254">
        <v>2135</v>
      </c>
      <c r="CG6" s="254">
        <v>3572</v>
      </c>
      <c r="CH6" s="254">
        <v>4428</v>
      </c>
      <c r="CI6" s="254">
        <v>3252</v>
      </c>
      <c r="CJ6" s="254">
        <v>1763</v>
      </c>
      <c r="CK6" s="251">
        <v>15150</v>
      </c>
      <c r="CL6" s="256">
        <v>15461</v>
      </c>
      <c r="CM6" s="250">
        <v>6</v>
      </c>
      <c r="CN6" s="254">
        <v>18</v>
      </c>
      <c r="CO6" s="251">
        <v>24</v>
      </c>
      <c r="CP6" s="253">
        <v>0</v>
      </c>
      <c r="CQ6" s="254">
        <v>210</v>
      </c>
      <c r="CR6" s="254">
        <v>500</v>
      </c>
      <c r="CS6" s="254">
        <v>593</v>
      </c>
      <c r="CT6" s="254">
        <v>564</v>
      </c>
      <c r="CU6" s="254">
        <v>354</v>
      </c>
      <c r="CV6" s="251">
        <v>2221</v>
      </c>
      <c r="CW6" s="256">
        <v>2245</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11044</v>
      </c>
      <c r="DU6" s="254">
        <v>23517</v>
      </c>
      <c r="DV6" s="251">
        <v>34561</v>
      </c>
      <c r="DW6" s="253">
        <v>0</v>
      </c>
      <c r="DX6" s="254">
        <v>27120</v>
      </c>
      <c r="DY6" s="254">
        <v>45871</v>
      </c>
      <c r="DZ6" s="254">
        <v>27147</v>
      </c>
      <c r="EA6" s="254">
        <v>21015</v>
      </c>
      <c r="EB6" s="254">
        <v>13313</v>
      </c>
      <c r="EC6" s="251">
        <v>134466</v>
      </c>
      <c r="ED6" s="256">
        <v>169027</v>
      </c>
      <c r="EE6" s="250">
        <v>1606</v>
      </c>
      <c r="EF6" s="254">
        <v>1241</v>
      </c>
      <c r="EG6" s="251">
        <v>2847</v>
      </c>
      <c r="EH6" s="253">
        <v>0</v>
      </c>
      <c r="EI6" s="254">
        <v>5919</v>
      </c>
      <c r="EJ6" s="254">
        <v>5453</v>
      </c>
      <c r="EK6" s="254">
        <v>4865</v>
      </c>
      <c r="EL6" s="254">
        <v>5577</v>
      </c>
      <c r="EM6" s="254">
        <v>3225</v>
      </c>
      <c r="EN6" s="251">
        <v>25039</v>
      </c>
      <c r="EO6" s="256">
        <v>27886</v>
      </c>
      <c r="EP6" s="250">
        <v>14165</v>
      </c>
      <c r="EQ6" s="254">
        <v>28089</v>
      </c>
      <c r="ER6" s="251">
        <v>42254</v>
      </c>
      <c r="ES6" s="253">
        <v>0</v>
      </c>
      <c r="ET6" s="254">
        <v>57151</v>
      </c>
      <c r="EU6" s="254">
        <v>61115</v>
      </c>
      <c r="EV6" s="254">
        <v>32188</v>
      </c>
      <c r="EW6" s="254">
        <v>22444</v>
      </c>
      <c r="EX6" s="254">
        <v>13638</v>
      </c>
      <c r="EY6" s="251">
        <v>186536</v>
      </c>
      <c r="EZ6" s="256">
        <v>228790</v>
      </c>
    </row>
    <row r="7" spans="2:156" ht="21" customHeight="1" x14ac:dyDescent="0.2">
      <c r="B7" s="471" t="s">
        <v>5</v>
      </c>
      <c r="C7" s="257">
        <v>0</v>
      </c>
      <c r="D7" s="261">
        <v>0</v>
      </c>
      <c r="E7" s="358">
        <v>0</v>
      </c>
      <c r="F7" s="260">
        <v>0</v>
      </c>
      <c r="G7" s="261">
        <v>6771</v>
      </c>
      <c r="H7" s="261">
        <v>11252</v>
      </c>
      <c r="I7" s="261">
        <v>5585</v>
      </c>
      <c r="J7" s="261">
        <v>4261</v>
      </c>
      <c r="K7" s="261">
        <v>3151</v>
      </c>
      <c r="L7" s="262">
        <v>31020</v>
      </c>
      <c r="M7" s="263">
        <v>31020</v>
      </c>
      <c r="N7" s="257">
        <v>0</v>
      </c>
      <c r="O7" s="261">
        <v>6</v>
      </c>
      <c r="P7" s="258">
        <v>6</v>
      </c>
      <c r="Q7" s="260">
        <v>0</v>
      </c>
      <c r="R7" s="261">
        <v>25</v>
      </c>
      <c r="S7" s="261">
        <v>153</v>
      </c>
      <c r="T7" s="261">
        <v>284</v>
      </c>
      <c r="U7" s="261">
        <v>814</v>
      </c>
      <c r="V7" s="261">
        <v>1498</v>
      </c>
      <c r="W7" s="258">
        <v>2774</v>
      </c>
      <c r="X7" s="263">
        <v>2780</v>
      </c>
      <c r="Y7" s="257">
        <v>986</v>
      </c>
      <c r="Z7" s="261">
        <v>2955</v>
      </c>
      <c r="AA7" s="258">
        <v>3941</v>
      </c>
      <c r="AB7" s="260">
        <v>0</v>
      </c>
      <c r="AC7" s="261">
        <v>4221</v>
      </c>
      <c r="AD7" s="261">
        <v>8446</v>
      </c>
      <c r="AE7" s="261">
        <v>4799</v>
      </c>
      <c r="AF7" s="261">
        <v>3955</v>
      </c>
      <c r="AG7" s="261">
        <v>2963</v>
      </c>
      <c r="AH7" s="258">
        <v>24384</v>
      </c>
      <c r="AI7" s="263">
        <v>28325</v>
      </c>
      <c r="AJ7" s="257">
        <v>108</v>
      </c>
      <c r="AK7" s="261">
        <v>424</v>
      </c>
      <c r="AL7" s="258">
        <v>532</v>
      </c>
      <c r="AM7" s="260">
        <v>0</v>
      </c>
      <c r="AN7" s="261">
        <v>258</v>
      </c>
      <c r="AO7" s="261">
        <v>699</v>
      </c>
      <c r="AP7" s="261">
        <v>459</v>
      </c>
      <c r="AQ7" s="261">
        <v>380</v>
      </c>
      <c r="AR7" s="261">
        <v>222</v>
      </c>
      <c r="AS7" s="258">
        <v>2018</v>
      </c>
      <c r="AT7" s="263">
        <v>2550</v>
      </c>
      <c r="AU7" s="257">
        <v>1195</v>
      </c>
      <c r="AV7" s="261">
        <v>1907</v>
      </c>
      <c r="AW7" s="258">
        <v>3102</v>
      </c>
      <c r="AX7" s="260">
        <v>0</v>
      </c>
      <c r="AY7" s="261">
        <v>6601</v>
      </c>
      <c r="AZ7" s="261">
        <v>9976</v>
      </c>
      <c r="BA7" s="261">
        <v>8099</v>
      </c>
      <c r="BB7" s="261">
        <v>7957</v>
      </c>
      <c r="BC7" s="261">
        <v>6188</v>
      </c>
      <c r="BD7" s="262">
        <v>38821</v>
      </c>
      <c r="BE7" s="263">
        <v>41923</v>
      </c>
      <c r="BF7" s="257">
        <v>0</v>
      </c>
      <c r="BG7" s="261">
        <v>1</v>
      </c>
      <c r="BH7" s="258">
        <v>1</v>
      </c>
      <c r="BI7" s="260">
        <v>0</v>
      </c>
      <c r="BJ7" s="261">
        <v>6846</v>
      </c>
      <c r="BK7" s="261">
        <v>8512</v>
      </c>
      <c r="BL7" s="261">
        <v>4195</v>
      </c>
      <c r="BM7" s="261">
        <v>2372</v>
      </c>
      <c r="BN7" s="261">
        <v>1165</v>
      </c>
      <c r="BO7" s="258">
        <v>23090</v>
      </c>
      <c r="BP7" s="263">
        <v>23091</v>
      </c>
      <c r="BQ7" s="257">
        <v>691</v>
      </c>
      <c r="BR7" s="261">
        <v>1198</v>
      </c>
      <c r="BS7" s="258">
        <v>1889</v>
      </c>
      <c r="BT7" s="260">
        <v>0</v>
      </c>
      <c r="BU7" s="261">
        <v>1349</v>
      </c>
      <c r="BV7" s="261">
        <v>2984</v>
      </c>
      <c r="BW7" s="261">
        <v>1683</v>
      </c>
      <c r="BX7" s="261">
        <v>1082</v>
      </c>
      <c r="BY7" s="261">
        <v>400</v>
      </c>
      <c r="BZ7" s="258">
        <v>7498</v>
      </c>
      <c r="CA7" s="263">
        <v>9387</v>
      </c>
      <c r="CB7" s="257">
        <v>26</v>
      </c>
      <c r="CC7" s="261">
        <v>90</v>
      </c>
      <c r="CD7" s="258">
        <v>116</v>
      </c>
      <c r="CE7" s="260">
        <v>0</v>
      </c>
      <c r="CF7" s="261">
        <v>616</v>
      </c>
      <c r="CG7" s="261">
        <v>1271</v>
      </c>
      <c r="CH7" s="261">
        <v>1617</v>
      </c>
      <c r="CI7" s="261">
        <v>1185</v>
      </c>
      <c r="CJ7" s="261">
        <v>639</v>
      </c>
      <c r="CK7" s="258">
        <v>5328</v>
      </c>
      <c r="CL7" s="263">
        <v>5444</v>
      </c>
      <c r="CM7" s="257">
        <v>3</v>
      </c>
      <c r="CN7" s="261">
        <v>13</v>
      </c>
      <c r="CO7" s="258">
        <v>16</v>
      </c>
      <c r="CP7" s="260">
        <v>0</v>
      </c>
      <c r="CQ7" s="261">
        <v>102</v>
      </c>
      <c r="CR7" s="261">
        <v>294</v>
      </c>
      <c r="CS7" s="261">
        <v>331</v>
      </c>
      <c r="CT7" s="261">
        <v>307</v>
      </c>
      <c r="CU7" s="261">
        <v>216</v>
      </c>
      <c r="CV7" s="258">
        <v>1250</v>
      </c>
      <c r="CW7" s="263">
        <v>1266</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3742</v>
      </c>
      <c r="DU7" s="261">
        <v>10088</v>
      </c>
      <c r="DV7" s="258">
        <v>13830</v>
      </c>
      <c r="DW7" s="260">
        <v>0</v>
      </c>
      <c r="DX7" s="261">
        <v>7692</v>
      </c>
      <c r="DY7" s="261">
        <v>20319</v>
      </c>
      <c r="DZ7" s="261">
        <v>11073</v>
      </c>
      <c r="EA7" s="261">
        <v>8388</v>
      </c>
      <c r="EB7" s="261">
        <v>5426</v>
      </c>
      <c r="EC7" s="258">
        <v>52898</v>
      </c>
      <c r="ED7" s="263">
        <v>66728</v>
      </c>
      <c r="EE7" s="257">
        <v>683</v>
      </c>
      <c r="EF7" s="261">
        <v>556</v>
      </c>
      <c r="EG7" s="258">
        <v>1239</v>
      </c>
      <c r="EH7" s="260">
        <v>0</v>
      </c>
      <c r="EI7" s="261">
        <v>2365</v>
      </c>
      <c r="EJ7" s="261">
        <v>2575</v>
      </c>
      <c r="EK7" s="261">
        <v>2092</v>
      </c>
      <c r="EL7" s="261">
        <v>2491</v>
      </c>
      <c r="EM7" s="261">
        <v>1402</v>
      </c>
      <c r="EN7" s="258">
        <v>10925</v>
      </c>
      <c r="EO7" s="263">
        <v>12164</v>
      </c>
      <c r="EP7" s="257">
        <v>5130</v>
      </c>
      <c r="EQ7" s="261">
        <v>12375</v>
      </c>
      <c r="ER7" s="258">
        <v>17505</v>
      </c>
      <c r="ES7" s="260">
        <v>0</v>
      </c>
      <c r="ET7" s="261">
        <v>18691</v>
      </c>
      <c r="EU7" s="261">
        <v>27477</v>
      </c>
      <c r="EV7" s="261">
        <v>13320</v>
      </c>
      <c r="EW7" s="261">
        <v>9123</v>
      </c>
      <c r="EX7" s="261">
        <v>5595</v>
      </c>
      <c r="EY7" s="258">
        <v>74206</v>
      </c>
      <c r="EZ7" s="263">
        <v>91711</v>
      </c>
    </row>
    <row r="8" spans="2:156" ht="21" customHeight="1" x14ac:dyDescent="0.2">
      <c r="B8" s="472" t="s">
        <v>6</v>
      </c>
      <c r="C8" s="257">
        <v>0</v>
      </c>
      <c r="D8" s="261">
        <v>0</v>
      </c>
      <c r="E8" s="358">
        <v>0</v>
      </c>
      <c r="F8" s="260">
        <v>0</v>
      </c>
      <c r="G8" s="261">
        <v>3311</v>
      </c>
      <c r="H8" s="261">
        <v>2961</v>
      </c>
      <c r="I8" s="261">
        <v>1823</v>
      </c>
      <c r="J8" s="261">
        <v>1565</v>
      </c>
      <c r="K8" s="261">
        <v>1232</v>
      </c>
      <c r="L8" s="262">
        <v>10892</v>
      </c>
      <c r="M8" s="263">
        <v>10892</v>
      </c>
      <c r="N8" s="257">
        <v>1</v>
      </c>
      <c r="O8" s="261">
        <v>1</v>
      </c>
      <c r="P8" s="258">
        <v>2</v>
      </c>
      <c r="Q8" s="260">
        <v>0</v>
      </c>
      <c r="R8" s="261">
        <v>17</v>
      </c>
      <c r="S8" s="261">
        <v>57</v>
      </c>
      <c r="T8" s="261">
        <v>110</v>
      </c>
      <c r="U8" s="261">
        <v>272</v>
      </c>
      <c r="V8" s="261">
        <v>522</v>
      </c>
      <c r="W8" s="258">
        <v>978</v>
      </c>
      <c r="X8" s="263">
        <v>980</v>
      </c>
      <c r="Y8" s="257">
        <v>359</v>
      </c>
      <c r="Z8" s="261">
        <v>763</v>
      </c>
      <c r="AA8" s="258">
        <v>1122</v>
      </c>
      <c r="AB8" s="260">
        <v>0</v>
      </c>
      <c r="AC8" s="261">
        <v>2150</v>
      </c>
      <c r="AD8" s="261">
        <v>2209</v>
      </c>
      <c r="AE8" s="261">
        <v>1415</v>
      </c>
      <c r="AF8" s="261">
        <v>1290</v>
      </c>
      <c r="AG8" s="261">
        <v>996</v>
      </c>
      <c r="AH8" s="258">
        <v>8060</v>
      </c>
      <c r="AI8" s="263">
        <v>9182</v>
      </c>
      <c r="AJ8" s="257">
        <v>16</v>
      </c>
      <c r="AK8" s="261">
        <v>65</v>
      </c>
      <c r="AL8" s="258">
        <v>81</v>
      </c>
      <c r="AM8" s="260">
        <v>0</v>
      </c>
      <c r="AN8" s="261">
        <v>169</v>
      </c>
      <c r="AO8" s="261">
        <v>215</v>
      </c>
      <c r="AP8" s="261">
        <v>120</v>
      </c>
      <c r="AQ8" s="261">
        <v>128</v>
      </c>
      <c r="AR8" s="261">
        <v>74</v>
      </c>
      <c r="AS8" s="258">
        <v>706</v>
      </c>
      <c r="AT8" s="263">
        <v>787</v>
      </c>
      <c r="AU8" s="257">
        <v>467</v>
      </c>
      <c r="AV8" s="261">
        <v>551</v>
      </c>
      <c r="AW8" s="258">
        <v>1018</v>
      </c>
      <c r="AX8" s="260">
        <v>0</v>
      </c>
      <c r="AY8" s="261">
        <v>3382</v>
      </c>
      <c r="AZ8" s="261">
        <v>3634</v>
      </c>
      <c r="BA8" s="261">
        <v>3241</v>
      </c>
      <c r="BB8" s="261">
        <v>3199</v>
      </c>
      <c r="BC8" s="261">
        <v>2573</v>
      </c>
      <c r="BD8" s="262">
        <v>16029</v>
      </c>
      <c r="BE8" s="263">
        <v>17047</v>
      </c>
      <c r="BF8" s="257">
        <v>0</v>
      </c>
      <c r="BG8" s="261">
        <v>0</v>
      </c>
      <c r="BH8" s="258">
        <v>0</v>
      </c>
      <c r="BI8" s="260">
        <v>0</v>
      </c>
      <c r="BJ8" s="261">
        <v>3653</v>
      </c>
      <c r="BK8" s="261">
        <v>2828</v>
      </c>
      <c r="BL8" s="261">
        <v>1573</v>
      </c>
      <c r="BM8" s="261">
        <v>1018</v>
      </c>
      <c r="BN8" s="261">
        <v>506</v>
      </c>
      <c r="BO8" s="258">
        <v>9578</v>
      </c>
      <c r="BP8" s="263">
        <v>9578</v>
      </c>
      <c r="BQ8" s="257">
        <v>120</v>
      </c>
      <c r="BR8" s="261">
        <v>211</v>
      </c>
      <c r="BS8" s="258">
        <v>331</v>
      </c>
      <c r="BT8" s="260">
        <v>0</v>
      </c>
      <c r="BU8" s="261">
        <v>578</v>
      </c>
      <c r="BV8" s="261">
        <v>725</v>
      </c>
      <c r="BW8" s="261">
        <v>474</v>
      </c>
      <c r="BX8" s="261">
        <v>330</v>
      </c>
      <c r="BY8" s="261">
        <v>129</v>
      </c>
      <c r="BZ8" s="258">
        <v>2236</v>
      </c>
      <c r="CA8" s="263">
        <v>2567</v>
      </c>
      <c r="CB8" s="257">
        <v>4</v>
      </c>
      <c r="CC8" s="261">
        <v>27</v>
      </c>
      <c r="CD8" s="258">
        <v>31</v>
      </c>
      <c r="CE8" s="260">
        <v>0</v>
      </c>
      <c r="CF8" s="261">
        <v>290</v>
      </c>
      <c r="CG8" s="261">
        <v>415</v>
      </c>
      <c r="CH8" s="261">
        <v>515</v>
      </c>
      <c r="CI8" s="261">
        <v>387</v>
      </c>
      <c r="CJ8" s="261">
        <v>246</v>
      </c>
      <c r="CK8" s="258">
        <v>1853</v>
      </c>
      <c r="CL8" s="263">
        <v>1884</v>
      </c>
      <c r="CM8" s="257">
        <v>0</v>
      </c>
      <c r="CN8" s="261">
        <v>0</v>
      </c>
      <c r="CO8" s="258">
        <v>0</v>
      </c>
      <c r="CP8" s="260">
        <v>0</v>
      </c>
      <c r="CQ8" s="261">
        <v>24</v>
      </c>
      <c r="CR8" s="261">
        <v>49</v>
      </c>
      <c r="CS8" s="261">
        <v>65</v>
      </c>
      <c r="CT8" s="261">
        <v>91</v>
      </c>
      <c r="CU8" s="261">
        <v>42</v>
      </c>
      <c r="CV8" s="258">
        <v>271</v>
      </c>
      <c r="CW8" s="263">
        <v>271</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635</v>
      </c>
      <c r="DU8" s="261">
        <v>2924</v>
      </c>
      <c r="DV8" s="258">
        <v>4559</v>
      </c>
      <c r="DW8" s="260">
        <v>0</v>
      </c>
      <c r="DX8" s="261">
        <v>4846</v>
      </c>
      <c r="DY8" s="261">
        <v>5917</v>
      </c>
      <c r="DZ8" s="261">
        <v>3914</v>
      </c>
      <c r="EA8" s="261">
        <v>3253</v>
      </c>
      <c r="EB8" s="261">
        <v>2105</v>
      </c>
      <c r="EC8" s="258">
        <v>20035</v>
      </c>
      <c r="ED8" s="263">
        <v>24594</v>
      </c>
      <c r="EE8" s="257">
        <v>227</v>
      </c>
      <c r="EF8" s="261">
        <v>164</v>
      </c>
      <c r="EG8" s="258">
        <v>391</v>
      </c>
      <c r="EH8" s="260">
        <v>0</v>
      </c>
      <c r="EI8" s="261">
        <v>855</v>
      </c>
      <c r="EJ8" s="261">
        <v>699</v>
      </c>
      <c r="EK8" s="261">
        <v>709</v>
      </c>
      <c r="EL8" s="261">
        <v>787</v>
      </c>
      <c r="EM8" s="261">
        <v>504</v>
      </c>
      <c r="EN8" s="258">
        <v>3554</v>
      </c>
      <c r="EO8" s="263">
        <v>3945</v>
      </c>
      <c r="EP8" s="257">
        <v>1993</v>
      </c>
      <c r="EQ8" s="261">
        <v>3439</v>
      </c>
      <c r="ER8" s="258">
        <v>5432</v>
      </c>
      <c r="ES8" s="260">
        <v>0</v>
      </c>
      <c r="ET8" s="261">
        <v>9221</v>
      </c>
      <c r="EU8" s="261">
        <v>7697</v>
      </c>
      <c r="EV8" s="261">
        <v>4470</v>
      </c>
      <c r="EW8" s="261">
        <v>3371</v>
      </c>
      <c r="EX8" s="261">
        <v>2146</v>
      </c>
      <c r="EY8" s="258">
        <v>26905</v>
      </c>
      <c r="EZ8" s="263">
        <v>32337</v>
      </c>
    </row>
    <row r="9" spans="2:156" ht="21" customHeight="1" x14ac:dyDescent="0.2">
      <c r="B9" s="472" t="s">
        <v>14</v>
      </c>
      <c r="C9" s="257">
        <v>0</v>
      </c>
      <c r="D9" s="261">
        <v>0</v>
      </c>
      <c r="E9" s="358">
        <v>0</v>
      </c>
      <c r="F9" s="260">
        <v>0</v>
      </c>
      <c r="G9" s="261">
        <v>1133</v>
      </c>
      <c r="H9" s="261">
        <v>1689</v>
      </c>
      <c r="I9" s="261">
        <v>1009</v>
      </c>
      <c r="J9" s="261">
        <v>696</v>
      </c>
      <c r="K9" s="261">
        <v>516</v>
      </c>
      <c r="L9" s="262">
        <v>5043</v>
      </c>
      <c r="M9" s="263">
        <v>5043</v>
      </c>
      <c r="N9" s="257">
        <v>0</v>
      </c>
      <c r="O9" s="261">
        <v>2</v>
      </c>
      <c r="P9" s="258">
        <v>2</v>
      </c>
      <c r="Q9" s="260">
        <v>0</v>
      </c>
      <c r="R9" s="261">
        <v>5</v>
      </c>
      <c r="S9" s="261">
        <v>23</v>
      </c>
      <c r="T9" s="261">
        <v>50</v>
      </c>
      <c r="U9" s="261">
        <v>142</v>
      </c>
      <c r="V9" s="261">
        <v>214</v>
      </c>
      <c r="W9" s="258">
        <v>434</v>
      </c>
      <c r="X9" s="263">
        <v>436</v>
      </c>
      <c r="Y9" s="257">
        <v>108</v>
      </c>
      <c r="Z9" s="261">
        <v>411</v>
      </c>
      <c r="AA9" s="258">
        <v>519</v>
      </c>
      <c r="AB9" s="260">
        <v>0</v>
      </c>
      <c r="AC9" s="261">
        <v>668</v>
      </c>
      <c r="AD9" s="261">
        <v>1156</v>
      </c>
      <c r="AE9" s="261">
        <v>751</v>
      </c>
      <c r="AF9" s="261">
        <v>636</v>
      </c>
      <c r="AG9" s="261">
        <v>456</v>
      </c>
      <c r="AH9" s="258">
        <v>3667</v>
      </c>
      <c r="AI9" s="263">
        <v>4186</v>
      </c>
      <c r="AJ9" s="257">
        <v>6</v>
      </c>
      <c r="AK9" s="261">
        <v>44</v>
      </c>
      <c r="AL9" s="258">
        <v>50</v>
      </c>
      <c r="AM9" s="260">
        <v>0</v>
      </c>
      <c r="AN9" s="261">
        <v>25</v>
      </c>
      <c r="AO9" s="261">
        <v>76</v>
      </c>
      <c r="AP9" s="261">
        <v>51</v>
      </c>
      <c r="AQ9" s="261">
        <v>44</v>
      </c>
      <c r="AR9" s="261">
        <v>20</v>
      </c>
      <c r="AS9" s="258">
        <v>216</v>
      </c>
      <c r="AT9" s="263">
        <v>266</v>
      </c>
      <c r="AU9" s="257">
        <v>199</v>
      </c>
      <c r="AV9" s="261">
        <v>350</v>
      </c>
      <c r="AW9" s="258">
        <v>549</v>
      </c>
      <c r="AX9" s="260">
        <v>0</v>
      </c>
      <c r="AY9" s="261">
        <v>1246</v>
      </c>
      <c r="AZ9" s="261">
        <v>1687</v>
      </c>
      <c r="BA9" s="261">
        <v>1735</v>
      </c>
      <c r="BB9" s="261">
        <v>1420</v>
      </c>
      <c r="BC9" s="261">
        <v>1033</v>
      </c>
      <c r="BD9" s="262">
        <v>7121</v>
      </c>
      <c r="BE9" s="263">
        <v>7670</v>
      </c>
      <c r="BF9" s="257">
        <v>0</v>
      </c>
      <c r="BG9" s="261">
        <v>0</v>
      </c>
      <c r="BH9" s="258">
        <v>0</v>
      </c>
      <c r="BI9" s="260">
        <v>0</v>
      </c>
      <c r="BJ9" s="261">
        <v>1571</v>
      </c>
      <c r="BK9" s="261">
        <v>1838</v>
      </c>
      <c r="BL9" s="261">
        <v>1171</v>
      </c>
      <c r="BM9" s="261">
        <v>594</v>
      </c>
      <c r="BN9" s="261">
        <v>292</v>
      </c>
      <c r="BO9" s="258">
        <v>5466</v>
      </c>
      <c r="BP9" s="263">
        <v>5466</v>
      </c>
      <c r="BQ9" s="257">
        <v>76</v>
      </c>
      <c r="BR9" s="261">
        <v>177</v>
      </c>
      <c r="BS9" s="258">
        <v>253</v>
      </c>
      <c r="BT9" s="260">
        <v>0</v>
      </c>
      <c r="BU9" s="261">
        <v>153</v>
      </c>
      <c r="BV9" s="261">
        <v>409</v>
      </c>
      <c r="BW9" s="261">
        <v>257</v>
      </c>
      <c r="BX9" s="261">
        <v>147</v>
      </c>
      <c r="BY9" s="261">
        <v>48</v>
      </c>
      <c r="BZ9" s="258">
        <v>1014</v>
      </c>
      <c r="CA9" s="263">
        <v>1267</v>
      </c>
      <c r="CB9" s="257">
        <v>1</v>
      </c>
      <c r="CC9" s="261">
        <v>9</v>
      </c>
      <c r="CD9" s="258">
        <v>10</v>
      </c>
      <c r="CE9" s="260">
        <v>0</v>
      </c>
      <c r="CF9" s="261">
        <v>112</v>
      </c>
      <c r="CG9" s="261">
        <v>256</v>
      </c>
      <c r="CH9" s="261">
        <v>338</v>
      </c>
      <c r="CI9" s="261">
        <v>274</v>
      </c>
      <c r="CJ9" s="261">
        <v>163</v>
      </c>
      <c r="CK9" s="258">
        <v>1143</v>
      </c>
      <c r="CL9" s="263">
        <v>1153</v>
      </c>
      <c r="CM9" s="257">
        <v>0</v>
      </c>
      <c r="CN9" s="261">
        <v>0</v>
      </c>
      <c r="CO9" s="258">
        <v>0</v>
      </c>
      <c r="CP9" s="260">
        <v>0</v>
      </c>
      <c r="CQ9" s="261">
        <v>3</v>
      </c>
      <c r="CR9" s="261">
        <v>7</v>
      </c>
      <c r="CS9" s="261">
        <v>10</v>
      </c>
      <c r="CT9" s="261">
        <v>8</v>
      </c>
      <c r="CU9" s="261">
        <v>6</v>
      </c>
      <c r="CV9" s="258">
        <v>34</v>
      </c>
      <c r="CW9" s="263">
        <v>34</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837</v>
      </c>
      <c r="DU9" s="261">
        <v>2316</v>
      </c>
      <c r="DV9" s="258">
        <v>3153</v>
      </c>
      <c r="DW9" s="260">
        <v>0</v>
      </c>
      <c r="DX9" s="261">
        <v>1750</v>
      </c>
      <c r="DY9" s="261">
        <v>3753</v>
      </c>
      <c r="DZ9" s="261">
        <v>2339</v>
      </c>
      <c r="EA9" s="261">
        <v>1635</v>
      </c>
      <c r="EB9" s="261">
        <v>963</v>
      </c>
      <c r="EC9" s="258">
        <v>10440</v>
      </c>
      <c r="ED9" s="263">
        <v>13593</v>
      </c>
      <c r="EE9" s="257">
        <v>115</v>
      </c>
      <c r="EF9" s="261">
        <v>112</v>
      </c>
      <c r="EG9" s="258">
        <v>227</v>
      </c>
      <c r="EH9" s="260">
        <v>0</v>
      </c>
      <c r="EI9" s="261">
        <v>335</v>
      </c>
      <c r="EJ9" s="261">
        <v>281</v>
      </c>
      <c r="EK9" s="261">
        <v>302</v>
      </c>
      <c r="EL9" s="261">
        <v>309</v>
      </c>
      <c r="EM9" s="261">
        <v>160</v>
      </c>
      <c r="EN9" s="258">
        <v>1387</v>
      </c>
      <c r="EO9" s="263">
        <v>1614</v>
      </c>
      <c r="EP9" s="257">
        <v>985</v>
      </c>
      <c r="EQ9" s="261">
        <v>2629</v>
      </c>
      <c r="ER9" s="258">
        <v>3614</v>
      </c>
      <c r="ES9" s="260">
        <v>0</v>
      </c>
      <c r="ET9" s="261">
        <v>3874</v>
      </c>
      <c r="EU9" s="261">
        <v>5080</v>
      </c>
      <c r="EV9" s="261">
        <v>2843</v>
      </c>
      <c r="EW9" s="261">
        <v>1776</v>
      </c>
      <c r="EX9" s="261">
        <v>1030</v>
      </c>
      <c r="EY9" s="258">
        <v>14603</v>
      </c>
      <c r="EZ9" s="263">
        <v>18217</v>
      </c>
    </row>
    <row r="10" spans="2:156" ht="21" customHeight="1" x14ac:dyDescent="0.2">
      <c r="B10" s="472" t="s">
        <v>7</v>
      </c>
      <c r="C10" s="257">
        <v>0</v>
      </c>
      <c r="D10" s="261">
        <v>0</v>
      </c>
      <c r="E10" s="358">
        <v>0</v>
      </c>
      <c r="F10" s="260">
        <v>0</v>
      </c>
      <c r="G10" s="261">
        <v>1521</v>
      </c>
      <c r="H10" s="261">
        <v>1112</v>
      </c>
      <c r="I10" s="261">
        <v>610</v>
      </c>
      <c r="J10" s="261">
        <v>568</v>
      </c>
      <c r="K10" s="261">
        <v>401</v>
      </c>
      <c r="L10" s="262">
        <v>4212</v>
      </c>
      <c r="M10" s="263">
        <v>4212</v>
      </c>
      <c r="N10" s="257">
        <v>0</v>
      </c>
      <c r="O10" s="261">
        <v>0</v>
      </c>
      <c r="P10" s="258">
        <v>0</v>
      </c>
      <c r="Q10" s="260">
        <v>0</v>
      </c>
      <c r="R10" s="261">
        <v>9</v>
      </c>
      <c r="S10" s="261">
        <v>48</v>
      </c>
      <c r="T10" s="261">
        <v>54</v>
      </c>
      <c r="U10" s="261">
        <v>132</v>
      </c>
      <c r="V10" s="261">
        <v>196</v>
      </c>
      <c r="W10" s="258">
        <v>439</v>
      </c>
      <c r="X10" s="263">
        <v>439</v>
      </c>
      <c r="Y10" s="257">
        <v>16</v>
      </c>
      <c r="Z10" s="261">
        <v>19</v>
      </c>
      <c r="AA10" s="258">
        <v>35</v>
      </c>
      <c r="AB10" s="260">
        <v>0</v>
      </c>
      <c r="AC10" s="261">
        <v>561</v>
      </c>
      <c r="AD10" s="261">
        <v>547</v>
      </c>
      <c r="AE10" s="261">
        <v>338</v>
      </c>
      <c r="AF10" s="261">
        <v>365</v>
      </c>
      <c r="AG10" s="261">
        <v>284</v>
      </c>
      <c r="AH10" s="258">
        <v>2095</v>
      </c>
      <c r="AI10" s="263">
        <v>2130</v>
      </c>
      <c r="AJ10" s="257">
        <v>4</v>
      </c>
      <c r="AK10" s="261">
        <v>7</v>
      </c>
      <c r="AL10" s="258">
        <v>11</v>
      </c>
      <c r="AM10" s="260">
        <v>0</v>
      </c>
      <c r="AN10" s="261">
        <v>69</v>
      </c>
      <c r="AO10" s="261">
        <v>76</v>
      </c>
      <c r="AP10" s="261">
        <v>52</v>
      </c>
      <c r="AQ10" s="261">
        <v>57</v>
      </c>
      <c r="AR10" s="261">
        <v>31</v>
      </c>
      <c r="AS10" s="258">
        <v>285</v>
      </c>
      <c r="AT10" s="263">
        <v>296</v>
      </c>
      <c r="AU10" s="257">
        <v>127</v>
      </c>
      <c r="AV10" s="261">
        <v>98</v>
      </c>
      <c r="AW10" s="258">
        <v>225</v>
      </c>
      <c r="AX10" s="260">
        <v>0</v>
      </c>
      <c r="AY10" s="261">
        <v>1198</v>
      </c>
      <c r="AZ10" s="261">
        <v>1155</v>
      </c>
      <c r="BA10" s="261">
        <v>976</v>
      </c>
      <c r="BB10" s="261">
        <v>1002</v>
      </c>
      <c r="BC10" s="261">
        <v>700</v>
      </c>
      <c r="BD10" s="262">
        <v>5031</v>
      </c>
      <c r="BE10" s="263">
        <v>5256</v>
      </c>
      <c r="BF10" s="257">
        <v>0</v>
      </c>
      <c r="BG10" s="261">
        <v>0</v>
      </c>
      <c r="BH10" s="258">
        <v>0</v>
      </c>
      <c r="BI10" s="260">
        <v>0</v>
      </c>
      <c r="BJ10" s="261">
        <v>1721</v>
      </c>
      <c r="BK10" s="261">
        <v>1122</v>
      </c>
      <c r="BL10" s="261">
        <v>527</v>
      </c>
      <c r="BM10" s="261">
        <v>307</v>
      </c>
      <c r="BN10" s="261">
        <v>141</v>
      </c>
      <c r="BO10" s="258">
        <v>3818</v>
      </c>
      <c r="BP10" s="263">
        <v>3818</v>
      </c>
      <c r="BQ10" s="257">
        <v>39</v>
      </c>
      <c r="BR10" s="261">
        <v>59</v>
      </c>
      <c r="BS10" s="258">
        <v>98</v>
      </c>
      <c r="BT10" s="260">
        <v>0</v>
      </c>
      <c r="BU10" s="261">
        <v>267</v>
      </c>
      <c r="BV10" s="261">
        <v>221</v>
      </c>
      <c r="BW10" s="261">
        <v>145</v>
      </c>
      <c r="BX10" s="261">
        <v>82</v>
      </c>
      <c r="BY10" s="261">
        <v>29</v>
      </c>
      <c r="BZ10" s="258">
        <v>744</v>
      </c>
      <c r="CA10" s="263">
        <v>842</v>
      </c>
      <c r="CB10" s="257">
        <v>1</v>
      </c>
      <c r="CC10" s="261">
        <v>3</v>
      </c>
      <c r="CD10" s="258">
        <v>4</v>
      </c>
      <c r="CE10" s="260">
        <v>0</v>
      </c>
      <c r="CF10" s="261">
        <v>213</v>
      </c>
      <c r="CG10" s="261">
        <v>287</v>
      </c>
      <c r="CH10" s="261">
        <v>282</v>
      </c>
      <c r="CI10" s="261">
        <v>189</v>
      </c>
      <c r="CJ10" s="261">
        <v>115</v>
      </c>
      <c r="CK10" s="258">
        <v>1086</v>
      </c>
      <c r="CL10" s="263">
        <v>1090</v>
      </c>
      <c r="CM10" s="257">
        <v>0</v>
      </c>
      <c r="CN10" s="261">
        <v>0</v>
      </c>
      <c r="CO10" s="258">
        <v>0</v>
      </c>
      <c r="CP10" s="260">
        <v>0</v>
      </c>
      <c r="CQ10" s="261">
        <v>9</v>
      </c>
      <c r="CR10" s="261">
        <v>15</v>
      </c>
      <c r="CS10" s="261">
        <v>20</v>
      </c>
      <c r="CT10" s="261">
        <v>16</v>
      </c>
      <c r="CU10" s="261">
        <v>8</v>
      </c>
      <c r="CV10" s="258">
        <v>68</v>
      </c>
      <c r="CW10" s="263">
        <v>68</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56</v>
      </c>
      <c r="DU10" s="261">
        <v>703</v>
      </c>
      <c r="DV10" s="258">
        <v>1059</v>
      </c>
      <c r="DW10" s="260">
        <v>0</v>
      </c>
      <c r="DX10" s="261">
        <v>2068</v>
      </c>
      <c r="DY10" s="261">
        <v>2308</v>
      </c>
      <c r="DZ10" s="261">
        <v>1288</v>
      </c>
      <c r="EA10" s="261">
        <v>1013</v>
      </c>
      <c r="EB10" s="261">
        <v>619</v>
      </c>
      <c r="EC10" s="258">
        <v>7296</v>
      </c>
      <c r="ED10" s="263">
        <v>8355</v>
      </c>
      <c r="EE10" s="257">
        <v>94</v>
      </c>
      <c r="EF10" s="261">
        <v>48</v>
      </c>
      <c r="EG10" s="258">
        <v>142</v>
      </c>
      <c r="EH10" s="260">
        <v>0</v>
      </c>
      <c r="EI10" s="261">
        <v>470</v>
      </c>
      <c r="EJ10" s="261">
        <v>296</v>
      </c>
      <c r="EK10" s="261">
        <v>261</v>
      </c>
      <c r="EL10" s="261">
        <v>274</v>
      </c>
      <c r="EM10" s="261">
        <v>143</v>
      </c>
      <c r="EN10" s="258">
        <v>1444</v>
      </c>
      <c r="EO10" s="263">
        <v>1586</v>
      </c>
      <c r="EP10" s="257">
        <v>408</v>
      </c>
      <c r="EQ10" s="261">
        <v>760</v>
      </c>
      <c r="ER10" s="258">
        <v>1168</v>
      </c>
      <c r="ES10" s="260">
        <v>0</v>
      </c>
      <c r="ET10" s="261">
        <v>4498</v>
      </c>
      <c r="EU10" s="261">
        <v>3128</v>
      </c>
      <c r="EV10" s="261">
        <v>1578</v>
      </c>
      <c r="EW10" s="261">
        <v>1123</v>
      </c>
      <c r="EX10" s="261">
        <v>654</v>
      </c>
      <c r="EY10" s="258">
        <v>10981</v>
      </c>
      <c r="EZ10" s="263">
        <v>12149</v>
      </c>
    </row>
    <row r="11" spans="2:156" ht="21" customHeight="1" x14ac:dyDescent="0.2">
      <c r="B11" s="472" t="s">
        <v>8</v>
      </c>
      <c r="C11" s="257">
        <v>0</v>
      </c>
      <c r="D11" s="261">
        <v>0</v>
      </c>
      <c r="E11" s="358">
        <v>0</v>
      </c>
      <c r="F11" s="260">
        <v>0</v>
      </c>
      <c r="G11" s="261">
        <v>476</v>
      </c>
      <c r="H11" s="261">
        <v>642</v>
      </c>
      <c r="I11" s="261">
        <v>393</v>
      </c>
      <c r="J11" s="261">
        <v>319</v>
      </c>
      <c r="K11" s="261">
        <v>254</v>
      </c>
      <c r="L11" s="262">
        <v>2084</v>
      </c>
      <c r="M11" s="263">
        <v>2084</v>
      </c>
      <c r="N11" s="257">
        <v>0</v>
      </c>
      <c r="O11" s="261">
        <v>0</v>
      </c>
      <c r="P11" s="258">
        <v>0</v>
      </c>
      <c r="Q11" s="260">
        <v>0</v>
      </c>
      <c r="R11" s="261">
        <v>6</v>
      </c>
      <c r="S11" s="261">
        <v>16</v>
      </c>
      <c r="T11" s="261">
        <v>26</v>
      </c>
      <c r="U11" s="261">
        <v>59</v>
      </c>
      <c r="V11" s="261">
        <v>104</v>
      </c>
      <c r="W11" s="258">
        <v>211</v>
      </c>
      <c r="X11" s="263">
        <v>211</v>
      </c>
      <c r="Y11" s="257">
        <v>53</v>
      </c>
      <c r="Z11" s="261">
        <v>73</v>
      </c>
      <c r="AA11" s="258">
        <v>126</v>
      </c>
      <c r="AB11" s="260">
        <v>0</v>
      </c>
      <c r="AC11" s="261">
        <v>288</v>
      </c>
      <c r="AD11" s="261">
        <v>401</v>
      </c>
      <c r="AE11" s="261">
        <v>258</v>
      </c>
      <c r="AF11" s="261">
        <v>249</v>
      </c>
      <c r="AG11" s="261">
        <v>182</v>
      </c>
      <c r="AH11" s="258">
        <v>1378</v>
      </c>
      <c r="AI11" s="263">
        <v>1504</v>
      </c>
      <c r="AJ11" s="257">
        <v>9</v>
      </c>
      <c r="AK11" s="261">
        <v>16</v>
      </c>
      <c r="AL11" s="258">
        <v>25</v>
      </c>
      <c r="AM11" s="260">
        <v>0</v>
      </c>
      <c r="AN11" s="261">
        <v>70</v>
      </c>
      <c r="AO11" s="261">
        <v>91</v>
      </c>
      <c r="AP11" s="261">
        <v>48</v>
      </c>
      <c r="AQ11" s="261">
        <v>39</v>
      </c>
      <c r="AR11" s="261">
        <v>22</v>
      </c>
      <c r="AS11" s="258">
        <v>270</v>
      </c>
      <c r="AT11" s="263">
        <v>295</v>
      </c>
      <c r="AU11" s="257">
        <v>67</v>
      </c>
      <c r="AV11" s="261">
        <v>56</v>
      </c>
      <c r="AW11" s="258">
        <v>123</v>
      </c>
      <c r="AX11" s="260">
        <v>0</v>
      </c>
      <c r="AY11" s="261">
        <v>479</v>
      </c>
      <c r="AZ11" s="261">
        <v>566</v>
      </c>
      <c r="BA11" s="261">
        <v>552</v>
      </c>
      <c r="BB11" s="261">
        <v>553</v>
      </c>
      <c r="BC11" s="261">
        <v>404</v>
      </c>
      <c r="BD11" s="262">
        <v>2554</v>
      </c>
      <c r="BE11" s="263">
        <v>2677</v>
      </c>
      <c r="BF11" s="257">
        <v>0</v>
      </c>
      <c r="BG11" s="261">
        <v>0</v>
      </c>
      <c r="BH11" s="258">
        <v>0</v>
      </c>
      <c r="BI11" s="260">
        <v>0</v>
      </c>
      <c r="BJ11" s="261">
        <v>577</v>
      </c>
      <c r="BK11" s="261">
        <v>639</v>
      </c>
      <c r="BL11" s="261">
        <v>365</v>
      </c>
      <c r="BM11" s="261">
        <v>219</v>
      </c>
      <c r="BN11" s="261">
        <v>109</v>
      </c>
      <c r="BO11" s="258">
        <v>1909</v>
      </c>
      <c r="BP11" s="263">
        <v>1909</v>
      </c>
      <c r="BQ11" s="257">
        <v>47</v>
      </c>
      <c r="BR11" s="261">
        <v>63</v>
      </c>
      <c r="BS11" s="258">
        <v>110</v>
      </c>
      <c r="BT11" s="260">
        <v>0</v>
      </c>
      <c r="BU11" s="261">
        <v>120</v>
      </c>
      <c r="BV11" s="261">
        <v>168</v>
      </c>
      <c r="BW11" s="261">
        <v>113</v>
      </c>
      <c r="BX11" s="261">
        <v>53</v>
      </c>
      <c r="BY11" s="261">
        <v>19</v>
      </c>
      <c r="BZ11" s="258">
        <v>473</v>
      </c>
      <c r="CA11" s="263">
        <v>583</v>
      </c>
      <c r="CB11" s="257">
        <v>4</v>
      </c>
      <c r="CC11" s="261">
        <v>8</v>
      </c>
      <c r="CD11" s="258">
        <v>12</v>
      </c>
      <c r="CE11" s="260">
        <v>0</v>
      </c>
      <c r="CF11" s="261">
        <v>69</v>
      </c>
      <c r="CG11" s="261">
        <v>155</v>
      </c>
      <c r="CH11" s="261">
        <v>214</v>
      </c>
      <c r="CI11" s="261">
        <v>127</v>
      </c>
      <c r="CJ11" s="261">
        <v>57</v>
      </c>
      <c r="CK11" s="258">
        <v>622</v>
      </c>
      <c r="CL11" s="263">
        <v>634</v>
      </c>
      <c r="CM11" s="257">
        <v>0</v>
      </c>
      <c r="CN11" s="261">
        <v>0</v>
      </c>
      <c r="CO11" s="258">
        <v>0</v>
      </c>
      <c r="CP11" s="260">
        <v>0</v>
      </c>
      <c r="CQ11" s="261">
        <v>2</v>
      </c>
      <c r="CR11" s="261">
        <v>5</v>
      </c>
      <c r="CS11" s="261">
        <v>7</v>
      </c>
      <c r="CT11" s="261">
        <v>3</v>
      </c>
      <c r="CU11" s="261">
        <v>1</v>
      </c>
      <c r="CV11" s="258">
        <v>18</v>
      </c>
      <c r="CW11" s="263">
        <v>18</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32</v>
      </c>
      <c r="DU11" s="261">
        <v>593</v>
      </c>
      <c r="DV11" s="258">
        <v>1025</v>
      </c>
      <c r="DW11" s="260">
        <v>0</v>
      </c>
      <c r="DX11" s="261">
        <v>985</v>
      </c>
      <c r="DY11" s="261">
        <v>1551</v>
      </c>
      <c r="DZ11" s="261">
        <v>919</v>
      </c>
      <c r="EA11" s="261">
        <v>632</v>
      </c>
      <c r="EB11" s="261">
        <v>411</v>
      </c>
      <c r="EC11" s="258">
        <v>4498</v>
      </c>
      <c r="ED11" s="263">
        <v>5523</v>
      </c>
      <c r="EE11" s="257">
        <v>51</v>
      </c>
      <c r="EF11" s="261">
        <v>17</v>
      </c>
      <c r="EG11" s="258">
        <v>68</v>
      </c>
      <c r="EH11" s="260">
        <v>0</v>
      </c>
      <c r="EI11" s="261">
        <v>157</v>
      </c>
      <c r="EJ11" s="261">
        <v>117</v>
      </c>
      <c r="EK11" s="261">
        <v>105</v>
      </c>
      <c r="EL11" s="261">
        <v>125</v>
      </c>
      <c r="EM11" s="261">
        <v>77</v>
      </c>
      <c r="EN11" s="258">
        <v>581</v>
      </c>
      <c r="EO11" s="263">
        <v>649</v>
      </c>
      <c r="EP11" s="257">
        <v>507</v>
      </c>
      <c r="EQ11" s="261">
        <v>672</v>
      </c>
      <c r="ER11" s="258">
        <v>1179</v>
      </c>
      <c r="ES11" s="260">
        <v>0</v>
      </c>
      <c r="ET11" s="261">
        <v>1773</v>
      </c>
      <c r="EU11" s="261">
        <v>1923</v>
      </c>
      <c r="EV11" s="261">
        <v>1038</v>
      </c>
      <c r="EW11" s="261">
        <v>668</v>
      </c>
      <c r="EX11" s="261">
        <v>407</v>
      </c>
      <c r="EY11" s="258">
        <v>5809</v>
      </c>
      <c r="EZ11" s="263">
        <v>6988</v>
      </c>
    </row>
    <row r="12" spans="2:156" ht="21" customHeight="1" x14ac:dyDescent="0.2">
      <c r="B12" s="472" t="s">
        <v>9</v>
      </c>
      <c r="C12" s="257">
        <v>0</v>
      </c>
      <c r="D12" s="261">
        <v>0</v>
      </c>
      <c r="E12" s="358">
        <v>0</v>
      </c>
      <c r="F12" s="260">
        <v>0</v>
      </c>
      <c r="G12" s="261">
        <v>658</v>
      </c>
      <c r="H12" s="261">
        <v>534</v>
      </c>
      <c r="I12" s="261">
        <v>362</v>
      </c>
      <c r="J12" s="261">
        <v>339</v>
      </c>
      <c r="K12" s="261">
        <v>253</v>
      </c>
      <c r="L12" s="262">
        <v>2146</v>
      </c>
      <c r="M12" s="263">
        <v>2146</v>
      </c>
      <c r="N12" s="257">
        <v>0</v>
      </c>
      <c r="O12" s="261">
        <v>0</v>
      </c>
      <c r="P12" s="258">
        <v>0</v>
      </c>
      <c r="Q12" s="260">
        <v>0</v>
      </c>
      <c r="R12" s="261">
        <v>4</v>
      </c>
      <c r="S12" s="261">
        <v>8</v>
      </c>
      <c r="T12" s="261">
        <v>16</v>
      </c>
      <c r="U12" s="261">
        <v>61</v>
      </c>
      <c r="V12" s="261">
        <v>92</v>
      </c>
      <c r="W12" s="258">
        <v>181</v>
      </c>
      <c r="X12" s="263">
        <v>181</v>
      </c>
      <c r="Y12" s="257">
        <v>45</v>
      </c>
      <c r="Z12" s="261">
        <v>92</v>
      </c>
      <c r="AA12" s="258">
        <v>137</v>
      </c>
      <c r="AB12" s="260">
        <v>0</v>
      </c>
      <c r="AC12" s="261">
        <v>375</v>
      </c>
      <c r="AD12" s="261">
        <v>335</v>
      </c>
      <c r="AE12" s="261">
        <v>258</v>
      </c>
      <c r="AF12" s="261">
        <v>256</v>
      </c>
      <c r="AG12" s="261">
        <v>193</v>
      </c>
      <c r="AH12" s="258">
        <v>1417</v>
      </c>
      <c r="AI12" s="263">
        <v>1554</v>
      </c>
      <c r="AJ12" s="257">
        <v>4</v>
      </c>
      <c r="AK12" s="261">
        <v>12</v>
      </c>
      <c r="AL12" s="258">
        <v>16</v>
      </c>
      <c r="AM12" s="260">
        <v>0</v>
      </c>
      <c r="AN12" s="261">
        <v>46</v>
      </c>
      <c r="AO12" s="261">
        <v>52</v>
      </c>
      <c r="AP12" s="261">
        <v>55</v>
      </c>
      <c r="AQ12" s="261">
        <v>40</v>
      </c>
      <c r="AR12" s="261">
        <v>28</v>
      </c>
      <c r="AS12" s="258">
        <v>221</v>
      </c>
      <c r="AT12" s="263">
        <v>237</v>
      </c>
      <c r="AU12" s="257">
        <v>79</v>
      </c>
      <c r="AV12" s="261">
        <v>75</v>
      </c>
      <c r="AW12" s="258">
        <v>154</v>
      </c>
      <c r="AX12" s="260">
        <v>0</v>
      </c>
      <c r="AY12" s="261">
        <v>550</v>
      </c>
      <c r="AZ12" s="261">
        <v>546</v>
      </c>
      <c r="BA12" s="261">
        <v>562</v>
      </c>
      <c r="BB12" s="261">
        <v>597</v>
      </c>
      <c r="BC12" s="261">
        <v>427</v>
      </c>
      <c r="BD12" s="262">
        <v>2682</v>
      </c>
      <c r="BE12" s="263">
        <v>2836</v>
      </c>
      <c r="BF12" s="257">
        <v>1</v>
      </c>
      <c r="BG12" s="261">
        <v>0</v>
      </c>
      <c r="BH12" s="258">
        <v>1</v>
      </c>
      <c r="BI12" s="260">
        <v>0</v>
      </c>
      <c r="BJ12" s="261">
        <v>615</v>
      </c>
      <c r="BK12" s="261">
        <v>422</v>
      </c>
      <c r="BL12" s="261">
        <v>251</v>
      </c>
      <c r="BM12" s="261">
        <v>160</v>
      </c>
      <c r="BN12" s="261">
        <v>51</v>
      </c>
      <c r="BO12" s="258">
        <v>1499</v>
      </c>
      <c r="BP12" s="263">
        <v>1500</v>
      </c>
      <c r="BQ12" s="257">
        <v>52</v>
      </c>
      <c r="BR12" s="261">
        <v>69</v>
      </c>
      <c r="BS12" s="258">
        <v>121</v>
      </c>
      <c r="BT12" s="260">
        <v>0</v>
      </c>
      <c r="BU12" s="261">
        <v>144</v>
      </c>
      <c r="BV12" s="261">
        <v>137</v>
      </c>
      <c r="BW12" s="261">
        <v>82</v>
      </c>
      <c r="BX12" s="261">
        <v>75</v>
      </c>
      <c r="BY12" s="261">
        <v>27</v>
      </c>
      <c r="BZ12" s="258">
        <v>465</v>
      </c>
      <c r="CA12" s="263">
        <v>586</v>
      </c>
      <c r="CB12" s="257">
        <v>5</v>
      </c>
      <c r="CC12" s="261">
        <v>5</v>
      </c>
      <c r="CD12" s="258">
        <v>10</v>
      </c>
      <c r="CE12" s="260">
        <v>0</v>
      </c>
      <c r="CF12" s="261">
        <v>62</v>
      </c>
      <c r="CG12" s="261">
        <v>97</v>
      </c>
      <c r="CH12" s="261">
        <v>140</v>
      </c>
      <c r="CI12" s="261">
        <v>94</v>
      </c>
      <c r="CJ12" s="261">
        <v>45</v>
      </c>
      <c r="CK12" s="258">
        <v>438</v>
      </c>
      <c r="CL12" s="263">
        <v>448</v>
      </c>
      <c r="CM12" s="257">
        <v>0</v>
      </c>
      <c r="CN12" s="261">
        <v>1</v>
      </c>
      <c r="CO12" s="258">
        <v>1</v>
      </c>
      <c r="CP12" s="260">
        <v>0</v>
      </c>
      <c r="CQ12" s="261">
        <v>6</v>
      </c>
      <c r="CR12" s="261">
        <v>18</v>
      </c>
      <c r="CS12" s="261">
        <v>31</v>
      </c>
      <c r="CT12" s="261">
        <v>28</v>
      </c>
      <c r="CU12" s="261">
        <v>15</v>
      </c>
      <c r="CV12" s="258">
        <v>98</v>
      </c>
      <c r="CW12" s="263">
        <v>99</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69</v>
      </c>
      <c r="DU12" s="261">
        <v>477</v>
      </c>
      <c r="DV12" s="258">
        <v>846</v>
      </c>
      <c r="DW12" s="260">
        <v>0</v>
      </c>
      <c r="DX12" s="261">
        <v>981</v>
      </c>
      <c r="DY12" s="261">
        <v>996</v>
      </c>
      <c r="DZ12" s="261">
        <v>671</v>
      </c>
      <c r="EA12" s="261">
        <v>568</v>
      </c>
      <c r="EB12" s="261">
        <v>362</v>
      </c>
      <c r="EC12" s="258">
        <v>3578</v>
      </c>
      <c r="ED12" s="263">
        <v>4424</v>
      </c>
      <c r="EE12" s="257">
        <v>46</v>
      </c>
      <c r="EF12" s="261">
        <v>21</v>
      </c>
      <c r="EG12" s="258">
        <v>67</v>
      </c>
      <c r="EH12" s="260">
        <v>0</v>
      </c>
      <c r="EI12" s="261">
        <v>189</v>
      </c>
      <c r="EJ12" s="261">
        <v>158</v>
      </c>
      <c r="EK12" s="261">
        <v>144</v>
      </c>
      <c r="EL12" s="261">
        <v>172</v>
      </c>
      <c r="EM12" s="261">
        <v>123</v>
      </c>
      <c r="EN12" s="258">
        <v>786</v>
      </c>
      <c r="EO12" s="263">
        <v>853</v>
      </c>
      <c r="EP12" s="257">
        <v>435</v>
      </c>
      <c r="EQ12" s="261">
        <v>566</v>
      </c>
      <c r="ER12" s="258">
        <v>1001</v>
      </c>
      <c r="ES12" s="260">
        <v>0</v>
      </c>
      <c r="ET12" s="261">
        <v>1779</v>
      </c>
      <c r="EU12" s="261">
        <v>1291</v>
      </c>
      <c r="EV12" s="261">
        <v>767</v>
      </c>
      <c r="EW12" s="261">
        <v>619</v>
      </c>
      <c r="EX12" s="261">
        <v>360</v>
      </c>
      <c r="EY12" s="258">
        <v>4816</v>
      </c>
      <c r="EZ12" s="263">
        <v>5817</v>
      </c>
    </row>
    <row r="13" spans="2:156" ht="21" customHeight="1" x14ac:dyDescent="0.2">
      <c r="B13" s="472" t="s">
        <v>10</v>
      </c>
      <c r="C13" s="257">
        <v>0</v>
      </c>
      <c r="D13" s="261">
        <v>0</v>
      </c>
      <c r="E13" s="358">
        <v>0</v>
      </c>
      <c r="F13" s="260">
        <v>0</v>
      </c>
      <c r="G13" s="261">
        <v>1353</v>
      </c>
      <c r="H13" s="261">
        <v>761</v>
      </c>
      <c r="I13" s="261">
        <v>509</v>
      </c>
      <c r="J13" s="261">
        <v>455</v>
      </c>
      <c r="K13" s="261">
        <v>352</v>
      </c>
      <c r="L13" s="262">
        <v>3430</v>
      </c>
      <c r="M13" s="263">
        <v>3430</v>
      </c>
      <c r="N13" s="257">
        <v>0</v>
      </c>
      <c r="O13" s="261">
        <v>0</v>
      </c>
      <c r="P13" s="258">
        <v>0</v>
      </c>
      <c r="Q13" s="260">
        <v>0</v>
      </c>
      <c r="R13" s="261">
        <v>9</v>
      </c>
      <c r="S13" s="261">
        <v>25</v>
      </c>
      <c r="T13" s="261">
        <v>35</v>
      </c>
      <c r="U13" s="261">
        <v>79</v>
      </c>
      <c r="V13" s="261">
        <v>172</v>
      </c>
      <c r="W13" s="258">
        <v>320</v>
      </c>
      <c r="X13" s="263">
        <v>320</v>
      </c>
      <c r="Y13" s="257">
        <v>171</v>
      </c>
      <c r="Z13" s="261">
        <v>315</v>
      </c>
      <c r="AA13" s="258">
        <v>486</v>
      </c>
      <c r="AB13" s="260">
        <v>0</v>
      </c>
      <c r="AC13" s="261">
        <v>803</v>
      </c>
      <c r="AD13" s="261">
        <v>565</v>
      </c>
      <c r="AE13" s="261">
        <v>342</v>
      </c>
      <c r="AF13" s="261">
        <v>324</v>
      </c>
      <c r="AG13" s="261">
        <v>300</v>
      </c>
      <c r="AH13" s="258">
        <v>2334</v>
      </c>
      <c r="AI13" s="263">
        <v>2820</v>
      </c>
      <c r="AJ13" s="257">
        <v>26</v>
      </c>
      <c r="AK13" s="261">
        <v>52</v>
      </c>
      <c r="AL13" s="258">
        <v>78</v>
      </c>
      <c r="AM13" s="260">
        <v>0</v>
      </c>
      <c r="AN13" s="261">
        <v>113</v>
      </c>
      <c r="AO13" s="261">
        <v>97</v>
      </c>
      <c r="AP13" s="261">
        <v>69</v>
      </c>
      <c r="AQ13" s="261">
        <v>43</v>
      </c>
      <c r="AR13" s="261">
        <v>62</v>
      </c>
      <c r="AS13" s="258">
        <v>384</v>
      </c>
      <c r="AT13" s="263">
        <v>462</v>
      </c>
      <c r="AU13" s="257">
        <v>187</v>
      </c>
      <c r="AV13" s="261">
        <v>271</v>
      </c>
      <c r="AW13" s="258">
        <v>458</v>
      </c>
      <c r="AX13" s="260">
        <v>0</v>
      </c>
      <c r="AY13" s="261">
        <v>1256</v>
      </c>
      <c r="AZ13" s="261">
        <v>1064</v>
      </c>
      <c r="BA13" s="261">
        <v>960</v>
      </c>
      <c r="BB13" s="261">
        <v>968</v>
      </c>
      <c r="BC13" s="261">
        <v>762</v>
      </c>
      <c r="BD13" s="262">
        <v>5010</v>
      </c>
      <c r="BE13" s="263">
        <v>5468</v>
      </c>
      <c r="BF13" s="257">
        <v>0</v>
      </c>
      <c r="BG13" s="261">
        <v>0</v>
      </c>
      <c r="BH13" s="258">
        <v>0</v>
      </c>
      <c r="BI13" s="260">
        <v>0</v>
      </c>
      <c r="BJ13" s="261">
        <v>1582</v>
      </c>
      <c r="BK13" s="261">
        <v>836</v>
      </c>
      <c r="BL13" s="261">
        <v>473</v>
      </c>
      <c r="BM13" s="261">
        <v>311</v>
      </c>
      <c r="BN13" s="261">
        <v>142</v>
      </c>
      <c r="BO13" s="258">
        <v>3344</v>
      </c>
      <c r="BP13" s="263">
        <v>3344</v>
      </c>
      <c r="BQ13" s="257">
        <v>57</v>
      </c>
      <c r="BR13" s="261">
        <v>89</v>
      </c>
      <c r="BS13" s="258">
        <v>146</v>
      </c>
      <c r="BT13" s="260">
        <v>0</v>
      </c>
      <c r="BU13" s="261">
        <v>255</v>
      </c>
      <c r="BV13" s="261">
        <v>203</v>
      </c>
      <c r="BW13" s="261">
        <v>96</v>
      </c>
      <c r="BX13" s="261">
        <v>65</v>
      </c>
      <c r="BY13" s="261">
        <v>26</v>
      </c>
      <c r="BZ13" s="258">
        <v>645</v>
      </c>
      <c r="CA13" s="263">
        <v>791</v>
      </c>
      <c r="CB13" s="257">
        <v>6</v>
      </c>
      <c r="CC13" s="261">
        <v>21</v>
      </c>
      <c r="CD13" s="258">
        <v>27</v>
      </c>
      <c r="CE13" s="260">
        <v>0</v>
      </c>
      <c r="CF13" s="261">
        <v>176</v>
      </c>
      <c r="CG13" s="261">
        <v>167</v>
      </c>
      <c r="CH13" s="261">
        <v>189</v>
      </c>
      <c r="CI13" s="261">
        <v>177</v>
      </c>
      <c r="CJ13" s="261">
        <v>92</v>
      </c>
      <c r="CK13" s="258">
        <v>801</v>
      </c>
      <c r="CL13" s="263">
        <v>828</v>
      </c>
      <c r="CM13" s="257">
        <v>1</v>
      </c>
      <c r="CN13" s="261">
        <v>2</v>
      </c>
      <c r="CO13" s="258">
        <v>3</v>
      </c>
      <c r="CP13" s="260">
        <v>0</v>
      </c>
      <c r="CQ13" s="261">
        <v>9</v>
      </c>
      <c r="CR13" s="261">
        <v>18</v>
      </c>
      <c r="CS13" s="261">
        <v>25</v>
      </c>
      <c r="CT13" s="261">
        <v>10</v>
      </c>
      <c r="CU13" s="261">
        <v>11</v>
      </c>
      <c r="CV13" s="258">
        <v>73</v>
      </c>
      <c r="CW13" s="263">
        <v>76</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59</v>
      </c>
      <c r="DU13" s="261">
        <v>1266</v>
      </c>
      <c r="DV13" s="258">
        <v>2225</v>
      </c>
      <c r="DW13" s="260">
        <v>0</v>
      </c>
      <c r="DX13" s="261">
        <v>2038</v>
      </c>
      <c r="DY13" s="261">
        <v>1627</v>
      </c>
      <c r="DZ13" s="261">
        <v>1044</v>
      </c>
      <c r="EA13" s="261">
        <v>904</v>
      </c>
      <c r="EB13" s="261">
        <v>627</v>
      </c>
      <c r="EC13" s="258">
        <v>6240</v>
      </c>
      <c r="ED13" s="263">
        <v>8465</v>
      </c>
      <c r="EE13" s="257">
        <v>70</v>
      </c>
      <c r="EF13" s="261">
        <v>63</v>
      </c>
      <c r="EG13" s="258">
        <v>133</v>
      </c>
      <c r="EH13" s="260">
        <v>0</v>
      </c>
      <c r="EI13" s="261">
        <v>290</v>
      </c>
      <c r="EJ13" s="261">
        <v>219</v>
      </c>
      <c r="EK13" s="261">
        <v>214</v>
      </c>
      <c r="EL13" s="261">
        <v>229</v>
      </c>
      <c r="EM13" s="261">
        <v>143</v>
      </c>
      <c r="EN13" s="258">
        <v>1095</v>
      </c>
      <c r="EO13" s="263">
        <v>1228</v>
      </c>
      <c r="EP13" s="257">
        <v>1133</v>
      </c>
      <c r="EQ13" s="261">
        <v>1467</v>
      </c>
      <c r="ER13" s="258">
        <v>2600</v>
      </c>
      <c r="ES13" s="260">
        <v>0</v>
      </c>
      <c r="ET13" s="261">
        <v>3528</v>
      </c>
      <c r="EU13" s="261">
        <v>1996</v>
      </c>
      <c r="EV13" s="261">
        <v>1150</v>
      </c>
      <c r="EW13" s="261">
        <v>878</v>
      </c>
      <c r="EX13" s="261">
        <v>579</v>
      </c>
      <c r="EY13" s="258">
        <v>8131</v>
      </c>
      <c r="EZ13" s="263">
        <v>10731</v>
      </c>
    </row>
    <row r="14" spans="2:156" ht="21" customHeight="1" x14ac:dyDescent="0.2">
      <c r="B14" s="472" t="s">
        <v>11</v>
      </c>
      <c r="C14" s="257">
        <v>0</v>
      </c>
      <c r="D14" s="261">
        <v>0</v>
      </c>
      <c r="E14" s="358">
        <v>0</v>
      </c>
      <c r="F14" s="260">
        <v>0</v>
      </c>
      <c r="G14" s="261">
        <v>501</v>
      </c>
      <c r="H14" s="261">
        <v>384</v>
      </c>
      <c r="I14" s="261">
        <v>267</v>
      </c>
      <c r="J14" s="261">
        <v>251</v>
      </c>
      <c r="K14" s="261">
        <v>158</v>
      </c>
      <c r="L14" s="262">
        <v>1561</v>
      </c>
      <c r="M14" s="263">
        <v>1561</v>
      </c>
      <c r="N14" s="257">
        <v>0</v>
      </c>
      <c r="O14" s="261">
        <v>0</v>
      </c>
      <c r="P14" s="258">
        <v>0</v>
      </c>
      <c r="Q14" s="260">
        <v>0</v>
      </c>
      <c r="R14" s="261">
        <v>5</v>
      </c>
      <c r="S14" s="261">
        <v>12</v>
      </c>
      <c r="T14" s="261">
        <v>24</v>
      </c>
      <c r="U14" s="261">
        <v>49</v>
      </c>
      <c r="V14" s="261">
        <v>74</v>
      </c>
      <c r="W14" s="258">
        <v>164</v>
      </c>
      <c r="X14" s="263">
        <v>164</v>
      </c>
      <c r="Y14" s="257">
        <v>45</v>
      </c>
      <c r="Z14" s="261">
        <v>50</v>
      </c>
      <c r="AA14" s="258">
        <v>95</v>
      </c>
      <c r="AB14" s="260">
        <v>0</v>
      </c>
      <c r="AC14" s="261">
        <v>327</v>
      </c>
      <c r="AD14" s="261">
        <v>255</v>
      </c>
      <c r="AE14" s="261">
        <v>204</v>
      </c>
      <c r="AF14" s="261">
        <v>188</v>
      </c>
      <c r="AG14" s="261">
        <v>142</v>
      </c>
      <c r="AH14" s="258">
        <v>1116</v>
      </c>
      <c r="AI14" s="263">
        <v>1211</v>
      </c>
      <c r="AJ14" s="257">
        <v>6</v>
      </c>
      <c r="AK14" s="261">
        <v>8</v>
      </c>
      <c r="AL14" s="258">
        <v>14</v>
      </c>
      <c r="AM14" s="260">
        <v>0</v>
      </c>
      <c r="AN14" s="261">
        <v>23</v>
      </c>
      <c r="AO14" s="261">
        <v>27</v>
      </c>
      <c r="AP14" s="261">
        <v>25</v>
      </c>
      <c r="AQ14" s="261">
        <v>25</v>
      </c>
      <c r="AR14" s="261">
        <v>6</v>
      </c>
      <c r="AS14" s="258">
        <v>106</v>
      </c>
      <c r="AT14" s="263">
        <v>120</v>
      </c>
      <c r="AU14" s="257">
        <v>53</v>
      </c>
      <c r="AV14" s="261">
        <v>50</v>
      </c>
      <c r="AW14" s="258">
        <v>103</v>
      </c>
      <c r="AX14" s="260">
        <v>0</v>
      </c>
      <c r="AY14" s="261">
        <v>430</v>
      </c>
      <c r="AZ14" s="261">
        <v>471</v>
      </c>
      <c r="BA14" s="261">
        <v>423</v>
      </c>
      <c r="BB14" s="261">
        <v>446</v>
      </c>
      <c r="BC14" s="261">
        <v>288</v>
      </c>
      <c r="BD14" s="262">
        <v>2058</v>
      </c>
      <c r="BE14" s="263">
        <v>2161</v>
      </c>
      <c r="BF14" s="257">
        <v>0</v>
      </c>
      <c r="BG14" s="261">
        <v>0</v>
      </c>
      <c r="BH14" s="258">
        <v>0</v>
      </c>
      <c r="BI14" s="260">
        <v>0</v>
      </c>
      <c r="BJ14" s="261">
        <v>714</v>
      </c>
      <c r="BK14" s="261">
        <v>422</v>
      </c>
      <c r="BL14" s="261">
        <v>277</v>
      </c>
      <c r="BM14" s="261">
        <v>203</v>
      </c>
      <c r="BN14" s="261">
        <v>89</v>
      </c>
      <c r="BO14" s="258">
        <v>1705</v>
      </c>
      <c r="BP14" s="263">
        <v>1705</v>
      </c>
      <c r="BQ14" s="257">
        <v>103</v>
      </c>
      <c r="BR14" s="261">
        <v>77</v>
      </c>
      <c r="BS14" s="258">
        <v>180</v>
      </c>
      <c r="BT14" s="260">
        <v>0</v>
      </c>
      <c r="BU14" s="261">
        <v>225</v>
      </c>
      <c r="BV14" s="261">
        <v>142</v>
      </c>
      <c r="BW14" s="261">
        <v>102</v>
      </c>
      <c r="BX14" s="261">
        <v>66</v>
      </c>
      <c r="BY14" s="261">
        <v>17</v>
      </c>
      <c r="BZ14" s="258">
        <v>552</v>
      </c>
      <c r="CA14" s="263">
        <v>732</v>
      </c>
      <c r="CB14" s="257">
        <v>4</v>
      </c>
      <c r="CC14" s="261">
        <v>10</v>
      </c>
      <c r="CD14" s="258">
        <v>14</v>
      </c>
      <c r="CE14" s="260">
        <v>0</v>
      </c>
      <c r="CF14" s="261">
        <v>96</v>
      </c>
      <c r="CG14" s="261">
        <v>109</v>
      </c>
      <c r="CH14" s="261">
        <v>106</v>
      </c>
      <c r="CI14" s="261">
        <v>79</v>
      </c>
      <c r="CJ14" s="261">
        <v>41</v>
      </c>
      <c r="CK14" s="258">
        <v>431</v>
      </c>
      <c r="CL14" s="263">
        <v>445</v>
      </c>
      <c r="CM14" s="257">
        <v>0</v>
      </c>
      <c r="CN14" s="261">
        <v>0</v>
      </c>
      <c r="CO14" s="258">
        <v>0</v>
      </c>
      <c r="CP14" s="260">
        <v>0</v>
      </c>
      <c r="CQ14" s="261">
        <v>2</v>
      </c>
      <c r="CR14" s="261">
        <v>9</v>
      </c>
      <c r="CS14" s="261">
        <v>7</v>
      </c>
      <c r="CT14" s="261">
        <v>6</v>
      </c>
      <c r="CU14" s="261">
        <v>13</v>
      </c>
      <c r="CV14" s="258">
        <v>37</v>
      </c>
      <c r="CW14" s="263">
        <v>37</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82</v>
      </c>
      <c r="DU14" s="261">
        <v>477</v>
      </c>
      <c r="DV14" s="258">
        <v>859</v>
      </c>
      <c r="DW14" s="260">
        <v>0</v>
      </c>
      <c r="DX14" s="261">
        <v>987</v>
      </c>
      <c r="DY14" s="261">
        <v>863</v>
      </c>
      <c r="DZ14" s="261">
        <v>640</v>
      </c>
      <c r="EA14" s="261">
        <v>525</v>
      </c>
      <c r="EB14" s="261">
        <v>279</v>
      </c>
      <c r="EC14" s="258">
        <v>3294</v>
      </c>
      <c r="ED14" s="263">
        <v>4153</v>
      </c>
      <c r="EE14" s="257">
        <v>33</v>
      </c>
      <c r="EF14" s="261">
        <v>30</v>
      </c>
      <c r="EG14" s="258">
        <v>63</v>
      </c>
      <c r="EH14" s="260">
        <v>0</v>
      </c>
      <c r="EI14" s="261">
        <v>184</v>
      </c>
      <c r="EJ14" s="261">
        <v>132</v>
      </c>
      <c r="EK14" s="261">
        <v>127</v>
      </c>
      <c r="EL14" s="261">
        <v>151</v>
      </c>
      <c r="EM14" s="261">
        <v>67</v>
      </c>
      <c r="EN14" s="258">
        <v>661</v>
      </c>
      <c r="EO14" s="263">
        <v>724</v>
      </c>
      <c r="EP14" s="257">
        <v>493</v>
      </c>
      <c r="EQ14" s="261">
        <v>542</v>
      </c>
      <c r="ER14" s="258">
        <v>1035</v>
      </c>
      <c r="ES14" s="260">
        <v>0</v>
      </c>
      <c r="ET14" s="261">
        <v>1874</v>
      </c>
      <c r="EU14" s="261">
        <v>1123</v>
      </c>
      <c r="EV14" s="261">
        <v>733</v>
      </c>
      <c r="EW14" s="261">
        <v>526</v>
      </c>
      <c r="EX14" s="261">
        <v>287</v>
      </c>
      <c r="EY14" s="258">
        <v>4543</v>
      </c>
      <c r="EZ14" s="263">
        <v>5578</v>
      </c>
    </row>
    <row r="15" spans="2:156" ht="21" customHeight="1" x14ac:dyDescent="0.2">
      <c r="B15" s="472" t="s">
        <v>12</v>
      </c>
      <c r="C15" s="257">
        <v>0</v>
      </c>
      <c r="D15" s="261">
        <v>0</v>
      </c>
      <c r="E15" s="358">
        <v>0</v>
      </c>
      <c r="F15" s="260">
        <v>0</v>
      </c>
      <c r="G15" s="261">
        <v>506</v>
      </c>
      <c r="H15" s="261">
        <v>482</v>
      </c>
      <c r="I15" s="261">
        <v>332</v>
      </c>
      <c r="J15" s="261">
        <v>294</v>
      </c>
      <c r="K15" s="261">
        <v>231</v>
      </c>
      <c r="L15" s="262">
        <v>1845</v>
      </c>
      <c r="M15" s="263">
        <v>1845</v>
      </c>
      <c r="N15" s="257">
        <v>0</v>
      </c>
      <c r="O15" s="261">
        <v>5</v>
      </c>
      <c r="P15" s="258">
        <v>5</v>
      </c>
      <c r="Q15" s="260">
        <v>0</v>
      </c>
      <c r="R15" s="261">
        <v>2</v>
      </c>
      <c r="S15" s="261">
        <v>22</v>
      </c>
      <c r="T15" s="261">
        <v>21</v>
      </c>
      <c r="U15" s="261">
        <v>71</v>
      </c>
      <c r="V15" s="261">
        <v>87</v>
      </c>
      <c r="W15" s="258">
        <v>203</v>
      </c>
      <c r="X15" s="263">
        <v>208</v>
      </c>
      <c r="Y15" s="257">
        <v>111</v>
      </c>
      <c r="Z15" s="261">
        <v>268</v>
      </c>
      <c r="AA15" s="258">
        <v>379</v>
      </c>
      <c r="AB15" s="260">
        <v>0</v>
      </c>
      <c r="AC15" s="261">
        <v>320</v>
      </c>
      <c r="AD15" s="261">
        <v>389</v>
      </c>
      <c r="AE15" s="261">
        <v>253</v>
      </c>
      <c r="AF15" s="261">
        <v>228</v>
      </c>
      <c r="AG15" s="261">
        <v>184</v>
      </c>
      <c r="AH15" s="258">
        <v>1374</v>
      </c>
      <c r="AI15" s="263">
        <v>1753</v>
      </c>
      <c r="AJ15" s="257">
        <v>4</v>
      </c>
      <c r="AK15" s="261">
        <v>28</v>
      </c>
      <c r="AL15" s="258">
        <v>32</v>
      </c>
      <c r="AM15" s="260">
        <v>0</v>
      </c>
      <c r="AN15" s="261">
        <v>16</v>
      </c>
      <c r="AO15" s="261">
        <v>41</v>
      </c>
      <c r="AP15" s="261">
        <v>31</v>
      </c>
      <c r="AQ15" s="261">
        <v>22</v>
      </c>
      <c r="AR15" s="261">
        <v>16</v>
      </c>
      <c r="AS15" s="258">
        <v>126</v>
      </c>
      <c r="AT15" s="263">
        <v>158</v>
      </c>
      <c r="AU15" s="257">
        <v>79</v>
      </c>
      <c r="AV15" s="261">
        <v>124</v>
      </c>
      <c r="AW15" s="258">
        <v>203</v>
      </c>
      <c r="AX15" s="260">
        <v>0</v>
      </c>
      <c r="AY15" s="261">
        <v>322</v>
      </c>
      <c r="AZ15" s="261">
        <v>429</v>
      </c>
      <c r="BA15" s="261">
        <v>376</v>
      </c>
      <c r="BB15" s="261">
        <v>446</v>
      </c>
      <c r="BC15" s="261">
        <v>350</v>
      </c>
      <c r="BD15" s="262">
        <v>1923</v>
      </c>
      <c r="BE15" s="263">
        <v>2126</v>
      </c>
      <c r="BF15" s="257">
        <v>0</v>
      </c>
      <c r="BG15" s="261">
        <v>0</v>
      </c>
      <c r="BH15" s="258">
        <v>0</v>
      </c>
      <c r="BI15" s="260">
        <v>0</v>
      </c>
      <c r="BJ15" s="261">
        <v>647</v>
      </c>
      <c r="BK15" s="261">
        <v>457</v>
      </c>
      <c r="BL15" s="261">
        <v>269</v>
      </c>
      <c r="BM15" s="261">
        <v>204</v>
      </c>
      <c r="BN15" s="261">
        <v>94</v>
      </c>
      <c r="BO15" s="258">
        <v>1671</v>
      </c>
      <c r="BP15" s="263">
        <v>1671</v>
      </c>
      <c r="BQ15" s="257">
        <v>140</v>
      </c>
      <c r="BR15" s="261">
        <v>134</v>
      </c>
      <c r="BS15" s="258">
        <v>274</v>
      </c>
      <c r="BT15" s="260">
        <v>0</v>
      </c>
      <c r="BU15" s="261">
        <v>147</v>
      </c>
      <c r="BV15" s="261">
        <v>175</v>
      </c>
      <c r="BW15" s="261">
        <v>125</v>
      </c>
      <c r="BX15" s="261">
        <v>84</v>
      </c>
      <c r="BY15" s="261">
        <v>31</v>
      </c>
      <c r="BZ15" s="258">
        <v>562</v>
      </c>
      <c r="CA15" s="263">
        <v>836</v>
      </c>
      <c r="CB15" s="257">
        <v>8</v>
      </c>
      <c r="CC15" s="261">
        <v>17</v>
      </c>
      <c r="CD15" s="258">
        <v>25</v>
      </c>
      <c r="CE15" s="260">
        <v>0</v>
      </c>
      <c r="CF15" s="261">
        <v>101</v>
      </c>
      <c r="CG15" s="261">
        <v>111</v>
      </c>
      <c r="CH15" s="261">
        <v>125</v>
      </c>
      <c r="CI15" s="261">
        <v>94</v>
      </c>
      <c r="CJ15" s="261">
        <v>58</v>
      </c>
      <c r="CK15" s="258">
        <v>489</v>
      </c>
      <c r="CL15" s="263">
        <v>514</v>
      </c>
      <c r="CM15" s="257">
        <v>0</v>
      </c>
      <c r="CN15" s="261">
        <v>0</v>
      </c>
      <c r="CO15" s="258">
        <v>0</v>
      </c>
      <c r="CP15" s="260">
        <v>0</v>
      </c>
      <c r="CQ15" s="261">
        <v>4</v>
      </c>
      <c r="CR15" s="261">
        <v>4</v>
      </c>
      <c r="CS15" s="261">
        <v>6</v>
      </c>
      <c r="CT15" s="261">
        <v>3</v>
      </c>
      <c r="CU15" s="261">
        <v>2</v>
      </c>
      <c r="CV15" s="258">
        <v>19</v>
      </c>
      <c r="CW15" s="263">
        <v>19</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73</v>
      </c>
      <c r="DU15" s="261">
        <v>888</v>
      </c>
      <c r="DV15" s="258">
        <v>1361</v>
      </c>
      <c r="DW15" s="260">
        <v>0</v>
      </c>
      <c r="DX15" s="261">
        <v>627</v>
      </c>
      <c r="DY15" s="261">
        <v>996</v>
      </c>
      <c r="DZ15" s="261">
        <v>689</v>
      </c>
      <c r="EA15" s="261">
        <v>620</v>
      </c>
      <c r="EB15" s="261">
        <v>377</v>
      </c>
      <c r="EC15" s="258">
        <v>3309</v>
      </c>
      <c r="ED15" s="263">
        <v>4670</v>
      </c>
      <c r="EE15" s="257">
        <v>43</v>
      </c>
      <c r="EF15" s="261">
        <v>42</v>
      </c>
      <c r="EG15" s="258">
        <v>85</v>
      </c>
      <c r="EH15" s="260">
        <v>0</v>
      </c>
      <c r="EI15" s="261">
        <v>106</v>
      </c>
      <c r="EJ15" s="261">
        <v>106</v>
      </c>
      <c r="EK15" s="261">
        <v>107</v>
      </c>
      <c r="EL15" s="261">
        <v>142</v>
      </c>
      <c r="EM15" s="261">
        <v>79</v>
      </c>
      <c r="EN15" s="258">
        <v>540</v>
      </c>
      <c r="EO15" s="263">
        <v>625</v>
      </c>
      <c r="EP15" s="257">
        <v>657</v>
      </c>
      <c r="EQ15" s="261">
        <v>1070</v>
      </c>
      <c r="ER15" s="258">
        <v>1727</v>
      </c>
      <c r="ES15" s="260">
        <v>0</v>
      </c>
      <c r="ET15" s="261">
        <v>1557</v>
      </c>
      <c r="EU15" s="261">
        <v>1274</v>
      </c>
      <c r="EV15" s="261">
        <v>785</v>
      </c>
      <c r="EW15" s="261">
        <v>618</v>
      </c>
      <c r="EX15" s="261">
        <v>354</v>
      </c>
      <c r="EY15" s="258">
        <v>4588</v>
      </c>
      <c r="EZ15" s="263">
        <v>6315</v>
      </c>
    </row>
    <row r="16" spans="2:156" ht="21" customHeight="1" x14ac:dyDescent="0.2">
      <c r="B16" s="472" t="s">
        <v>13</v>
      </c>
      <c r="C16" s="257">
        <v>0</v>
      </c>
      <c r="D16" s="261">
        <v>0</v>
      </c>
      <c r="E16" s="358">
        <v>0</v>
      </c>
      <c r="F16" s="260">
        <v>0</v>
      </c>
      <c r="G16" s="261">
        <v>233</v>
      </c>
      <c r="H16" s="261">
        <v>221</v>
      </c>
      <c r="I16" s="261">
        <v>139</v>
      </c>
      <c r="J16" s="261">
        <v>111</v>
      </c>
      <c r="K16" s="261">
        <v>115</v>
      </c>
      <c r="L16" s="262">
        <v>819</v>
      </c>
      <c r="M16" s="263">
        <v>819</v>
      </c>
      <c r="N16" s="257">
        <v>0</v>
      </c>
      <c r="O16" s="261">
        <v>0</v>
      </c>
      <c r="P16" s="258">
        <v>0</v>
      </c>
      <c r="Q16" s="260">
        <v>0</v>
      </c>
      <c r="R16" s="261">
        <v>1</v>
      </c>
      <c r="S16" s="261">
        <v>1</v>
      </c>
      <c r="T16" s="261">
        <v>2</v>
      </c>
      <c r="U16" s="261">
        <v>15</v>
      </c>
      <c r="V16" s="261">
        <v>34</v>
      </c>
      <c r="W16" s="258">
        <v>53</v>
      </c>
      <c r="X16" s="263">
        <v>53</v>
      </c>
      <c r="Y16" s="257">
        <v>15</v>
      </c>
      <c r="Z16" s="261">
        <v>23</v>
      </c>
      <c r="AA16" s="258">
        <v>38</v>
      </c>
      <c r="AB16" s="260">
        <v>0</v>
      </c>
      <c r="AC16" s="261">
        <v>115</v>
      </c>
      <c r="AD16" s="261">
        <v>137</v>
      </c>
      <c r="AE16" s="261">
        <v>91</v>
      </c>
      <c r="AF16" s="261">
        <v>83</v>
      </c>
      <c r="AG16" s="261">
        <v>82</v>
      </c>
      <c r="AH16" s="258">
        <v>508</v>
      </c>
      <c r="AI16" s="263">
        <v>546</v>
      </c>
      <c r="AJ16" s="257">
        <v>1</v>
      </c>
      <c r="AK16" s="261">
        <v>7</v>
      </c>
      <c r="AL16" s="258">
        <v>8</v>
      </c>
      <c r="AM16" s="260">
        <v>0</v>
      </c>
      <c r="AN16" s="261">
        <v>19</v>
      </c>
      <c r="AO16" s="261">
        <v>21</v>
      </c>
      <c r="AP16" s="261">
        <v>13</v>
      </c>
      <c r="AQ16" s="261">
        <v>12</v>
      </c>
      <c r="AR16" s="261">
        <v>13</v>
      </c>
      <c r="AS16" s="258">
        <v>78</v>
      </c>
      <c r="AT16" s="263">
        <v>86</v>
      </c>
      <c r="AU16" s="257">
        <v>38</v>
      </c>
      <c r="AV16" s="261">
        <v>29</v>
      </c>
      <c r="AW16" s="258">
        <v>67</v>
      </c>
      <c r="AX16" s="260">
        <v>0</v>
      </c>
      <c r="AY16" s="261">
        <v>169</v>
      </c>
      <c r="AZ16" s="261">
        <v>195</v>
      </c>
      <c r="BA16" s="261">
        <v>188</v>
      </c>
      <c r="BB16" s="261">
        <v>195</v>
      </c>
      <c r="BC16" s="261">
        <v>176</v>
      </c>
      <c r="BD16" s="262">
        <v>923</v>
      </c>
      <c r="BE16" s="263">
        <v>990</v>
      </c>
      <c r="BF16" s="257">
        <v>0</v>
      </c>
      <c r="BG16" s="261">
        <v>0</v>
      </c>
      <c r="BH16" s="258">
        <v>0</v>
      </c>
      <c r="BI16" s="260">
        <v>0</v>
      </c>
      <c r="BJ16" s="261">
        <v>182</v>
      </c>
      <c r="BK16" s="261">
        <v>177</v>
      </c>
      <c r="BL16" s="261">
        <v>110</v>
      </c>
      <c r="BM16" s="261">
        <v>62</v>
      </c>
      <c r="BN16" s="261">
        <v>32</v>
      </c>
      <c r="BO16" s="258">
        <v>563</v>
      </c>
      <c r="BP16" s="263">
        <v>563</v>
      </c>
      <c r="BQ16" s="257">
        <v>7</v>
      </c>
      <c r="BR16" s="261">
        <v>23</v>
      </c>
      <c r="BS16" s="258">
        <v>30</v>
      </c>
      <c r="BT16" s="260">
        <v>0</v>
      </c>
      <c r="BU16" s="261">
        <v>35</v>
      </c>
      <c r="BV16" s="261">
        <v>34</v>
      </c>
      <c r="BW16" s="261">
        <v>29</v>
      </c>
      <c r="BX16" s="261">
        <v>26</v>
      </c>
      <c r="BY16" s="261">
        <v>11</v>
      </c>
      <c r="BZ16" s="258">
        <v>135</v>
      </c>
      <c r="CA16" s="263">
        <v>165</v>
      </c>
      <c r="CB16" s="257">
        <v>0</v>
      </c>
      <c r="CC16" s="261">
        <v>1</v>
      </c>
      <c r="CD16" s="258">
        <v>1</v>
      </c>
      <c r="CE16" s="260">
        <v>0</v>
      </c>
      <c r="CF16" s="261">
        <v>16</v>
      </c>
      <c r="CG16" s="261">
        <v>28</v>
      </c>
      <c r="CH16" s="261">
        <v>45</v>
      </c>
      <c r="CI16" s="261">
        <v>30</v>
      </c>
      <c r="CJ16" s="261">
        <v>17</v>
      </c>
      <c r="CK16" s="258">
        <v>136</v>
      </c>
      <c r="CL16" s="263">
        <v>137</v>
      </c>
      <c r="CM16" s="257">
        <v>0</v>
      </c>
      <c r="CN16" s="261">
        <v>0</v>
      </c>
      <c r="CO16" s="258">
        <v>0</v>
      </c>
      <c r="CP16" s="260">
        <v>0</v>
      </c>
      <c r="CQ16" s="261">
        <v>3</v>
      </c>
      <c r="CR16" s="261">
        <v>5</v>
      </c>
      <c r="CS16" s="261">
        <v>6</v>
      </c>
      <c r="CT16" s="261">
        <v>10</v>
      </c>
      <c r="CU16" s="261">
        <v>0</v>
      </c>
      <c r="CV16" s="258">
        <v>24</v>
      </c>
      <c r="CW16" s="263">
        <v>24</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80</v>
      </c>
      <c r="DU16" s="261">
        <v>168</v>
      </c>
      <c r="DV16" s="258">
        <v>248</v>
      </c>
      <c r="DW16" s="260">
        <v>0</v>
      </c>
      <c r="DX16" s="261">
        <v>254</v>
      </c>
      <c r="DY16" s="261">
        <v>371</v>
      </c>
      <c r="DZ16" s="261">
        <v>243</v>
      </c>
      <c r="EA16" s="261">
        <v>213</v>
      </c>
      <c r="EB16" s="261">
        <v>147</v>
      </c>
      <c r="EC16" s="258">
        <v>1228</v>
      </c>
      <c r="ED16" s="263">
        <v>1476</v>
      </c>
      <c r="EE16" s="257">
        <v>22</v>
      </c>
      <c r="EF16" s="261">
        <v>11</v>
      </c>
      <c r="EG16" s="258">
        <v>33</v>
      </c>
      <c r="EH16" s="260">
        <v>0</v>
      </c>
      <c r="EI16" s="261">
        <v>69</v>
      </c>
      <c r="EJ16" s="261">
        <v>70</v>
      </c>
      <c r="EK16" s="261">
        <v>60</v>
      </c>
      <c r="EL16" s="261">
        <v>66</v>
      </c>
      <c r="EM16" s="261">
        <v>49</v>
      </c>
      <c r="EN16" s="258">
        <v>314</v>
      </c>
      <c r="EO16" s="263">
        <v>347</v>
      </c>
      <c r="EP16" s="257">
        <v>96</v>
      </c>
      <c r="EQ16" s="261">
        <v>200</v>
      </c>
      <c r="ER16" s="258">
        <v>296</v>
      </c>
      <c r="ES16" s="260">
        <v>0</v>
      </c>
      <c r="ET16" s="261">
        <v>573</v>
      </c>
      <c r="EU16" s="261">
        <v>532</v>
      </c>
      <c r="EV16" s="261">
        <v>300</v>
      </c>
      <c r="EW16" s="261">
        <v>233</v>
      </c>
      <c r="EX16" s="261">
        <v>171</v>
      </c>
      <c r="EY16" s="258">
        <v>1809</v>
      </c>
      <c r="EZ16" s="263">
        <v>2105</v>
      </c>
    </row>
    <row r="17" spans="2:156" ht="21" customHeight="1" x14ac:dyDescent="0.2">
      <c r="B17" s="472" t="s">
        <v>15</v>
      </c>
      <c r="C17" s="257">
        <v>0</v>
      </c>
      <c r="D17" s="261">
        <v>0</v>
      </c>
      <c r="E17" s="358">
        <v>0</v>
      </c>
      <c r="F17" s="260">
        <v>0</v>
      </c>
      <c r="G17" s="261">
        <v>121</v>
      </c>
      <c r="H17" s="261">
        <v>171</v>
      </c>
      <c r="I17" s="261">
        <v>89</v>
      </c>
      <c r="J17" s="261">
        <v>51</v>
      </c>
      <c r="K17" s="261">
        <v>47</v>
      </c>
      <c r="L17" s="262">
        <v>479</v>
      </c>
      <c r="M17" s="263">
        <v>479</v>
      </c>
      <c r="N17" s="257">
        <v>0</v>
      </c>
      <c r="O17" s="261">
        <v>0</v>
      </c>
      <c r="P17" s="258">
        <v>0</v>
      </c>
      <c r="Q17" s="260">
        <v>0</v>
      </c>
      <c r="R17" s="261">
        <v>0</v>
      </c>
      <c r="S17" s="261">
        <v>0</v>
      </c>
      <c r="T17" s="261">
        <v>10</v>
      </c>
      <c r="U17" s="261">
        <v>12</v>
      </c>
      <c r="V17" s="261">
        <v>32</v>
      </c>
      <c r="W17" s="258">
        <v>54</v>
      </c>
      <c r="X17" s="263">
        <v>54</v>
      </c>
      <c r="Y17" s="257">
        <v>3</v>
      </c>
      <c r="Z17" s="261">
        <v>13</v>
      </c>
      <c r="AA17" s="258">
        <v>16</v>
      </c>
      <c r="AB17" s="260">
        <v>0</v>
      </c>
      <c r="AC17" s="261">
        <v>58</v>
      </c>
      <c r="AD17" s="261">
        <v>72</v>
      </c>
      <c r="AE17" s="261">
        <v>50</v>
      </c>
      <c r="AF17" s="261">
        <v>41</v>
      </c>
      <c r="AG17" s="261">
        <v>44</v>
      </c>
      <c r="AH17" s="258">
        <v>265</v>
      </c>
      <c r="AI17" s="263">
        <v>281</v>
      </c>
      <c r="AJ17" s="257">
        <v>0</v>
      </c>
      <c r="AK17" s="261">
        <v>2</v>
      </c>
      <c r="AL17" s="258">
        <v>2</v>
      </c>
      <c r="AM17" s="260">
        <v>0</v>
      </c>
      <c r="AN17" s="261">
        <v>10</v>
      </c>
      <c r="AO17" s="261">
        <v>16</v>
      </c>
      <c r="AP17" s="261">
        <v>3</v>
      </c>
      <c r="AQ17" s="261">
        <v>4</v>
      </c>
      <c r="AR17" s="261">
        <v>7</v>
      </c>
      <c r="AS17" s="258">
        <v>40</v>
      </c>
      <c r="AT17" s="263">
        <v>42</v>
      </c>
      <c r="AU17" s="257">
        <v>12</v>
      </c>
      <c r="AV17" s="261">
        <v>15</v>
      </c>
      <c r="AW17" s="258">
        <v>27</v>
      </c>
      <c r="AX17" s="260">
        <v>0</v>
      </c>
      <c r="AY17" s="261">
        <v>116</v>
      </c>
      <c r="AZ17" s="261">
        <v>111</v>
      </c>
      <c r="BA17" s="261">
        <v>110</v>
      </c>
      <c r="BB17" s="261">
        <v>107</v>
      </c>
      <c r="BC17" s="261">
        <v>81</v>
      </c>
      <c r="BD17" s="262">
        <v>525</v>
      </c>
      <c r="BE17" s="263">
        <v>552</v>
      </c>
      <c r="BF17" s="257">
        <v>0</v>
      </c>
      <c r="BG17" s="261">
        <v>0</v>
      </c>
      <c r="BH17" s="258">
        <v>0</v>
      </c>
      <c r="BI17" s="260">
        <v>0</v>
      </c>
      <c r="BJ17" s="261">
        <v>119</v>
      </c>
      <c r="BK17" s="261">
        <v>136</v>
      </c>
      <c r="BL17" s="261">
        <v>69</v>
      </c>
      <c r="BM17" s="261">
        <v>33</v>
      </c>
      <c r="BN17" s="261">
        <v>13</v>
      </c>
      <c r="BO17" s="258">
        <v>370</v>
      </c>
      <c r="BP17" s="263">
        <v>370</v>
      </c>
      <c r="BQ17" s="257">
        <v>0</v>
      </c>
      <c r="BR17" s="261">
        <v>5</v>
      </c>
      <c r="BS17" s="258">
        <v>5</v>
      </c>
      <c r="BT17" s="260">
        <v>0</v>
      </c>
      <c r="BU17" s="261">
        <v>30</v>
      </c>
      <c r="BV17" s="261">
        <v>33</v>
      </c>
      <c r="BW17" s="261">
        <v>26</v>
      </c>
      <c r="BX17" s="261">
        <v>17</v>
      </c>
      <c r="BY17" s="261">
        <v>8</v>
      </c>
      <c r="BZ17" s="258">
        <v>114</v>
      </c>
      <c r="CA17" s="263">
        <v>119</v>
      </c>
      <c r="CB17" s="257">
        <v>1</v>
      </c>
      <c r="CC17" s="261">
        <v>2</v>
      </c>
      <c r="CD17" s="258">
        <v>3</v>
      </c>
      <c r="CE17" s="260">
        <v>0</v>
      </c>
      <c r="CF17" s="261">
        <v>9</v>
      </c>
      <c r="CG17" s="261">
        <v>35</v>
      </c>
      <c r="CH17" s="261">
        <v>52</v>
      </c>
      <c r="CI17" s="261">
        <v>42</v>
      </c>
      <c r="CJ17" s="261">
        <v>20</v>
      </c>
      <c r="CK17" s="258">
        <v>158</v>
      </c>
      <c r="CL17" s="263">
        <v>161</v>
      </c>
      <c r="CM17" s="257">
        <v>0</v>
      </c>
      <c r="CN17" s="261">
        <v>0</v>
      </c>
      <c r="CO17" s="258">
        <v>0</v>
      </c>
      <c r="CP17" s="260">
        <v>0</v>
      </c>
      <c r="CQ17" s="261">
        <v>2</v>
      </c>
      <c r="CR17" s="261">
        <v>1</v>
      </c>
      <c r="CS17" s="261">
        <v>4</v>
      </c>
      <c r="CT17" s="261">
        <v>6</v>
      </c>
      <c r="CU17" s="261">
        <v>0</v>
      </c>
      <c r="CV17" s="258">
        <v>13</v>
      </c>
      <c r="CW17" s="263">
        <v>13</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71</v>
      </c>
      <c r="DU17" s="261">
        <v>151</v>
      </c>
      <c r="DV17" s="258">
        <v>222</v>
      </c>
      <c r="DW17" s="260">
        <v>0</v>
      </c>
      <c r="DX17" s="261">
        <v>227</v>
      </c>
      <c r="DY17" s="261">
        <v>354</v>
      </c>
      <c r="DZ17" s="261">
        <v>187</v>
      </c>
      <c r="EA17" s="261">
        <v>117</v>
      </c>
      <c r="EB17" s="261">
        <v>90</v>
      </c>
      <c r="EC17" s="258">
        <v>975</v>
      </c>
      <c r="ED17" s="263">
        <v>1197</v>
      </c>
      <c r="EE17" s="257">
        <v>19</v>
      </c>
      <c r="EF17" s="261">
        <v>12</v>
      </c>
      <c r="EG17" s="258">
        <v>31</v>
      </c>
      <c r="EH17" s="260">
        <v>0</v>
      </c>
      <c r="EI17" s="261">
        <v>52</v>
      </c>
      <c r="EJ17" s="261">
        <v>31</v>
      </c>
      <c r="EK17" s="261">
        <v>35</v>
      </c>
      <c r="EL17" s="261">
        <v>41</v>
      </c>
      <c r="EM17" s="261">
        <v>15</v>
      </c>
      <c r="EN17" s="258">
        <v>174</v>
      </c>
      <c r="EO17" s="263">
        <v>205</v>
      </c>
      <c r="EP17" s="257">
        <v>75</v>
      </c>
      <c r="EQ17" s="261">
        <v>158</v>
      </c>
      <c r="ER17" s="258">
        <v>233</v>
      </c>
      <c r="ES17" s="260">
        <v>0</v>
      </c>
      <c r="ET17" s="261">
        <v>426</v>
      </c>
      <c r="EU17" s="261">
        <v>494</v>
      </c>
      <c r="EV17" s="261">
        <v>246</v>
      </c>
      <c r="EW17" s="261">
        <v>143</v>
      </c>
      <c r="EX17" s="261">
        <v>99</v>
      </c>
      <c r="EY17" s="258">
        <v>1408</v>
      </c>
      <c r="EZ17" s="263">
        <v>1641</v>
      </c>
    </row>
    <row r="18" spans="2:156" ht="21" customHeight="1" x14ac:dyDescent="0.2">
      <c r="B18" s="472" t="s">
        <v>16</v>
      </c>
      <c r="C18" s="257">
        <v>0</v>
      </c>
      <c r="D18" s="261">
        <v>0</v>
      </c>
      <c r="E18" s="358">
        <v>0</v>
      </c>
      <c r="F18" s="260">
        <v>0</v>
      </c>
      <c r="G18" s="261">
        <v>220</v>
      </c>
      <c r="H18" s="261">
        <v>301</v>
      </c>
      <c r="I18" s="261">
        <v>174</v>
      </c>
      <c r="J18" s="261">
        <v>153</v>
      </c>
      <c r="K18" s="261">
        <v>90</v>
      </c>
      <c r="L18" s="262">
        <v>938</v>
      </c>
      <c r="M18" s="263">
        <v>938</v>
      </c>
      <c r="N18" s="257">
        <v>0</v>
      </c>
      <c r="O18" s="261">
        <v>0</v>
      </c>
      <c r="P18" s="258">
        <v>0</v>
      </c>
      <c r="Q18" s="260">
        <v>0</v>
      </c>
      <c r="R18" s="261">
        <v>1</v>
      </c>
      <c r="S18" s="261">
        <v>8</v>
      </c>
      <c r="T18" s="261">
        <v>13</v>
      </c>
      <c r="U18" s="261">
        <v>26</v>
      </c>
      <c r="V18" s="261">
        <v>44</v>
      </c>
      <c r="W18" s="258">
        <v>92</v>
      </c>
      <c r="X18" s="263">
        <v>92</v>
      </c>
      <c r="Y18" s="257">
        <v>32</v>
      </c>
      <c r="Z18" s="261">
        <v>49</v>
      </c>
      <c r="AA18" s="258">
        <v>81</v>
      </c>
      <c r="AB18" s="260">
        <v>0</v>
      </c>
      <c r="AC18" s="261">
        <v>178</v>
      </c>
      <c r="AD18" s="261">
        <v>287</v>
      </c>
      <c r="AE18" s="261">
        <v>181</v>
      </c>
      <c r="AF18" s="261">
        <v>150</v>
      </c>
      <c r="AG18" s="261">
        <v>106</v>
      </c>
      <c r="AH18" s="258">
        <v>902</v>
      </c>
      <c r="AI18" s="263">
        <v>983</v>
      </c>
      <c r="AJ18" s="257">
        <v>6</v>
      </c>
      <c r="AK18" s="261">
        <v>12</v>
      </c>
      <c r="AL18" s="258">
        <v>18</v>
      </c>
      <c r="AM18" s="260">
        <v>0</v>
      </c>
      <c r="AN18" s="261">
        <v>9</v>
      </c>
      <c r="AO18" s="261">
        <v>34</v>
      </c>
      <c r="AP18" s="261">
        <v>14</v>
      </c>
      <c r="AQ18" s="261">
        <v>6</v>
      </c>
      <c r="AR18" s="261">
        <v>14</v>
      </c>
      <c r="AS18" s="258">
        <v>77</v>
      </c>
      <c r="AT18" s="263">
        <v>95</v>
      </c>
      <c r="AU18" s="257">
        <v>40</v>
      </c>
      <c r="AV18" s="261">
        <v>41</v>
      </c>
      <c r="AW18" s="258">
        <v>81</v>
      </c>
      <c r="AX18" s="260">
        <v>0</v>
      </c>
      <c r="AY18" s="261">
        <v>208</v>
      </c>
      <c r="AZ18" s="261">
        <v>312</v>
      </c>
      <c r="BA18" s="261">
        <v>277</v>
      </c>
      <c r="BB18" s="261">
        <v>297</v>
      </c>
      <c r="BC18" s="261">
        <v>235</v>
      </c>
      <c r="BD18" s="262">
        <v>1329</v>
      </c>
      <c r="BE18" s="263">
        <v>1410</v>
      </c>
      <c r="BF18" s="257">
        <v>0</v>
      </c>
      <c r="BG18" s="261">
        <v>0</v>
      </c>
      <c r="BH18" s="258">
        <v>0</v>
      </c>
      <c r="BI18" s="260">
        <v>0</v>
      </c>
      <c r="BJ18" s="261">
        <v>326</v>
      </c>
      <c r="BK18" s="261">
        <v>471</v>
      </c>
      <c r="BL18" s="261">
        <v>239</v>
      </c>
      <c r="BM18" s="261">
        <v>153</v>
      </c>
      <c r="BN18" s="261">
        <v>93</v>
      </c>
      <c r="BO18" s="258">
        <v>1282</v>
      </c>
      <c r="BP18" s="263">
        <v>1282</v>
      </c>
      <c r="BQ18" s="257">
        <v>43</v>
      </c>
      <c r="BR18" s="261">
        <v>99</v>
      </c>
      <c r="BS18" s="258">
        <v>142</v>
      </c>
      <c r="BT18" s="260">
        <v>0</v>
      </c>
      <c r="BU18" s="261">
        <v>186</v>
      </c>
      <c r="BV18" s="261">
        <v>265</v>
      </c>
      <c r="BW18" s="261">
        <v>114</v>
      </c>
      <c r="BX18" s="261">
        <v>62</v>
      </c>
      <c r="BY18" s="261">
        <v>15</v>
      </c>
      <c r="BZ18" s="258">
        <v>642</v>
      </c>
      <c r="CA18" s="263">
        <v>784</v>
      </c>
      <c r="CB18" s="257">
        <v>3</v>
      </c>
      <c r="CC18" s="261">
        <v>3</v>
      </c>
      <c r="CD18" s="258">
        <v>6</v>
      </c>
      <c r="CE18" s="260">
        <v>0</v>
      </c>
      <c r="CF18" s="261">
        <v>41</v>
      </c>
      <c r="CG18" s="261">
        <v>83</v>
      </c>
      <c r="CH18" s="261">
        <v>87</v>
      </c>
      <c r="CI18" s="261">
        <v>55</v>
      </c>
      <c r="CJ18" s="261">
        <v>19</v>
      </c>
      <c r="CK18" s="258">
        <v>285</v>
      </c>
      <c r="CL18" s="263">
        <v>291</v>
      </c>
      <c r="CM18" s="257">
        <v>0</v>
      </c>
      <c r="CN18" s="261">
        <v>0</v>
      </c>
      <c r="CO18" s="258">
        <v>0</v>
      </c>
      <c r="CP18" s="260">
        <v>0</v>
      </c>
      <c r="CQ18" s="261">
        <v>3</v>
      </c>
      <c r="CR18" s="261">
        <v>8</v>
      </c>
      <c r="CS18" s="261">
        <v>10</v>
      </c>
      <c r="CT18" s="261">
        <v>11</v>
      </c>
      <c r="CU18" s="261">
        <v>4</v>
      </c>
      <c r="CV18" s="258">
        <v>36</v>
      </c>
      <c r="CW18" s="263">
        <v>36</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4</v>
      </c>
      <c r="DU18" s="261">
        <v>353</v>
      </c>
      <c r="DV18" s="258">
        <v>517</v>
      </c>
      <c r="DW18" s="260">
        <v>0</v>
      </c>
      <c r="DX18" s="261">
        <v>437</v>
      </c>
      <c r="DY18" s="261">
        <v>913</v>
      </c>
      <c r="DZ18" s="261">
        <v>472</v>
      </c>
      <c r="EA18" s="261">
        <v>368</v>
      </c>
      <c r="EB18" s="261">
        <v>232</v>
      </c>
      <c r="EC18" s="258">
        <v>2422</v>
      </c>
      <c r="ED18" s="263">
        <v>2939</v>
      </c>
      <c r="EE18" s="257">
        <v>24</v>
      </c>
      <c r="EF18" s="261">
        <v>24</v>
      </c>
      <c r="EG18" s="258">
        <v>48</v>
      </c>
      <c r="EH18" s="260">
        <v>0</v>
      </c>
      <c r="EI18" s="261">
        <v>102</v>
      </c>
      <c r="EJ18" s="261">
        <v>107</v>
      </c>
      <c r="EK18" s="261">
        <v>87</v>
      </c>
      <c r="EL18" s="261">
        <v>119</v>
      </c>
      <c r="EM18" s="261">
        <v>83</v>
      </c>
      <c r="EN18" s="258">
        <v>498</v>
      </c>
      <c r="EO18" s="263">
        <v>546</v>
      </c>
      <c r="EP18" s="257">
        <v>214</v>
      </c>
      <c r="EQ18" s="261">
        <v>429</v>
      </c>
      <c r="ER18" s="258">
        <v>643</v>
      </c>
      <c r="ES18" s="260">
        <v>0</v>
      </c>
      <c r="ET18" s="261">
        <v>892</v>
      </c>
      <c r="EU18" s="261">
        <v>1217</v>
      </c>
      <c r="EV18" s="261">
        <v>581</v>
      </c>
      <c r="EW18" s="261">
        <v>387</v>
      </c>
      <c r="EX18" s="261">
        <v>230</v>
      </c>
      <c r="EY18" s="258">
        <v>3307</v>
      </c>
      <c r="EZ18" s="263">
        <v>3950</v>
      </c>
    </row>
    <row r="19" spans="2:156" ht="21" customHeight="1" x14ac:dyDescent="0.2">
      <c r="B19" s="472" t="s">
        <v>17</v>
      </c>
      <c r="C19" s="257">
        <v>0</v>
      </c>
      <c r="D19" s="261">
        <v>0</v>
      </c>
      <c r="E19" s="358">
        <v>0</v>
      </c>
      <c r="F19" s="260">
        <v>0</v>
      </c>
      <c r="G19" s="261">
        <v>235</v>
      </c>
      <c r="H19" s="261">
        <v>451</v>
      </c>
      <c r="I19" s="261">
        <v>295</v>
      </c>
      <c r="J19" s="261">
        <v>215</v>
      </c>
      <c r="K19" s="261">
        <v>161</v>
      </c>
      <c r="L19" s="262">
        <v>1357</v>
      </c>
      <c r="M19" s="263">
        <v>1357</v>
      </c>
      <c r="N19" s="257">
        <v>0</v>
      </c>
      <c r="O19" s="261">
        <v>0</v>
      </c>
      <c r="P19" s="258">
        <v>0</v>
      </c>
      <c r="Q19" s="260">
        <v>0</v>
      </c>
      <c r="R19" s="261">
        <v>1</v>
      </c>
      <c r="S19" s="261">
        <v>11</v>
      </c>
      <c r="T19" s="261">
        <v>17</v>
      </c>
      <c r="U19" s="261">
        <v>45</v>
      </c>
      <c r="V19" s="261">
        <v>84</v>
      </c>
      <c r="W19" s="258">
        <v>158</v>
      </c>
      <c r="X19" s="263">
        <v>158</v>
      </c>
      <c r="Y19" s="257">
        <v>35</v>
      </c>
      <c r="Z19" s="261">
        <v>96</v>
      </c>
      <c r="AA19" s="258">
        <v>131</v>
      </c>
      <c r="AB19" s="260">
        <v>0</v>
      </c>
      <c r="AC19" s="261">
        <v>189</v>
      </c>
      <c r="AD19" s="261">
        <v>320</v>
      </c>
      <c r="AE19" s="261">
        <v>233</v>
      </c>
      <c r="AF19" s="261">
        <v>184</v>
      </c>
      <c r="AG19" s="261">
        <v>160</v>
      </c>
      <c r="AH19" s="258">
        <v>1086</v>
      </c>
      <c r="AI19" s="263">
        <v>1217</v>
      </c>
      <c r="AJ19" s="257">
        <v>5</v>
      </c>
      <c r="AK19" s="261">
        <v>10</v>
      </c>
      <c r="AL19" s="258">
        <v>15</v>
      </c>
      <c r="AM19" s="260">
        <v>0</v>
      </c>
      <c r="AN19" s="261">
        <v>9</v>
      </c>
      <c r="AO19" s="261">
        <v>32</v>
      </c>
      <c r="AP19" s="261">
        <v>32</v>
      </c>
      <c r="AQ19" s="261">
        <v>18</v>
      </c>
      <c r="AR19" s="261">
        <v>17</v>
      </c>
      <c r="AS19" s="258">
        <v>108</v>
      </c>
      <c r="AT19" s="263">
        <v>123</v>
      </c>
      <c r="AU19" s="257">
        <v>41</v>
      </c>
      <c r="AV19" s="261">
        <v>50</v>
      </c>
      <c r="AW19" s="258">
        <v>91</v>
      </c>
      <c r="AX19" s="260">
        <v>0</v>
      </c>
      <c r="AY19" s="261">
        <v>269</v>
      </c>
      <c r="AZ19" s="261">
        <v>436</v>
      </c>
      <c r="BA19" s="261">
        <v>420</v>
      </c>
      <c r="BB19" s="261">
        <v>400</v>
      </c>
      <c r="BC19" s="261">
        <v>329</v>
      </c>
      <c r="BD19" s="262">
        <v>1854</v>
      </c>
      <c r="BE19" s="263">
        <v>1945</v>
      </c>
      <c r="BF19" s="257">
        <v>0</v>
      </c>
      <c r="BG19" s="261">
        <v>0</v>
      </c>
      <c r="BH19" s="258">
        <v>0</v>
      </c>
      <c r="BI19" s="260">
        <v>0</v>
      </c>
      <c r="BJ19" s="261">
        <v>353</v>
      </c>
      <c r="BK19" s="261">
        <v>525</v>
      </c>
      <c r="BL19" s="261">
        <v>310</v>
      </c>
      <c r="BM19" s="261">
        <v>183</v>
      </c>
      <c r="BN19" s="261">
        <v>90</v>
      </c>
      <c r="BO19" s="258">
        <v>1461</v>
      </c>
      <c r="BP19" s="263">
        <v>1461</v>
      </c>
      <c r="BQ19" s="257">
        <v>35</v>
      </c>
      <c r="BR19" s="261">
        <v>76</v>
      </c>
      <c r="BS19" s="258">
        <v>111</v>
      </c>
      <c r="BT19" s="260">
        <v>0</v>
      </c>
      <c r="BU19" s="261">
        <v>67</v>
      </c>
      <c r="BV19" s="261">
        <v>184</v>
      </c>
      <c r="BW19" s="261">
        <v>113</v>
      </c>
      <c r="BX19" s="261">
        <v>48</v>
      </c>
      <c r="BY19" s="261">
        <v>22</v>
      </c>
      <c r="BZ19" s="258">
        <v>434</v>
      </c>
      <c r="CA19" s="263">
        <v>545</v>
      </c>
      <c r="CB19" s="257">
        <v>0</v>
      </c>
      <c r="CC19" s="261">
        <v>6</v>
      </c>
      <c r="CD19" s="258">
        <v>6</v>
      </c>
      <c r="CE19" s="260">
        <v>0</v>
      </c>
      <c r="CF19" s="261">
        <v>36</v>
      </c>
      <c r="CG19" s="261">
        <v>93</v>
      </c>
      <c r="CH19" s="261">
        <v>111</v>
      </c>
      <c r="CI19" s="261">
        <v>91</v>
      </c>
      <c r="CJ19" s="261">
        <v>34</v>
      </c>
      <c r="CK19" s="258">
        <v>365</v>
      </c>
      <c r="CL19" s="263">
        <v>371</v>
      </c>
      <c r="CM19" s="257">
        <v>0</v>
      </c>
      <c r="CN19" s="261">
        <v>0</v>
      </c>
      <c r="CO19" s="258">
        <v>0</v>
      </c>
      <c r="CP19" s="260">
        <v>0</v>
      </c>
      <c r="CQ19" s="261">
        <v>7</v>
      </c>
      <c r="CR19" s="261">
        <v>14</v>
      </c>
      <c r="CS19" s="261">
        <v>18</v>
      </c>
      <c r="CT19" s="261">
        <v>14</v>
      </c>
      <c r="CU19" s="261">
        <v>9</v>
      </c>
      <c r="CV19" s="258">
        <v>62</v>
      </c>
      <c r="CW19" s="263">
        <v>62</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97</v>
      </c>
      <c r="DU19" s="261">
        <v>488</v>
      </c>
      <c r="DV19" s="258">
        <v>685</v>
      </c>
      <c r="DW19" s="260">
        <v>0</v>
      </c>
      <c r="DX19" s="261">
        <v>421</v>
      </c>
      <c r="DY19" s="261">
        <v>1144</v>
      </c>
      <c r="DZ19" s="261">
        <v>735</v>
      </c>
      <c r="EA19" s="261">
        <v>547</v>
      </c>
      <c r="EB19" s="261">
        <v>350</v>
      </c>
      <c r="EC19" s="258">
        <v>3197</v>
      </c>
      <c r="ED19" s="263">
        <v>3882</v>
      </c>
      <c r="EE19" s="257">
        <v>26</v>
      </c>
      <c r="EF19" s="261">
        <v>27</v>
      </c>
      <c r="EG19" s="258">
        <v>53</v>
      </c>
      <c r="EH19" s="260">
        <v>0</v>
      </c>
      <c r="EI19" s="261">
        <v>102</v>
      </c>
      <c r="EJ19" s="261">
        <v>116</v>
      </c>
      <c r="EK19" s="261">
        <v>99</v>
      </c>
      <c r="EL19" s="261">
        <v>106</v>
      </c>
      <c r="EM19" s="261">
        <v>60</v>
      </c>
      <c r="EN19" s="258">
        <v>483</v>
      </c>
      <c r="EO19" s="263">
        <v>536</v>
      </c>
      <c r="EP19" s="257">
        <v>255</v>
      </c>
      <c r="EQ19" s="261">
        <v>575</v>
      </c>
      <c r="ER19" s="258">
        <v>830</v>
      </c>
      <c r="ES19" s="260">
        <v>0</v>
      </c>
      <c r="ET19" s="261">
        <v>979</v>
      </c>
      <c r="EU19" s="261">
        <v>1513</v>
      </c>
      <c r="EV19" s="261">
        <v>843</v>
      </c>
      <c r="EW19" s="261">
        <v>597</v>
      </c>
      <c r="EX19" s="261">
        <v>352</v>
      </c>
      <c r="EY19" s="258">
        <v>4284</v>
      </c>
      <c r="EZ19" s="263">
        <v>5114</v>
      </c>
    </row>
    <row r="20" spans="2:156" ht="21" customHeight="1" x14ac:dyDescent="0.2">
      <c r="B20" s="472" t="s">
        <v>18</v>
      </c>
      <c r="C20" s="257">
        <v>0</v>
      </c>
      <c r="D20" s="261">
        <v>0</v>
      </c>
      <c r="E20" s="358">
        <v>0</v>
      </c>
      <c r="F20" s="260">
        <v>0</v>
      </c>
      <c r="G20" s="261">
        <v>479</v>
      </c>
      <c r="H20" s="261">
        <v>496</v>
      </c>
      <c r="I20" s="261">
        <v>333</v>
      </c>
      <c r="J20" s="261">
        <v>244</v>
      </c>
      <c r="K20" s="261">
        <v>177</v>
      </c>
      <c r="L20" s="262">
        <v>1729</v>
      </c>
      <c r="M20" s="263">
        <v>1729</v>
      </c>
      <c r="N20" s="257">
        <v>0</v>
      </c>
      <c r="O20" s="261">
        <v>0</v>
      </c>
      <c r="P20" s="258">
        <v>0</v>
      </c>
      <c r="Q20" s="260">
        <v>0</v>
      </c>
      <c r="R20" s="261">
        <v>3</v>
      </c>
      <c r="S20" s="261">
        <v>9</v>
      </c>
      <c r="T20" s="261">
        <v>20</v>
      </c>
      <c r="U20" s="261">
        <v>52</v>
      </c>
      <c r="V20" s="261">
        <v>78</v>
      </c>
      <c r="W20" s="258">
        <v>162</v>
      </c>
      <c r="X20" s="263">
        <v>162</v>
      </c>
      <c r="Y20" s="257">
        <v>55</v>
      </c>
      <c r="Z20" s="261">
        <v>113</v>
      </c>
      <c r="AA20" s="258">
        <v>168</v>
      </c>
      <c r="AB20" s="260">
        <v>0</v>
      </c>
      <c r="AC20" s="261">
        <v>347</v>
      </c>
      <c r="AD20" s="261">
        <v>369</v>
      </c>
      <c r="AE20" s="261">
        <v>249</v>
      </c>
      <c r="AF20" s="261">
        <v>194</v>
      </c>
      <c r="AG20" s="261">
        <v>147</v>
      </c>
      <c r="AH20" s="258">
        <v>1306</v>
      </c>
      <c r="AI20" s="263">
        <v>1474</v>
      </c>
      <c r="AJ20" s="257">
        <v>6</v>
      </c>
      <c r="AK20" s="261">
        <v>13</v>
      </c>
      <c r="AL20" s="258">
        <v>19</v>
      </c>
      <c r="AM20" s="260">
        <v>0</v>
      </c>
      <c r="AN20" s="261">
        <v>35</v>
      </c>
      <c r="AO20" s="261">
        <v>52</v>
      </c>
      <c r="AP20" s="261">
        <v>30</v>
      </c>
      <c r="AQ20" s="261">
        <v>23</v>
      </c>
      <c r="AR20" s="261">
        <v>15</v>
      </c>
      <c r="AS20" s="258">
        <v>155</v>
      </c>
      <c r="AT20" s="263">
        <v>174</v>
      </c>
      <c r="AU20" s="257">
        <v>47</v>
      </c>
      <c r="AV20" s="261">
        <v>60</v>
      </c>
      <c r="AW20" s="258">
        <v>107</v>
      </c>
      <c r="AX20" s="260">
        <v>0</v>
      </c>
      <c r="AY20" s="261">
        <v>434</v>
      </c>
      <c r="AZ20" s="261">
        <v>539</v>
      </c>
      <c r="BA20" s="261">
        <v>530</v>
      </c>
      <c r="BB20" s="261">
        <v>494</v>
      </c>
      <c r="BC20" s="261">
        <v>383</v>
      </c>
      <c r="BD20" s="262">
        <v>2380</v>
      </c>
      <c r="BE20" s="263">
        <v>2487</v>
      </c>
      <c r="BF20" s="257">
        <v>0</v>
      </c>
      <c r="BG20" s="261">
        <v>0</v>
      </c>
      <c r="BH20" s="258">
        <v>0</v>
      </c>
      <c r="BI20" s="260">
        <v>0</v>
      </c>
      <c r="BJ20" s="261">
        <v>693</v>
      </c>
      <c r="BK20" s="261">
        <v>670</v>
      </c>
      <c r="BL20" s="261">
        <v>368</v>
      </c>
      <c r="BM20" s="261">
        <v>194</v>
      </c>
      <c r="BN20" s="261">
        <v>97</v>
      </c>
      <c r="BO20" s="258">
        <v>2022</v>
      </c>
      <c r="BP20" s="263">
        <v>2022</v>
      </c>
      <c r="BQ20" s="257">
        <v>59</v>
      </c>
      <c r="BR20" s="261">
        <v>90</v>
      </c>
      <c r="BS20" s="258">
        <v>149</v>
      </c>
      <c r="BT20" s="260">
        <v>0</v>
      </c>
      <c r="BU20" s="261">
        <v>189</v>
      </c>
      <c r="BV20" s="261">
        <v>226</v>
      </c>
      <c r="BW20" s="261">
        <v>109</v>
      </c>
      <c r="BX20" s="261">
        <v>60</v>
      </c>
      <c r="BY20" s="261">
        <v>29</v>
      </c>
      <c r="BZ20" s="258">
        <v>613</v>
      </c>
      <c r="CA20" s="263">
        <v>762</v>
      </c>
      <c r="CB20" s="257">
        <v>3</v>
      </c>
      <c r="CC20" s="261">
        <v>4</v>
      </c>
      <c r="CD20" s="258">
        <v>7</v>
      </c>
      <c r="CE20" s="260">
        <v>0</v>
      </c>
      <c r="CF20" s="261">
        <v>60</v>
      </c>
      <c r="CG20" s="261">
        <v>102</v>
      </c>
      <c r="CH20" s="261">
        <v>140</v>
      </c>
      <c r="CI20" s="261">
        <v>104</v>
      </c>
      <c r="CJ20" s="261">
        <v>56</v>
      </c>
      <c r="CK20" s="258">
        <v>462</v>
      </c>
      <c r="CL20" s="263">
        <v>469</v>
      </c>
      <c r="CM20" s="257">
        <v>0</v>
      </c>
      <c r="CN20" s="261">
        <v>0</v>
      </c>
      <c r="CO20" s="258">
        <v>0</v>
      </c>
      <c r="CP20" s="260">
        <v>0</v>
      </c>
      <c r="CQ20" s="261">
        <v>1</v>
      </c>
      <c r="CR20" s="261">
        <v>4</v>
      </c>
      <c r="CS20" s="261">
        <v>1</v>
      </c>
      <c r="CT20" s="261">
        <v>1</v>
      </c>
      <c r="CU20" s="261">
        <v>2</v>
      </c>
      <c r="CV20" s="258">
        <v>9</v>
      </c>
      <c r="CW20" s="263">
        <v>9</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23</v>
      </c>
      <c r="DU20" s="261">
        <v>508</v>
      </c>
      <c r="DV20" s="258">
        <v>731</v>
      </c>
      <c r="DW20" s="260">
        <v>0</v>
      </c>
      <c r="DX20" s="261">
        <v>811</v>
      </c>
      <c r="DY20" s="261">
        <v>1153</v>
      </c>
      <c r="DZ20" s="261">
        <v>716</v>
      </c>
      <c r="EA20" s="261">
        <v>531</v>
      </c>
      <c r="EB20" s="261">
        <v>343</v>
      </c>
      <c r="EC20" s="258">
        <v>3554</v>
      </c>
      <c r="ED20" s="263">
        <v>4285</v>
      </c>
      <c r="EE20" s="257">
        <v>30</v>
      </c>
      <c r="EF20" s="261">
        <v>9</v>
      </c>
      <c r="EG20" s="258">
        <v>39</v>
      </c>
      <c r="EH20" s="260">
        <v>0</v>
      </c>
      <c r="EI20" s="261">
        <v>116</v>
      </c>
      <c r="EJ20" s="261">
        <v>124</v>
      </c>
      <c r="EK20" s="261">
        <v>99</v>
      </c>
      <c r="EL20" s="261">
        <v>110</v>
      </c>
      <c r="EM20" s="261">
        <v>69</v>
      </c>
      <c r="EN20" s="258">
        <v>518</v>
      </c>
      <c r="EO20" s="263">
        <v>557</v>
      </c>
      <c r="EP20" s="257">
        <v>304</v>
      </c>
      <c r="EQ20" s="261">
        <v>626</v>
      </c>
      <c r="ER20" s="258">
        <v>930</v>
      </c>
      <c r="ES20" s="260">
        <v>0</v>
      </c>
      <c r="ET20" s="261">
        <v>1639</v>
      </c>
      <c r="EU20" s="261">
        <v>1519</v>
      </c>
      <c r="EV20" s="261">
        <v>861</v>
      </c>
      <c r="EW20" s="261">
        <v>553</v>
      </c>
      <c r="EX20" s="261">
        <v>335</v>
      </c>
      <c r="EY20" s="258">
        <v>4907</v>
      </c>
      <c r="EZ20" s="263">
        <v>5837</v>
      </c>
    </row>
    <row r="21" spans="2:156" ht="21" customHeight="1" x14ac:dyDescent="0.2">
      <c r="B21" s="472" t="s">
        <v>19</v>
      </c>
      <c r="C21" s="257">
        <v>0</v>
      </c>
      <c r="D21" s="261">
        <v>0</v>
      </c>
      <c r="E21" s="358">
        <v>0</v>
      </c>
      <c r="F21" s="260">
        <v>0</v>
      </c>
      <c r="G21" s="261">
        <v>187</v>
      </c>
      <c r="H21" s="261">
        <v>159</v>
      </c>
      <c r="I21" s="261">
        <v>97</v>
      </c>
      <c r="J21" s="261">
        <v>82</v>
      </c>
      <c r="K21" s="261">
        <v>64</v>
      </c>
      <c r="L21" s="262">
        <v>589</v>
      </c>
      <c r="M21" s="263">
        <v>589</v>
      </c>
      <c r="N21" s="257">
        <v>0</v>
      </c>
      <c r="O21" s="261">
        <v>0</v>
      </c>
      <c r="P21" s="258">
        <v>0</v>
      </c>
      <c r="Q21" s="260">
        <v>0</v>
      </c>
      <c r="R21" s="261">
        <v>5</v>
      </c>
      <c r="S21" s="261">
        <v>5</v>
      </c>
      <c r="T21" s="261">
        <v>13</v>
      </c>
      <c r="U21" s="261">
        <v>20</v>
      </c>
      <c r="V21" s="261">
        <v>28</v>
      </c>
      <c r="W21" s="258">
        <v>71</v>
      </c>
      <c r="X21" s="263">
        <v>71</v>
      </c>
      <c r="Y21" s="257">
        <v>35</v>
      </c>
      <c r="Z21" s="261">
        <v>51</v>
      </c>
      <c r="AA21" s="258">
        <v>86</v>
      </c>
      <c r="AB21" s="260">
        <v>0</v>
      </c>
      <c r="AC21" s="261">
        <v>157</v>
      </c>
      <c r="AD21" s="261">
        <v>147</v>
      </c>
      <c r="AE21" s="261">
        <v>98</v>
      </c>
      <c r="AF21" s="261">
        <v>85</v>
      </c>
      <c r="AG21" s="261">
        <v>71</v>
      </c>
      <c r="AH21" s="258">
        <v>558</v>
      </c>
      <c r="AI21" s="263">
        <v>644</v>
      </c>
      <c r="AJ21" s="257">
        <v>4</v>
      </c>
      <c r="AK21" s="261">
        <v>6</v>
      </c>
      <c r="AL21" s="258">
        <v>10</v>
      </c>
      <c r="AM21" s="260">
        <v>0</v>
      </c>
      <c r="AN21" s="261">
        <v>17</v>
      </c>
      <c r="AO21" s="261">
        <v>14</v>
      </c>
      <c r="AP21" s="261">
        <v>9</v>
      </c>
      <c r="AQ21" s="261">
        <v>12</v>
      </c>
      <c r="AR21" s="261">
        <v>2</v>
      </c>
      <c r="AS21" s="258">
        <v>54</v>
      </c>
      <c r="AT21" s="263">
        <v>64</v>
      </c>
      <c r="AU21" s="257">
        <v>36</v>
      </c>
      <c r="AV21" s="261">
        <v>30</v>
      </c>
      <c r="AW21" s="258">
        <v>66</v>
      </c>
      <c r="AX21" s="260">
        <v>0</v>
      </c>
      <c r="AY21" s="261">
        <v>195</v>
      </c>
      <c r="AZ21" s="261">
        <v>221</v>
      </c>
      <c r="BA21" s="261">
        <v>198</v>
      </c>
      <c r="BB21" s="261">
        <v>169</v>
      </c>
      <c r="BC21" s="261">
        <v>145</v>
      </c>
      <c r="BD21" s="262">
        <v>928</v>
      </c>
      <c r="BE21" s="263">
        <v>994</v>
      </c>
      <c r="BF21" s="257">
        <v>0</v>
      </c>
      <c r="BG21" s="261">
        <v>0</v>
      </c>
      <c r="BH21" s="258">
        <v>0</v>
      </c>
      <c r="BI21" s="260">
        <v>0</v>
      </c>
      <c r="BJ21" s="261">
        <v>270</v>
      </c>
      <c r="BK21" s="261">
        <v>226</v>
      </c>
      <c r="BL21" s="261">
        <v>131</v>
      </c>
      <c r="BM21" s="261">
        <v>56</v>
      </c>
      <c r="BN21" s="261">
        <v>43</v>
      </c>
      <c r="BO21" s="258">
        <v>726</v>
      </c>
      <c r="BP21" s="263">
        <v>726</v>
      </c>
      <c r="BQ21" s="257">
        <v>35</v>
      </c>
      <c r="BR21" s="261">
        <v>63</v>
      </c>
      <c r="BS21" s="258">
        <v>98</v>
      </c>
      <c r="BT21" s="260">
        <v>0</v>
      </c>
      <c r="BU21" s="261">
        <v>108</v>
      </c>
      <c r="BV21" s="261">
        <v>108</v>
      </c>
      <c r="BW21" s="261">
        <v>65</v>
      </c>
      <c r="BX21" s="261">
        <v>26</v>
      </c>
      <c r="BY21" s="261">
        <v>12</v>
      </c>
      <c r="BZ21" s="258">
        <v>319</v>
      </c>
      <c r="CA21" s="263">
        <v>417</v>
      </c>
      <c r="CB21" s="257">
        <v>4</v>
      </c>
      <c r="CC21" s="261">
        <v>4</v>
      </c>
      <c r="CD21" s="258">
        <v>8</v>
      </c>
      <c r="CE21" s="260">
        <v>0</v>
      </c>
      <c r="CF21" s="261">
        <v>22</v>
      </c>
      <c r="CG21" s="261">
        <v>44</v>
      </c>
      <c r="CH21" s="261">
        <v>55</v>
      </c>
      <c r="CI21" s="261">
        <v>22</v>
      </c>
      <c r="CJ21" s="261">
        <v>16</v>
      </c>
      <c r="CK21" s="258">
        <v>159</v>
      </c>
      <c r="CL21" s="263">
        <v>167</v>
      </c>
      <c r="CM21" s="257">
        <v>0</v>
      </c>
      <c r="CN21" s="261">
        <v>1</v>
      </c>
      <c r="CO21" s="258">
        <v>1</v>
      </c>
      <c r="CP21" s="260">
        <v>0</v>
      </c>
      <c r="CQ21" s="261">
        <v>4</v>
      </c>
      <c r="CR21" s="261">
        <v>9</v>
      </c>
      <c r="CS21" s="261">
        <v>9</v>
      </c>
      <c r="CT21" s="261">
        <v>11</v>
      </c>
      <c r="CU21" s="261">
        <v>6</v>
      </c>
      <c r="CV21" s="258">
        <v>39</v>
      </c>
      <c r="CW21" s="263">
        <v>40</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33</v>
      </c>
      <c r="DU21" s="261">
        <v>225</v>
      </c>
      <c r="DV21" s="258">
        <v>358</v>
      </c>
      <c r="DW21" s="260">
        <v>0</v>
      </c>
      <c r="DX21" s="261">
        <v>412</v>
      </c>
      <c r="DY21" s="261">
        <v>452</v>
      </c>
      <c r="DZ21" s="261">
        <v>277</v>
      </c>
      <c r="EA21" s="261">
        <v>190</v>
      </c>
      <c r="EB21" s="261">
        <v>140</v>
      </c>
      <c r="EC21" s="258">
        <v>1471</v>
      </c>
      <c r="ED21" s="263">
        <v>1829</v>
      </c>
      <c r="EE21" s="257">
        <v>13</v>
      </c>
      <c r="EF21" s="261">
        <v>15</v>
      </c>
      <c r="EG21" s="258">
        <v>28</v>
      </c>
      <c r="EH21" s="260">
        <v>0</v>
      </c>
      <c r="EI21" s="261">
        <v>69</v>
      </c>
      <c r="EJ21" s="261">
        <v>64</v>
      </c>
      <c r="EK21" s="261">
        <v>57</v>
      </c>
      <c r="EL21" s="261">
        <v>37</v>
      </c>
      <c r="EM21" s="261">
        <v>26</v>
      </c>
      <c r="EN21" s="258">
        <v>253</v>
      </c>
      <c r="EO21" s="263">
        <v>281</v>
      </c>
      <c r="EP21" s="257">
        <v>185</v>
      </c>
      <c r="EQ21" s="261">
        <v>285</v>
      </c>
      <c r="ER21" s="258">
        <v>470</v>
      </c>
      <c r="ES21" s="260">
        <v>0</v>
      </c>
      <c r="ET21" s="261">
        <v>736</v>
      </c>
      <c r="EU21" s="261">
        <v>589</v>
      </c>
      <c r="EV21" s="261">
        <v>313</v>
      </c>
      <c r="EW21" s="261">
        <v>184</v>
      </c>
      <c r="EX21" s="261">
        <v>132</v>
      </c>
      <c r="EY21" s="258">
        <v>1954</v>
      </c>
      <c r="EZ21" s="263">
        <v>2424</v>
      </c>
    </row>
    <row r="22" spans="2:156" ht="21" customHeight="1" x14ac:dyDescent="0.2">
      <c r="B22" s="472" t="s">
        <v>20</v>
      </c>
      <c r="C22" s="257">
        <v>0</v>
      </c>
      <c r="D22" s="261">
        <v>0</v>
      </c>
      <c r="E22" s="358">
        <v>0</v>
      </c>
      <c r="F22" s="260">
        <v>0</v>
      </c>
      <c r="G22" s="261">
        <v>274</v>
      </c>
      <c r="H22" s="261">
        <v>174</v>
      </c>
      <c r="I22" s="261">
        <v>148</v>
      </c>
      <c r="J22" s="261">
        <v>95</v>
      </c>
      <c r="K22" s="261">
        <v>72</v>
      </c>
      <c r="L22" s="262">
        <v>763</v>
      </c>
      <c r="M22" s="263">
        <v>763</v>
      </c>
      <c r="N22" s="257">
        <v>0</v>
      </c>
      <c r="O22" s="261">
        <v>0</v>
      </c>
      <c r="P22" s="258">
        <v>0</v>
      </c>
      <c r="Q22" s="260">
        <v>0</v>
      </c>
      <c r="R22" s="261">
        <v>2</v>
      </c>
      <c r="S22" s="261">
        <v>6</v>
      </c>
      <c r="T22" s="261">
        <v>12</v>
      </c>
      <c r="U22" s="261">
        <v>26</v>
      </c>
      <c r="V22" s="261">
        <v>40</v>
      </c>
      <c r="W22" s="258">
        <v>86</v>
      </c>
      <c r="X22" s="263">
        <v>86</v>
      </c>
      <c r="Y22" s="257">
        <v>43</v>
      </c>
      <c r="Z22" s="261">
        <v>93</v>
      </c>
      <c r="AA22" s="258">
        <v>136</v>
      </c>
      <c r="AB22" s="260">
        <v>0</v>
      </c>
      <c r="AC22" s="261">
        <v>241</v>
      </c>
      <c r="AD22" s="261">
        <v>185</v>
      </c>
      <c r="AE22" s="261">
        <v>116</v>
      </c>
      <c r="AF22" s="261">
        <v>89</v>
      </c>
      <c r="AG22" s="261">
        <v>56</v>
      </c>
      <c r="AH22" s="258">
        <v>687</v>
      </c>
      <c r="AI22" s="263">
        <v>823</v>
      </c>
      <c r="AJ22" s="257">
        <v>12</v>
      </c>
      <c r="AK22" s="261">
        <v>40</v>
      </c>
      <c r="AL22" s="258">
        <v>52</v>
      </c>
      <c r="AM22" s="260">
        <v>0</v>
      </c>
      <c r="AN22" s="261">
        <v>62</v>
      </c>
      <c r="AO22" s="261">
        <v>59</v>
      </c>
      <c r="AP22" s="261">
        <v>34</v>
      </c>
      <c r="AQ22" s="261">
        <v>30</v>
      </c>
      <c r="AR22" s="261">
        <v>14</v>
      </c>
      <c r="AS22" s="258">
        <v>199</v>
      </c>
      <c r="AT22" s="263">
        <v>251</v>
      </c>
      <c r="AU22" s="257">
        <v>26</v>
      </c>
      <c r="AV22" s="261">
        <v>39</v>
      </c>
      <c r="AW22" s="258">
        <v>65</v>
      </c>
      <c r="AX22" s="260">
        <v>0</v>
      </c>
      <c r="AY22" s="261">
        <v>243</v>
      </c>
      <c r="AZ22" s="261">
        <v>214</v>
      </c>
      <c r="BA22" s="261">
        <v>256</v>
      </c>
      <c r="BB22" s="261">
        <v>206</v>
      </c>
      <c r="BC22" s="261">
        <v>155</v>
      </c>
      <c r="BD22" s="262">
        <v>1074</v>
      </c>
      <c r="BE22" s="263">
        <v>1139</v>
      </c>
      <c r="BF22" s="257">
        <v>0</v>
      </c>
      <c r="BG22" s="261">
        <v>0</v>
      </c>
      <c r="BH22" s="258">
        <v>0</v>
      </c>
      <c r="BI22" s="260">
        <v>0</v>
      </c>
      <c r="BJ22" s="261">
        <v>324</v>
      </c>
      <c r="BK22" s="261">
        <v>245</v>
      </c>
      <c r="BL22" s="261">
        <v>150</v>
      </c>
      <c r="BM22" s="261">
        <v>75</v>
      </c>
      <c r="BN22" s="261">
        <v>36</v>
      </c>
      <c r="BO22" s="258">
        <v>830</v>
      </c>
      <c r="BP22" s="263">
        <v>830</v>
      </c>
      <c r="BQ22" s="257">
        <v>17</v>
      </c>
      <c r="BR22" s="261">
        <v>28</v>
      </c>
      <c r="BS22" s="258">
        <v>45</v>
      </c>
      <c r="BT22" s="260">
        <v>0</v>
      </c>
      <c r="BU22" s="261">
        <v>120</v>
      </c>
      <c r="BV22" s="261">
        <v>102</v>
      </c>
      <c r="BW22" s="261">
        <v>55</v>
      </c>
      <c r="BX22" s="261">
        <v>41</v>
      </c>
      <c r="BY22" s="261">
        <v>13</v>
      </c>
      <c r="BZ22" s="258">
        <v>331</v>
      </c>
      <c r="CA22" s="263">
        <v>376</v>
      </c>
      <c r="CB22" s="257">
        <v>2</v>
      </c>
      <c r="CC22" s="261">
        <v>6</v>
      </c>
      <c r="CD22" s="258">
        <v>8</v>
      </c>
      <c r="CE22" s="260">
        <v>0</v>
      </c>
      <c r="CF22" s="261">
        <v>49</v>
      </c>
      <c r="CG22" s="261">
        <v>63</v>
      </c>
      <c r="CH22" s="261">
        <v>77</v>
      </c>
      <c r="CI22" s="261">
        <v>59</v>
      </c>
      <c r="CJ22" s="261">
        <v>20</v>
      </c>
      <c r="CK22" s="258">
        <v>268</v>
      </c>
      <c r="CL22" s="263">
        <v>276</v>
      </c>
      <c r="CM22" s="257">
        <v>0</v>
      </c>
      <c r="CN22" s="261">
        <v>0</v>
      </c>
      <c r="CO22" s="258">
        <v>0</v>
      </c>
      <c r="CP22" s="260">
        <v>0</v>
      </c>
      <c r="CQ22" s="261">
        <v>3</v>
      </c>
      <c r="CR22" s="261">
        <v>7</v>
      </c>
      <c r="CS22" s="261">
        <v>9</v>
      </c>
      <c r="CT22" s="261">
        <v>6</v>
      </c>
      <c r="CU22" s="261">
        <v>2</v>
      </c>
      <c r="CV22" s="258">
        <v>27</v>
      </c>
      <c r="CW22" s="263">
        <v>27</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34</v>
      </c>
      <c r="DU22" s="261">
        <v>336</v>
      </c>
      <c r="DV22" s="258">
        <v>470</v>
      </c>
      <c r="DW22" s="260">
        <v>0</v>
      </c>
      <c r="DX22" s="261">
        <v>545</v>
      </c>
      <c r="DY22" s="261">
        <v>464</v>
      </c>
      <c r="DZ22" s="261">
        <v>323</v>
      </c>
      <c r="EA22" s="261">
        <v>240</v>
      </c>
      <c r="EB22" s="261">
        <v>128</v>
      </c>
      <c r="EC22" s="258">
        <v>1700</v>
      </c>
      <c r="ED22" s="263">
        <v>2170</v>
      </c>
      <c r="EE22" s="257">
        <v>14</v>
      </c>
      <c r="EF22" s="261">
        <v>10</v>
      </c>
      <c r="EG22" s="258">
        <v>24</v>
      </c>
      <c r="EH22" s="260">
        <v>0</v>
      </c>
      <c r="EI22" s="261">
        <v>75</v>
      </c>
      <c r="EJ22" s="261">
        <v>57</v>
      </c>
      <c r="EK22" s="261">
        <v>60</v>
      </c>
      <c r="EL22" s="261">
        <v>58</v>
      </c>
      <c r="EM22" s="261">
        <v>34</v>
      </c>
      <c r="EN22" s="258">
        <v>284</v>
      </c>
      <c r="EO22" s="263">
        <v>308</v>
      </c>
      <c r="EP22" s="257">
        <v>190</v>
      </c>
      <c r="EQ22" s="261">
        <v>425</v>
      </c>
      <c r="ER22" s="258">
        <v>615</v>
      </c>
      <c r="ES22" s="260">
        <v>0</v>
      </c>
      <c r="ET22" s="261">
        <v>1015</v>
      </c>
      <c r="EU22" s="261">
        <v>645</v>
      </c>
      <c r="EV22" s="261">
        <v>404</v>
      </c>
      <c r="EW22" s="261">
        <v>260</v>
      </c>
      <c r="EX22" s="261">
        <v>130</v>
      </c>
      <c r="EY22" s="258">
        <v>2454</v>
      </c>
      <c r="EZ22" s="263">
        <v>3069</v>
      </c>
    </row>
    <row r="23" spans="2:156" ht="21" customHeight="1" x14ac:dyDescent="0.2">
      <c r="B23" s="472" t="s">
        <v>21</v>
      </c>
      <c r="C23" s="257">
        <v>0</v>
      </c>
      <c r="D23" s="261">
        <v>0</v>
      </c>
      <c r="E23" s="358">
        <v>0</v>
      </c>
      <c r="F23" s="260">
        <v>0</v>
      </c>
      <c r="G23" s="261">
        <v>247</v>
      </c>
      <c r="H23" s="261">
        <v>348</v>
      </c>
      <c r="I23" s="261">
        <v>176</v>
      </c>
      <c r="J23" s="261">
        <v>150</v>
      </c>
      <c r="K23" s="261">
        <v>92</v>
      </c>
      <c r="L23" s="262">
        <v>1013</v>
      </c>
      <c r="M23" s="263">
        <v>1013</v>
      </c>
      <c r="N23" s="257">
        <v>0</v>
      </c>
      <c r="O23" s="261">
        <v>0</v>
      </c>
      <c r="P23" s="258">
        <v>0</v>
      </c>
      <c r="Q23" s="260">
        <v>0</v>
      </c>
      <c r="R23" s="261">
        <v>1</v>
      </c>
      <c r="S23" s="261">
        <v>6</v>
      </c>
      <c r="T23" s="261">
        <v>14</v>
      </c>
      <c r="U23" s="261">
        <v>31</v>
      </c>
      <c r="V23" s="261">
        <v>42</v>
      </c>
      <c r="W23" s="258">
        <v>94</v>
      </c>
      <c r="X23" s="263">
        <v>94</v>
      </c>
      <c r="Y23" s="257">
        <v>48</v>
      </c>
      <c r="Z23" s="261">
        <v>100</v>
      </c>
      <c r="AA23" s="258">
        <v>148</v>
      </c>
      <c r="AB23" s="260">
        <v>0</v>
      </c>
      <c r="AC23" s="261">
        <v>203</v>
      </c>
      <c r="AD23" s="261">
        <v>273</v>
      </c>
      <c r="AE23" s="261">
        <v>144</v>
      </c>
      <c r="AF23" s="261">
        <v>145</v>
      </c>
      <c r="AG23" s="261">
        <v>78</v>
      </c>
      <c r="AH23" s="258">
        <v>843</v>
      </c>
      <c r="AI23" s="263">
        <v>991</v>
      </c>
      <c r="AJ23" s="257">
        <v>15</v>
      </c>
      <c r="AK23" s="261">
        <v>27</v>
      </c>
      <c r="AL23" s="258">
        <v>42</v>
      </c>
      <c r="AM23" s="260">
        <v>0</v>
      </c>
      <c r="AN23" s="261">
        <v>22</v>
      </c>
      <c r="AO23" s="261">
        <v>40</v>
      </c>
      <c r="AP23" s="261">
        <v>16</v>
      </c>
      <c r="AQ23" s="261">
        <v>11</v>
      </c>
      <c r="AR23" s="261">
        <v>8</v>
      </c>
      <c r="AS23" s="258">
        <v>97</v>
      </c>
      <c r="AT23" s="263">
        <v>139</v>
      </c>
      <c r="AU23" s="257">
        <v>42</v>
      </c>
      <c r="AV23" s="261">
        <v>39</v>
      </c>
      <c r="AW23" s="258">
        <v>81</v>
      </c>
      <c r="AX23" s="260">
        <v>0</v>
      </c>
      <c r="AY23" s="261">
        <v>257</v>
      </c>
      <c r="AZ23" s="261">
        <v>339</v>
      </c>
      <c r="BA23" s="261">
        <v>294</v>
      </c>
      <c r="BB23" s="261">
        <v>252</v>
      </c>
      <c r="BC23" s="261">
        <v>195</v>
      </c>
      <c r="BD23" s="262">
        <v>1337</v>
      </c>
      <c r="BE23" s="263">
        <v>1418</v>
      </c>
      <c r="BF23" s="257">
        <v>0</v>
      </c>
      <c r="BG23" s="261">
        <v>0</v>
      </c>
      <c r="BH23" s="258">
        <v>0</v>
      </c>
      <c r="BI23" s="260">
        <v>0</v>
      </c>
      <c r="BJ23" s="261">
        <v>322</v>
      </c>
      <c r="BK23" s="261">
        <v>345</v>
      </c>
      <c r="BL23" s="261">
        <v>201</v>
      </c>
      <c r="BM23" s="261">
        <v>113</v>
      </c>
      <c r="BN23" s="261">
        <v>34</v>
      </c>
      <c r="BO23" s="258">
        <v>1015</v>
      </c>
      <c r="BP23" s="263">
        <v>1015</v>
      </c>
      <c r="BQ23" s="257">
        <v>25</v>
      </c>
      <c r="BR23" s="261">
        <v>40</v>
      </c>
      <c r="BS23" s="258">
        <v>65</v>
      </c>
      <c r="BT23" s="260">
        <v>0</v>
      </c>
      <c r="BU23" s="261">
        <v>62</v>
      </c>
      <c r="BV23" s="261">
        <v>72</v>
      </c>
      <c r="BW23" s="261">
        <v>37</v>
      </c>
      <c r="BX23" s="261">
        <v>22</v>
      </c>
      <c r="BY23" s="261">
        <v>11</v>
      </c>
      <c r="BZ23" s="258">
        <v>204</v>
      </c>
      <c r="CA23" s="263">
        <v>269</v>
      </c>
      <c r="CB23" s="257">
        <v>2</v>
      </c>
      <c r="CC23" s="261">
        <v>4</v>
      </c>
      <c r="CD23" s="258">
        <v>6</v>
      </c>
      <c r="CE23" s="260">
        <v>0</v>
      </c>
      <c r="CF23" s="261">
        <v>24</v>
      </c>
      <c r="CG23" s="261">
        <v>48</v>
      </c>
      <c r="CH23" s="261">
        <v>80</v>
      </c>
      <c r="CI23" s="261">
        <v>67</v>
      </c>
      <c r="CJ23" s="261">
        <v>32</v>
      </c>
      <c r="CK23" s="258">
        <v>251</v>
      </c>
      <c r="CL23" s="263">
        <v>257</v>
      </c>
      <c r="CM23" s="257">
        <v>0</v>
      </c>
      <c r="CN23" s="261">
        <v>0</v>
      </c>
      <c r="CO23" s="258">
        <v>0</v>
      </c>
      <c r="CP23" s="260">
        <v>0</v>
      </c>
      <c r="CQ23" s="261">
        <v>2</v>
      </c>
      <c r="CR23" s="261">
        <v>2</v>
      </c>
      <c r="CS23" s="261">
        <v>3</v>
      </c>
      <c r="CT23" s="261">
        <v>4</v>
      </c>
      <c r="CU23" s="261">
        <v>1</v>
      </c>
      <c r="CV23" s="258">
        <v>12</v>
      </c>
      <c r="CW23" s="263">
        <v>12</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86</v>
      </c>
      <c r="DU23" s="261">
        <v>312</v>
      </c>
      <c r="DV23" s="258">
        <v>498</v>
      </c>
      <c r="DW23" s="260">
        <v>0</v>
      </c>
      <c r="DX23" s="261">
        <v>356</v>
      </c>
      <c r="DY23" s="261">
        <v>652</v>
      </c>
      <c r="DZ23" s="261">
        <v>378</v>
      </c>
      <c r="EA23" s="261">
        <v>300</v>
      </c>
      <c r="EB23" s="261">
        <v>158</v>
      </c>
      <c r="EC23" s="258">
        <v>1844</v>
      </c>
      <c r="ED23" s="263">
        <v>2342</v>
      </c>
      <c r="EE23" s="257">
        <v>14</v>
      </c>
      <c r="EF23" s="261">
        <v>15</v>
      </c>
      <c r="EG23" s="258">
        <v>29</v>
      </c>
      <c r="EH23" s="260">
        <v>0</v>
      </c>
      <c r="EI23" s="261">
        <v>74</v>
      </c>
      <c r="EJ23" s="261">
        <v>62</v>
      </c>
      <c r="EK23" s="261">
        <v>72</v>
      </c>
      <c r="EL23" s="261">
        <v>52</v>
      </c>
      <c r="EM23" s="261">
        <v>48</v>
      </c>
      <c r="EN23" s="258">
        <v>308</v>
      </c>
      <c r="EO23" s="263">
        <v>337</v>
      </c>
      <c r="EP23" s="257">
        <v>255</v>
      </c>
      <c r="EQ23" s="261">
        <v>406</v>
      </c>
      <c r="ER23" s="258">
        <v>661</v>
      </c>
      <c r="ES23" s="260">
        <v>0</v>
      </c>
      <c r="ET23" s="261">
        <v>821</v>
      </c>
      <c r="EU23" s="261">
        <v>911</v>
      </c>
      <c r="EV23" s="261">
        <v>469</v>
      </c>
      <c r="EW23" s="261">
        <v>326</v>
      </c>
      <c r="EX23" s="261">
        <v>173</v>
      </c>
      <c r="EY23" s="258">
        <v>2700</v>
      </c>
      <c r="EZ23" s="263">
        <v>3361</v>
      </c>
    </row>
    <row r="24" spans="2:156" ht="21" customHeight="1" x14ac:dyDescent="0.2">
      <c r="B24" s="472" t="s">
        <v>22</v>
      </c>
      <c r="C24" s="257">
        <v>0</v>
      </c>
      <c r="D24" s="261">
        <v>0</v>
      </c>
      <c r="E24" s="358">
        <v>0</v>
      </c>
      <c r="F24" s="260">
        <v>0</v>
      </c>
      <c r="G24" s="261">
        <v>74</v>
      </c>
      <c r="H24" s="261">
        <v>56</v>
      </c>
      <c r="I24" s="261">
        <v>37</v>
      </c>
      <c r="J24" s="261">
        <v>36</v>
      </c>
      <c r="K24" s="261">
        <v>32</v>
      </c>
      <c r="L24" s="262">
        <v>235</v>
      </c>
      <c r="M24" s="263">
        <v>235</v>
      </c>
      <c r="N24" s="257">
        <v>0</v>
      </c>
      <c r="O24" s="261">
        <v>0</v>
      </c>
      <c r="P24" s="258">
        <v>0</v>
      </c>
      <c r="Q24" s="260">
        <v>0</v>
      </c>
      <c r="R24" s="261">
        <v>2</v>
      </c>
      <c r="S24" s="261">
        <v>2</v>
      </c>
      <c r="T24" s="261">
        <v>6</v>
      </c>
      <c r="U24" s="261">
        <v>8</v>
      </c>
      <c r="V24" s="261">
        <v>15</v>
      </c>
      <c r="W24" s="258">
        <v>33</v>
      </c>
      <c r="X24" s="263">
        <v>33</v>
      </c>
      <c r="Y24" s="257">
        <v>8</v>
      </c>
      <c r="Z24" s="261">
        <v>8</v>
      </c>
      <c r="AA24" s="258">
        <v>16</v>
      </c>
      <c r="AB24" s="260">
        <v>0</v>
      </c>
      <c r="AC24" s="261">
        <v>53</v>
      </c>
      <c r="AD24" s="261">
        <v>67</v>
      </c>
      <c r="AE24" s="261">
        <v>47</v>
      </c>
      <c r="AF24" s="261">
        <v>36</v>
      </c>
      <c r="AG24" s="261">
        <v>31</v>
      </c>
      <c r="AH24" s="258">
        <v>234</v>
      </c>
      <c r="AI24" s="263">
        <v>250</v>
      </c>
      <c r="AJ24" s="257">
        <v>0</v>
      </c>
      <c r="AK24" s="261">
        <v>3</v>
      </c>
      <c r="AL24" s="258">
        <v>3</v>
      </c>
      <c r="AM24" s="260">
        <v>0</v>
      </c>
      <c r="AN24" s="261">
        <v>6</v>
      </c>
      <c r="AO24" s="261">
        <v>7</v>
      </c>
      <c r="AP24" s="261">
        <v>4</v>
      </c>
      <c r="AQ24" s="261">
        <v>4</v>
      </c>
      <c r="AR24" s="261">
        <v>3</v>
      </c>
      <c r="AS24" s="258">
        <v>24</v>
      </c>
      <c r="AT24" s="263">
        <v>27</v>
      </c>
      <c r="AU24" s="257">
        <v>6</v>
      </c>
      <c r="AV24" s="261">
        <v>10</v>
      </c>
      <c r="AW24" s="258">
        <v>16</v>
      </c>
      <c r="AX24" s="260">
        <v>0</v>
      </c>
      <c r="AY24" s="261">
        <v>58</v>
      </c>
      <c r="AZ24" s="261">
        <v>75</v>
      </c>
      <c r="BA24" s="261">
        <v>68</v>
      </c>
      <c r="BB24" s="261">
        <v>65</v>
      </c>
      <c r="BC24" s="261">
        <v>40</v>
      </c>
      <c r="BD24" s="262">
        <v>306</v>
      </c>
      <c r="BE24" s="263">
        <v>322</v>
      </c>
      <c r="BF24" s="257">
        <v>0</v>
      </c>
      <c r="BG24" s="261">
        <v>0</v>
      </c>
      <c r="BH24" s="258">
        <v>0</v>
      </c>
      <c r="BI24" s="260">
        <v>0</v>
      </c>
      <c r="BJ24" s="261">
        <v>109</v>
      </c>
      <c r="BK24" s="261">
        <v>106</v>
      </c>
      <c r="BL24" s="261">
        <v>54</v>
      </c>
      <c r="BM24" s="261">
        <v>33</v>
      </c>
      <c r="BN24" s="261">
        <v>19</v>
      </c>
      <c r="BO24" s="258">
        <v>321</v>
      </c>
      <c r="BP24" s="263">
        <v>321</v>
      </c>
      <c r="BQ24" s="257">
        <v>2</v>
      </c>
      <c r="BR24" s="261">
        <v>9</v>
      </c>
      <c r="BS24" s="258">
        <v>11</v>
      </c>
      <c r="BT24" s="260">
        <v>0</v>
      </c>
      <c r="BU24" s="261">
        <v>23</v>
      </c>
      <c r="BV24" s="261">
        <v>35</v>
      </c>
      <c r="BW24" s="261">
        <v>18</v>
      </c>
      <c r="BX24" s="261">
        <v>13</v>
      </c>
      <c r="BY24" s="261">
        <v>9</v>
      </c>
      <c r="BZ24" s="258">
        <v>98</v>
      </c>
      <c r="CA24" s="263">
        <v>109</v>
      </c>
      <c r="CB24" s="257">
        <v>0</v>
      </c>
      <c r="CC24" s="261">
        <v>2</v>
      </c>
      <c r="CD24" s="258">
        <v>2</v>
      </c>
      <c r="CE24" s="260">
        <v>0</v>
      </c>
      <c r="CF24" s="261">
        <v>17</v>
      </c>
      <c r="CG24" s="261">
        <v>16</v>
      </c>
      <c r="CH24" s="261">
        <v>22</v>
      </c>
      <c r="CI24" s="261">
        <v>16</v>
      </c>
      <c r="CJ24" s="261">
        <v>10</v>
      </c>
      <c r="CK24" s="258">
        <v>81</v>
      </c>
      <c r="CL24" s="263">
        <v>83</v>
      </c>
      <c r="CM24" s="257">
        <v>0</v>
      </c>
      <c r="CN24" s="261">
        <v>0</v>
      </c>
      <c r="CO24" s="258">
        <v>0</v>
      </c>
      <c r="CP24" s="260">
        <v>0</v>
      </c>
      <c r="CQ24" s="261">
        <v>1</v>
      </c>
      <c r="CR24" s="261">
        <v>4</v>
      </c>
      <c r="CS24" s="261">
        <v>6</v>
      </c>
      <c r="CT24" s="261">
        <v>5</v>
      </c>
      <c r="CU24" s="261">
        <v>2</v>
      </c>
      <c r="CV24" s="258">
        <v>18</v>
      </c>
      <c r="CW24" s="263">
        <v>18</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43</v>
      </c>
      <c r="DU24" s="261">
        <v>142</v>
      </c>
      <c r="DV24" s="258">
        <v>185</v>
      </c>
      <c r="DW24" s="260">
        <v>0</v>
      </c>
      <c r="DX24" s="261">
        <v>188</v>
      </c>
      <c r="DY24" s="261">
        <v>238</v>
      </c>
      <c r="DZ24" s="261">
        <v>131</v>
      </c>
      <c r="EA24" s="261">
        <v>93</v>
      </c>
      <c r="EB24" s="261">
        <v>66</v>
      </c>
      <c r="EC24" s="258">
        <v>716</v>
      </c>
      <c r="ED24" s="263">
        <v>901</v>
      </c>
      <c r="EE24" s="257">
        <v>7</v>
      </c>
      <c r="EF24" s="261">
        <v>6</v>
      </c>
      <c r="EG24" s="258">
        <v>13</v>
      </c>
      <c r="EH24" s="260">
        <v>0</v>
      </c>
      <c r="EI24" s="261">
        <v>28</v>
      </c>
      <c r="EJ24" s="261">
        <v>21</v>
      </c>
      <c r="EK24" s="261">
        <v>26</v>
      </c>
      <c r="EL24" s="261">
        <v>26</v>
      </c>
      <c r="EM24" s="261">
        <v>9</v>
      </c>
      <c r="EN24" s="258">
        <v>110</v>
      </c>
      <c r="EO24" s="263">
        <v>123</v>
      </c>
      <c r="EP24" s="257">
        <v>50</v>
      </c>
      <c r="EQ24" s="261">
        <v>153</v>
      </c>
      <c r="ER24" s="258">
        <v>203</v>
      </c>
      <c r="ES24" s="260">
        <v>0</v>
      </c>
      <c r="ET24" s="261">
        <v>335</v>
      </c>
      <c r="EU24" s="261">
        <v>305</v>
      </c>
      <c r="EV24" s="261">
        <v>152</v>
      </c>
      <c r="EW24" s="261">
        <v>100</v>
      </c>
      <c r="EX24" s="261">
        <v>68</v>
      </c>
      <c r="EY24" s="258">
        <v>960</v>
      </c>
      <c r="EZ24" s="263">
        <v>1163</v>
      </c>
    </row>
    <row r="25" spans="2:156" ht="21" customHeight="1" x14ac:dyDescent="0.2">
      <c r="B25" s="472" t="s">
        <v>23</v>
      </c>
      <c r="C25" s="257">
        <v>0</v>
      </c>
      <c r="D25" s="261">
        <v>0</v>
      </c>
      <c r="E25" s="358">
        <v>0</v>
      </c>
      <c r="F25" s="260">
        <v>0</v>
      </c>
      <c r="G25" s="261">
        <v>143</v>
      </c>
      <c r="H25" s="261">
        <v>137</v>
      </c>
      <c r="I25" s="261">
        <v>77</v>
      </c>
      <c r="J25" s="261">
        <v>59</v>
      </c>
      <c r="K25" s="261">
        <v>34</v>
      </c>
      <c r="L25" s="262">
        <v>450</v>
      </c>
      <c r="M25" s="263">
        <v>450</v>
      </c>
      <c r="N25" s="257">
        <v>0</v>
      </c>
      <c r="O25" s="261">
        <v>0</v>
      </c>
      <c r="P25" s="258">
        <v>0</v>
      </c>
      <c r="Q25" s="260">
        <v>0</v>
      </c>
      <c r="R25" s="261">
        <v>1</v>
      </c>
      <c r="S25" s="261">
        <v>4</v>
      </c>
      <c r="T25" s="261">
        <v>7</v>
      </c>
      <c r="U25" s="261">
        <v>18</v>
      </c>
      <c r="V25" s="261">
        <v>20</v>
      </c>
      <c r="W25" s="258">
        <v>50</v>
      </c>
      <c r="X25" s="263">
        <v>50</v>
      </c>
      <c r="Y25" s="257">
        <v>32</v>
      </c>
      <c r="Z25" s="261">
        <v>53</v>
      </c>
      <c r="AA25" s="258">
        <v>85</v>
      </c>
      <c r="AB25" s="260">
        <v>0</v>
      </c>
      <c r="AC25" s="261">
        <v>88</v>
      </c>
      <c r="AD25" s="261">
        <v>149</v>
      </c>
      <c r="AE25" s="261">
        <v>59</v>
      </c>
      <c r="AF25" s="261">
        <v>78</v>
      </c>
      <c r="AG25" s="261">
        <v>39</v>
      </c>
      <c r="AH25" s="258">
        <v>413</v>
      </c>
      <c r="AI25" s="263">
        <v>498</v>
      </c>
      <c r="AJ25" s="257">
        <v>4</v>
      </c>
      <c r="AK25" s="261">
        <v>7</v>
      </c>
      <c r="AL25" s="258">
        <v>11</v>
      </c>
      <c r="AM25" s="260">
        <v>0</v>
      </c>
      <c r="AN25" s="261">
        <v>8</v>
      </c>
      <c r="AO25" s="261">
        <v>22</v>
      </c>
      <c r="AP25" s="261">
        <v>8</v>
      </c>
      <c r="AQ25" s="261">
        <v>9</v>
      </c>
      <c r="AR25" s="261">
        <v>7</v>
      </c>
      <c r="AS25" s="258">
        <v>54</v>
      </c>
      <c r="AT25" s="263">
        <v>65</v>
      </c>
      <c r="AU25" s="257">
        <v>17</v>
      </c>
      <c r="AV25" s="261">
        <v>10</v>
      </c>
      <c r="AW25" s="258">
        <v>27</v>
      </c>
      <c r="AX25" s="260">
        <v>0</v>
      </c>
      <c r="AY25" s="261">
        <v>160</v>
      </c>
      <c r="AZ25" s="261">
        <v>146</v>
      </c>
      <c r="BA25" s="261">
        <v>116</v>
      </c>
      <c r="BB25" s="261">
        <v>177</v>
      </c>
      <c r="BC25" s="261">
        <v>116</v>
      </c>
      <c r="BD25" s="262">
        <v>715</v>
      </c>
      <c r="BE25" s="263">
        <v>742</v>
      </c>
      <c r="BF25" s="257">
        <v>0</v>
      </c>
      <c r="BG25" s="261">
        <v>0</v>
      </c>
      <c r="BH25" s="258">
        <v>0</v>
      </c>
      <c r="BI25" s="260">
        <v>0</v>
      </c>
      <c r="BJ25" s="261">
        <v>286</v>
      </c>
      <c r="BK25" s="261">
        <v>252</v>
      </c>
      <c r="BL25" s="261">
        <v>125</v>
      </c>
      <c r="BM25" s="261">
        <v>86</v>
      </c>
      <c r="BN25" s="261">
        <v>35</v>
      </c>
      <c r="BO25" s="258">
        <v>784</v>
      </c>
      <c r="BP25" s="263">
        <v>784</v>
      </c>
      <c r="BQ25" s="257">
        <v>3</v>
      </c>
      <c r="BR25" s="261">
        <v>11</v>
      </c>
      <c r="BS25" s="258">
        <v>14</v>
      </c>
      <c r="BT25" s="260">
        <v>0</v>
      </c>
      <c r="BU25" s="261">
        <v>36</v>
      </c>
      <c r="BV25" s="261">
        <v>54</v>
      </c>
      <c r="BW25" s="261">
        <v>33</v>
      </c>
      <c r="BX25" s="261">
        <v>23</v>
      </c>
      <c r="BY25" s="261">
        <v>7</v>
      </c>
      <c r="BZ25" s="258">
        <v>153</v>
      </c>
      <c r="CA25" s="263">
        <v>167</v>
      </c>
      <c r="CB25" s="257">
        <v>1</v>
      </c>
      <c r="CC25" s="261">
        <v>1</v>
      </c>
      <c r="CD25" s="258">
        <v>2</v>
      </c>
      <c r="CE25" s="260">
        <v>0</v>
      </c>
      <c r="CF25" s="261">
        <v>21</v>
      </c>
      <c r="CG25" s="261">
        <v>41</v>
      </c>
      <c r="CH25" s="261">
        <v>43</v>
      </c>
      <c r="CI25" s="261">
        <v>35</v>
      </c>
      <c r="CJ25" s="261">
        <v>17</v>
      </c>
      <c r="CK25" s="258">
        <v>157</v>
      </c>
      <c r="CL25" s="263">
        <v>159</v>
      </c>
      <c r="CM25" s="257">
        <v>1</v>
      </c>
      <c r="CN25" s="261">
        <v>0</v>
      </c>
      <c r="CO25" s="258">
        <v>1</v>
      </c>
      <c r="CP25" s="260">
        <v>0</v>
      </c>
      <c r="CQ25" s="261">
        <v>2</v>
      </c>
      <c r="CR25" s="261">
        <v>2</v>
      </c>
      <c r="CS25" s="261">
        <v>3</v>
      </c>
      <c r="CT25" s="261">
        <v>2</v>
      </c>
      <c r="CU25" s="261">
        <v>3</v>
      </c>
      <c r="CV25" s="258">
        <v>12</v>
      </c>
      <c r="CW25" s="263">
        <v>13</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82</v>
      </c>
      <c r="DU25" s="261">
        <v>226</v>
      </c>
      <c r="DV25" s="258">
        <v>308</v>
      </c>
      <c r="DW25" s="260">
        <v>0</v>
      </c>
      <c r="DX25" s="261">
        <v>260</v>
      </c>
      <c r="DY25" s="261">
        <v>385</v>
      </c>
      <c r="DZ25" s="261">
        <v>200</v>
      </c>
      <c r="EA25" s="261">
        <v>185</v>
      </c>
      <c r="EB25" s="261">
        <v>98</v>
      </c>
      <c r="EC25" s="258">
        <v>1128</v>
      </c>
      <c r="ED25" s="263">
        <v>1436</v>
      </c>
      <c r="EE25" s="257">
        <v>9</v>
      </c>
      <c r="EF25" s="261">
        <v>2</v>
      </c>
      <c r="EG25" s="258">
        <v>11</v>
      </c>
      <c r="EH25" s="260">
        <v>0</v>
      </c>
      <c r="EI25" s="261">
        <v>53</v>
      </c>
      <c r="EJ25" s="261">
        <v>37</v>
      </c>
      <c r="EK25" s="261">
        <v>31</v>
      </c>
      <c r="EL25" s="261">
        <v>69</v>
      </c>
      <c r="EM25" s="261">
        <v>38</v>
      </c>
      <c r="EN25" s="258">
        <v>228</v>
      </c>
      <c r="EO25" s="263">
        <v>239</v>
      </c>
      <c r="EP25" s="257">
        <v>116</v>
      </c>
      <c r="EQ25" s="261">
        <v>265</v>
      </c>
      <c r="ER25" s="258">
        <v>381</v>
      </c>
      <c r="ES25" s="260">
        <v>0</v>
      </c>
      <c r="ET25" s="261">
        <v>526</v>
      </c>
      <c r="EU25" s="261">
        <v>523</v>
      </c>
      <c r="EV25" s="261">
        <v>256</v>
      </c>
      <c r="EW25" s="261">
        <v>203</v>
      </c>
      <c r="EX25" s="261">
        <v>105</v>
      </c>
      <c r="EY25" s="258">
        <v>1613</v>
      </c>
      <c r="EZ25" s="263">
        <v>1994</v>
      </c>
    </row>
    <row r="26" spans="2:156" ht="21" customHeight="1" x14ac:dyDescent="0.2">
      <c r="B26" s="472" t="s">
        <v>24</v>
      </c>
      <c r="C26" s="257">
        <v>0</v>
      </c>
      <c r="D26" s="261">
        <v>0</v>
      </c>
      <c r="E26" s="358">
        <v>0</v>
      </c>
      <c r="F26" s="260">
        <v>0</v>
      </c>
      <c r="G26" s="261">
        <v>68</v>
      </c>
      <c r="H26" s="261">
        <v>65</v>
      </c>
      <c r="I26" s="261">
        <v>38</v>
      </c>
      <c r="J26" s="261">
        <v>33</v>
      </c>
      <c r="K26" s="261">
        <v>36</v>
      </c>
      <c r="L26" s="262">
        <v>240</v>
      </c>
      <c r="M26" s="263">
        <v>240</v>
      </c>
      <c r="N26" s="257">
        <v>0</v>
      </c>
      <c r="O26" s="261">
        <v>0</v>
      </c>
      <c r="P26" s="258">
        <v>0</v>
      </c>
      <c r="Q26" s="260">
        <v>0</v>
      </c>
      <c r="R26" s="261">
        <v>0</v>
      </c>
      <c r="S26" s="261">
        <v>2</v>
      </c>
      <c r="T26" s="261">
        <v>3</v>
      </c>
      <c r="U26" s="261">
        <v>10</v>
      </c>
      <c r="V26" s="261">
        <v>19</v>
      </c>
      <c r="W26" s="258">
        <v>34</v>
      </c>
      <c r="X26" s="263">
        <v>34</v>
      </c>
      <c r="Y26" s="257">
        <v>21</v>
      </c>
      <c r="Z26" s="261">
        <v>27</v>
      </c>
      <c r="AA26" s="258">
        <v>48</v>
      </c>
      <c r="AB26" s="260">
        <v>0</v>
      </c>
      <c r="AC26" s="261">
        <v>61</v>
      </c>
      <c r="AD26" s="261">
        <v>67</v>
      </c>
      <c r="AE26" s="261">
        <v>32</v>
      </c>
      <c r="AF26" s="261">
        <v>40</v>
      </c>
      <c r="AG26" s="261">
        <v>26</v>
      </c>
      <c r="AH26" s="258">
        <v>226</v>
      </c>
      <c r="AI26" s="263">
        <v>274</v>
      </c>
      <c r="AJ26" s="257">
        <v>0</v>
      </c>
      <c r="AK26" s="261">
        <v>1</v>
      </c>
      <c r="AL26" s="258">
        <v>1</v>
      </c>
      <c r="AM26" s="260">
        <v>0</v>
      </c>
      <c r="AN26" s="261">
        <v>3</v>
      </c>
      <c r="AO26" s="261">
        <v>8</v>
      </c>
      <c r="AP26" s="261">
        <v>2</v>
      </c>
      <c r="AQ26" s="261">
        <v>5</v>
      </c>
      <c r="AR26" s="261">
        <v>3</v>
      </c>
      <c r="AS26" s="258">
        <v>21</v>
      </c>
      <c r="AT26" s="263">
        <v>22</v>
      </c>
      <c r="AU26" s="257">
        <v>25</v>
      </c>
      <c r="AV26" s="261">
        <v>15</v>
      </c>
      <c r="AW26" s="258">
        <v>40</v>
      </c>
      <c r="AX26" s="260">
        <v>0</v>
      </c>
      <c r="AY26" s="261">
        <v>83</v>
      </c>
      <c r="AZ26" s="261">
        <v>84</v>
      </c>
      <c r="BA26" s="261">
        <v>77</v>
      </c>
      <c r="BB26" s="261">
        <v>96</v>
      </c>
      <c r="BC26" s="261">
        <v>75</v>
      </c>
      <c r="BD26" s="262">
        <v>415</v>
      </c>
      <c r="BE26" s="263">
        <v>455</v>
      </c>
      <c r="BF26" s="257">
        <v>0</v>
      </c>
      <c r="BG26" s="261">
        <v>0</v>
      </c>
      <c r="BH26" s="258">
        <v>0</v>
      </c>
      <c r="BI26" s="260">
        <v>0</v>
      </c>
      <c r="BJ26" s="261">
        <v>115</v>
      </c>
      <c r="BK26" s="261">
        <v>91</v>
      </c>
      <c r="BL26" s="261">
        <v>36</v>
      </c>
      <c r="BM26" s="261">
        <v>21</v>
      </c>
      <c r="BN26" s="261">
        <v>7</v>
      </c>
      <c r="BO26" s="258">
        <v>270</v>
      </c>
      <c r="BP26" s="263">
        <v>270</v>
      </c>
      <c r="BQ26" s="257">
        <v>13</v>
      </c>
      <c r="BR26" s="261">
        <v>9</v>
      </c>
      <c r="BS26" s="258">
        <v>22</v>
      </c>
      <c r="BT26" s="260">
        <v>0</v>
      </c>
      <c r="BU26" s="261">
        <v>44</v>
      </c>
      <c r="BV26" s="261">
        <v>35</v>
      </c>
      <c r="BW26" s="261">
        <v>20</v>
      </c>
      <c r="BX26" s="261">
        <v>13</v>
      </c>
      <c r="BY26" s="261">
        <v>10</v>
      </c>
      <c r="BZ26" s="258">
        <v>122</v>
      </c>
      <c r="CA26" s="263">
        <v>144</v>
      </c>
      <c r="CB26" s="257">
        <v>1</v>
      </c>
      <c r="CC26" s="261">
        <v>2</v>
      </c>
      <c r="CD26" s="258">
        <v>3</v>
      </c>
      <c r="CE26" s="260">
        <v>0</v>
      </c>
      <c r="CF26" s="261">
        <v>15</v>
      </c>
      <c r="CG26" s="261">
        <v>22</v>
      </c>
      <c r="CH26" s="261">
        <v>23</v>
      </c>
      <c r="CI26" s="261">
        <v>19</v>
      </c>
      <c r="CJ26" s="261">
        <v>10</v>
      </c>
      <c r="CK26" s="258">
        <v>89</v>
      </c>
      <c r="CL26" s="263">
        <v>92</v>
      </c>
      <c r="CM26" s="257">
        <v>0</v>
      </c>
      <c r="CN26" s="261">
        <v>0</v>
      </c>
      <c r="CO26" s="258">
        <v>0</v>
      </c>
      <c r="CP26" s="260">
        <v>0</v>
      </c>
      <c r="CQ26" s="261">
        <v>4</v>
      </c>
      <c r="CR26" s="261">
        <v>1</v>
      </c>
      <c r="CS26" s="261">
        <v>3</v>
      </c>
      <c r="CT26" s="261">
        <v>2</v>
      </c>
      <c r="CU26" s="261">
        <v>2</v>
      </c>
      <c r="CV26" s="258">
        <v>12</v>
      </c>
      <c r="CW26" s="263">
        <v>12</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9</v>
      </c>
      <c r="DU26" s="261">
        <v>84</v>
      </c>
      <c r="DV26" s="258">
        <v>173</v>
      </c>
      <c r="DW26" s="260">
        <v>0</v>
      </c>
      <c r="DX26" s="261">
        <v>135</v>
      </c>
      <c r="DY26" s="261">
        <v>169</v>
      </c>
      <c r="DZ26" s="261">
        <v>100</v>
      </c>
      <c r="EA26" s="261">
        <v>75</v>
      </c>
      <c r="EB26" s="261">
        <v>48</v>
      </c>
      <c r="EC26" s="258">
        <v>527</v>
      </c>
      <c r="ED26" s="263">
        <v>700</v>
      </c>
      <c r="EE26" s="257">
        <v>12</v>
      </c>
      <c r="EF26" s="261">
        <v>7</v>
      </c>
      <c r="EG26" s="258">
        <v>19</v>
      </c>
      <c r="EH26" s="260">
        <v>0</v>
      </c>
      <c r="EI26" s="261">
        <v>35</v>
      </c>
      <c r="EJ26" s="261">
        <v>28</v>
      </c>
      <c r="EK26" s="261">
        <v>25</v>
      </c>
      <c r="EL26" s="261">
        <v>40</v>
      </c>
      <c r="EM26" s="261">
        <v>27</v>
      </c>
      <c r="EN26" s="258">
        <v>155</v>
      </c>
      <c r="EO26" s="263">
        <v>174</v>
      </c>
      <c r="EP26" s="257">
        <v>115</v>
      </c>
      <c r="EQ26" s="261">
        <v>102</v>
      </c>
      <c r="ER26" s="258">
        <v>217</v>
      </c>
      <c r="ES26" s="260">
        <v>0</v>
      </c>
      <c r="ET26" s="261">
        <v>271</v>
      </c>
      <c r="EU26" s="261">
        <v>219</v>
      </c>
      <c r="EV26" s="261">
        <v>120</v>
      </c>
      <c r="EW26" s="261">
        <v>81</v>
      </c>
      <c r="EX26" s="261">
        <v>52</v>
      </c>
      <c r="EY26" s="258">
        <v>743</v>
      </c>
      <c r="EZ26" s="263">
        <v>960</v>
      </c>
    </row>
    <row r="27" spans="2:156" ht="21" customHeight="1" x14ac:dyDescent="0.2">
      <c r="B27" s="472" t="s">
        <v>25</v>
      </c>
      <c r="C27" s="257">
        <v>0</v>
      </c>
      <c r="D27" s="261">
        <v>0</v>
      </c>
      <c r="E27" s="358">
        <v>0</v>
      </c>
      <c r="F27" s="260">
        <v>0</v>
      </c>
      <c r="G27" s="261">
        <v>104</v>
      </c>
      <c r="H27" s="261">
        <v>78</v>
      </c>
      <c r="I27" s="261">
        <v>57</v>
      </c>
      <c r="J27" s="261">
        <v>40</v>
      </c>
      <c r="K27" s="261">
        <v>31</v>
      </c>
      <c r="L27" s="262">
        <v>310</v>
      </c>
      <c r="M27" s="263">
        <v>310</v>
      </c>
      <c r="N27" s="257">
        <v>0</v>
      </c>
      <c r="O27" s="261">
        <v>0</v>
      </c>
      <c r="P27" s="258">
        <v>0</v>
      </c>
      <c r="Q27" s="260">
        <v>0</v>
      </c>
      <c r="R27" s="261">
        <v>2</v>
      </c>
      <c r="S27" s="261">
        <v>9</v>
      </c>
      <c r="T27" s="261">
        <v>14</v>
      </c>
      <c r="U27" s="261">
        <v>17</v>
      </c>
      <c r="V27" s="261">
        <v>15</v>
      </c>
      <c r="W27" s="258">
        <v>57</v>
      </c>
      <c r="X27" s="263">
        <v>57</v>
      </c>
      <c r="Y27" s="257">
        <v>23</v>
      </c>
      <c r="Z27" s="261">
        <v>44</v>
      </c>
      <c r="AA27" s="258">
        <v>67</v>
      </c>
      <c r="AB27" s="260">
        <v>0</v>
      </c>
      <c r="AC27" s="261">
        <v>82</v>
      </c>
      <c r="AD27" s="261">
        <v>84</v>
      </c>
      <c r="AE27" s="261">
        <v>51</v>
      </c>
      <c r="AF27" s="261">
        <v>33</v>
      </c>
      <c r="AG27" s="261">
        <v>25</v>
      </c>
      <c r="AH27" s="258">
        <v>275</v>
      </c>
      <c r="AI27" s="263">
        <v>342</v>
      </c>
      <c r="AJ27" s="257">
        <v>2</v>
      </c>
      <c r="AK27" s="261">
        <v>5</v>
      </c>
      <c r="AL27" s="258">
        <v>7</v>
      </c>
      <c r="AM27" s="260">
        <v>0</v>
      </c>
      <c r="AN27" s="261">
        <v>1</v>
      </c>
      <c r="AO27" s="261">
        <v>7</v>
      </c>
      <c r="AP27" s="261">
        <v>7</v>
      </c>
      <c r="AQ27" s="261">
        <v>5</v>
      </c>
      <c r="AR27" s="261">
        <v>3</v>
      </c>
      <c r="AS27" s="258">
        <v>23</v>
      </c>
      <c r="AT27" s="263">
        <v>30</v>
      </c>
      <c r="AU27" s="257">
        <v>10</v>
      </c>
      <c r="AV27" s="261">
        <v>14</v>
      </c>
      <c r="AW27" s="258">
        <v>24</v>
      </c>
      <c r="AX27" s="260">
        <v>0</v>
      </c>
      <c r="AY27" s="261">
        <v>69</v>
      </c>
      <c r="AZ27" s="261">
        <v>73</v>
      </c>
      <c r="BA27" s="261">
        <v>55</v>
      </c>
      <c r="BB27" s="261">
        <v>78</v>
      </c>
      <c r="BC27" s="261">
        <v>46</v>
      </c>
      <c r="BD27" s="262">
        <v>321</v>
      </c>
      <c r="BE27" s="263">
        <v>345</v>
      </c>
      <c r="BF27" s="257">
        <v>0</v>
      </c>
      <c r="BG27" s="261">
        <v>0</v>
      </c>
      <c r="BH27" s="258">
        <v>0</v>
      </c>
      <c r="BI27" s="260">
        <v>0</v>
      </c>
      <c r="BJ27" s="261">
        <v>146</v>
      </c>
      <c r="BK27" s="261">
        <v>78</v>
      </c>
      <c r="BL27" s="261">
        <v>56</v>
      </c>
      <c r="BM27" s="261">
        <v>35</v>
      </c>
      <c r="BN27" s="261">
        <v>6</v>
      </c>
      <c r="BO27" s="258">
        <v>321</v>
      </c>
      <c r="BP27" s="263">
        <v>321</v>
      </c>
      <c r="BQ27" s="257">
        <v>16</v>
      </c>
      <c r="BR27" s="261">
        <v>18</v>
      </c>
      <c r="BS27" s="258">
        <v>34</v>
      </c>
      <c r="BT27" s="260">
        <v>0</v>
      </c>
      <c r="BU27" s="261">
        <v>34</v>
      </c>
      <c r="BV27" s="261">
        <v>57</v>
      </c>
      <c r="BW27" s="261">
        <v>25</v>
      </c>
      <c r="BX27" s="261">
        <v>16</v>
      </c>
      <c r="BY27" s="261">
        <v>3</v>
      </c>
      <c r="BZ27" s="258">
        <v>135</v>
      </c>
      <c r="CA27" s="263">
        <v>169</v>
      </c>
      <c r="CB27" s="257">
        <v>0</v>
      </c>
      <c r="CC27" s="261">
        <v>2</v>
      </c>
      <c r="CD27" s="258">
        <v>2</v>
      </c>
      <c r="CE27" s="260">
        <v>0</v>
      </c>
      <c r="CF27" s="261">
        <v>13</v>
      </c>
      <c r="CG27" s="261">
        <v>24</v>
      </c>
      <c r="CH27" s="261">
        <v>27</v>
      </c>
      <c r="CI27" s="261">
        <v>13</v>
      </c>
      <c r="CJ27" s="261">
        <v>3</v>
      </c>
      <c r="CK27" s="258">
        <v>80</v>
      </c>
      <c r="CL27" s="263">
        <v>82</v>
      </c>
      <c r="CM27" s="257">
        <v>0</v>
      </c>
      <c r="CN27" s="261">
        <v>0</v>
      </c>
      <c r="CO27" s="258">
        <v>0</v>
      </c>
      <c r="CP27" s="260">
        <v>0</v>
      </c>
      <c r="CQ27" s="261">
        <v>3</v>
      </c>
      <c r="CR27" s="261">
        <v>5</v>
      </c>
      <c r="CS27" s="261">
        <v>4</v>
      </c>
      <c r="CT27" s="261">
        <v>4</v>
      </c>
      <c r="CU27" s="261">
        <v>3</v>
      </c>
      <c r="CV27" s="258">
        <v>19</v>
      </c>
      <c r="CW27" s="263">
        <v>19</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79</v>
      </c>
      <c r="DU27" s="261">
        <v>140</v>
      </c>
      <c r="DV27" s="258">
        <v>219</v>
      </c>
      <c r="DW27" s="260">
        <v>0</v>
      </c>
      <c r="DX27" s="261">
        <v>134</v>
      </c>
      <c r="DY27" s="261">
        <v>218</v>
      </c>
      <c r="DZ27" s="261">
        <v>127</v>
      </c>
      <c r="EA27" s="261">
        <v>101</v>
      </c>
      <c r="EB27" s="261">
        <v>43</v>
      </c>
      <c r="EC27" s="258">
        <v>623</v>
      </c>
      <c r="ED27" s="263">
        <v>842</v>
      </c>
      <c r="EE27" s="257">
        <v>4</v>
      </c>
      <c r="EF27" s="261">
        <v>4</v>
      </c>
      <c r="EG27" s="258">
        <v>8</v>
      </c>
      <c r="EH27" s="260">
        <v>0</v>
      </c>
      <c r="EI27" s="261">
        <v>18</v>
      </c>
      <c r="EJ27" s="261">
        <v>11</v>
      </c>
      <c r="EK27" s="261">
        <v>15</v>
      </c>
      <c r="EL27" s="261">
        <v>23</v>
      </c>
      <c r="EM27" s="261">
        <v>13</v>
      </c>
      <c r="EN27" s="258">
        <v>80</v>
      </c>
      <c r="EO27" s="263">
        <v>88</v>
      </c>
      <c r="EP27" s="257">
        <v>99</v>
      </c>
      <c r="EQ27" s="261">
        <v>165</v>
      </c>
      <c r="ER27" s="258">
        <v>264</v>
      </c>
      <c r="ES27" s="260">
        <v>0</v>
      </c>
      <c r="ET27" s="261">
        <v>355</v>
      </c>
      <c r="EU27" s="261">
        <v>270</v>
      </c>
      <c r="EV27" s="261">
        <v>151</v>
      </c>
      <c r="EW27" s="261">
        <v>109</v>
      </c>
      <c r="EX27" s="261">
        <v>50</v>
      </c>
      <c r="EY27" s="258">
        <v>935</v>
      </c>
      <c r="EZ27" s="263">
        <v>1199</v>
      </c>
    </row>
    <row r="28" spans="2:156" ht="21" customHeight="1" x14ac:dyDescent="0.2">
      <c r="B28" s="472" t="s">
        <v>26</v>
      </c>
      <c r="C28" s="257">
        <v>0</v>
      </c>
      <c r="D28" s="261">
        <v>0</v>
      </c>
      <c r="E28" s="358">
        <v>0</v>
      </c>
      <c r="F28" s="260">
        <v>0</v>
      </c>
      <c r="G28" s="261">
        <v>79</v>
      </c>
      <c r="H28" s="261">
        <v>66</v>
      </c>
      <c r="I28" s="261">
        <v>63</v>
      </c>
      <c r="J28" s="261">
        <v>40</v>
      </c>
      <c r="K28" s="261">
        <v>43</v>
      </c>
      <c r="L28" s="262">
        <v>291</v>
      </c>
      <c r="M28" s="263">
        <v>291</v>
      </c>
      <c r="N28" s="257">
        <v>0</v>
      </c>
      <c r="O28" s="261">
        <v>0</v>
      </c>
      <c r="P28" s="258">
        <v>0</v>
      </c>
      <c r="Q28" s="260">
        <v>0</v>
      </c>
      <c r="R28" s="261">
        <v>0</v>
      </c>
      <c r="S28" s="261">
        <v>0</v>
      </c>
      <c r="T28" s="261">
        <v>2</v>
      </c>
      <c r="U28" s="261">
        <v>10</v>
      </c>
      <c r="V28" s="261">
        <v>14</v>
      </c>
      <c r="W28" s="258">
        <v>26</v>
      </c>
      <c r="X28" s="263">
        <v>26</v>
      </c>
      <c r="Y28" s="257">
        <v>11</v>
      </c>
      <c r="Z28" s="261">
        <v>11</v>
      </c>
      <c r="AA28" s="258">
        <v>22</v>
      </c>
      <c r="AB28" s="260">
        <v>0</v>
      </c>
      <c r="AC28" s="261">
        <v>60</v>
      </c>
      <c r="AD28" s="261">
        <v>64</v>
      </c>
      <c r="AE28" s="261">
        <v>48</v>
      </c>
      <c r="AF28" s="261">
        <v>38</v>
      </c>
      <c r="AG28" s="261">
        <v>37</v>
      </c>
      <c r="AH28" s="258">
        <v>247</v>
      </c>
      <c r="AI28" s="263">
        <v>269</v>
      </c>
      <c r="AJ28" s="257">
        <v>1</v>
      </c>
      <c r="AK28" s="261">
        <v>0</v>
      </c>
      <c r="AL28" s="258">
        <v>1</v>
      </c>
      <c r="AM28" s="260">
        <v>0</v>
      </c>
      <c r="AN28" s="261">
        <v>2</v>
      </c>
      <c r="AO28" s="261">
        <v>4</v>
      </c>
      <c r="AP28" s="261">
        <v>7</v>
      </c>
      <c r="AQ28" s="261">
        <v>3</v>
      </c>
      <c r="AR28" s="261">
        <v>3</v>
      </c>
      <c r="AS28" s="258">
        <v>19</v>
      </c>
      <c r="AT28" s="263">
        <v>20</v>
      </c>
      <c r="AU28" s="257">
        <v>9</v>
      </c>
      <c r="AV28" s="261">
        <v>10</v>
      </c>
      <c r="AW28" s="258">
        <v>19</v>
      </c>
      <c r="AX28" s="260">
        <v>0</v>
      </c>
      <c r="AY28" s="261">
        <v>68</v>
      </c>
      <c r="AZ28" s="261">
        <v>58</v>
      </c>
      <c r="BA28" s="261">
        <v>74</v>
      </c>
      <c r="BB28" s="261">
        <v>50</v>
      </c>
      <c r="BC28" s="261">
        <v>44</v>
      </c>
      <c r="BD28" s="262">
        <v>294</v>
      </c>
      <c r="BE28" s="263">
        <v>313</v>
      </c>
      <c r="BF28" s="257">
        <v>0</v>
      </c>
      <c r="BG28" s="261">
        <v>0</v>
      </c>
      <c r="BH28" s="258">
        <v>0</v>
      </c>
      <c r="BI28" s="260">
        <v>0</v>
      </c>
      <c r="BJ28" s="261">
        <v>123</v>
      </c>
      <c r="BK28" s="261">
        <v>90</v>
      </c>
      <c r="BL28" s="261">
        <v>56</v>
      </c>
      <c r="BM28" s="261">
        <v>28</v>
      </c>
      <c r="BN28" s="261">
        <v>17</v>
      </c>
      <c r="BO28" s="258">
        <v>314</v>
      </c>
      <c r="BP28" s="263">
        <v>314</v>
      </c>
      <c r="BQ28" s="257">
        <v>7</v>
      </c>
      <c r="BR28" s="261">
        <v>5</v>
      </c>
      <c r="BS28" s="258">
        <v>12</v>
      </c>
      <c r="BT28" s="260">
        <v>0</v>
      </c>
      <c r="BU28" s="261">
        <v>18</v>
      </c>
      <c r="BV28" s="261">
        <v>30</v>
      </c>
      <c r="BW28" s="261">
        <v>12</v>
      </c>
      <c r="BX28" s="261">
        <v>13</v>
      </c>
      <c r="BY28" s="261">
        <v>6</v>
      </c>
      <c r="BZ28" s="258">
        <v>79</v>
      </c>
      <c r="CA28" s="263">
        <v>91</v>
      </c>
      <c r="CB28" s="257">
        <v>1</v>
      </c>
      <c r="CC28" s="261">
        <v>1</v>
      </c>
      <c r="CD28" s="258">
        <v>2</v>
      </c>
      <c r="CE28" s="260">
        <v>0</v>
      </c>
      <c r="CF28" s="261">
        <v>16</v>
      </c>
      <c r="CG28" s="261">
        <v>20</v>
      </c>
      <c r="CH28" s="261">
        <v>21</v>
      </c>
      <c r="CI28" s="261">
        <v>19</v>
      </c>
      <c r="CJ28" s="261">
        <v>10</v>
      </c>
      <c r="CK28" s="258">
        <v>86</v>
      </c>
      <c r="CL28" s="263">
        <v>88</v>
      </c>
      <c r="CM28" s="257">
        <v>0</v>
      </c>
      <c r="CN28" s="261">
        <v>0</v>
      </c>
      <c r="CO28" s="258">
        <v>0</v>
      </c>
      <c r="CP28" s="260">
        <v>0</v>
      </c>
      <c r="CQ28" s="261">
        <v>1</v>
      </c>
      <c r="CR28" s="261">
        <v>5</v>
      </c>
      <c r="CS28" s="261">
        <v>2</v>
      </c>
      <c r="CT28" s="261">
        <v>1</v>
      </c>
      <c r="CU28" s="261">
        <v>0</v>
      </c>
      <c r="CV28" s="258">
        <v>9</v>
      </c>
      <c r="CW28" s="263">
        <v>9</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8</v>
      </c>
      <c r="DU28" s="261">
        <v>91</v>
      </c>
      <c r="DV28" s="258">
        <v>149</v>
      </c>
      <c r="DW28" s="260">
        <v>0</v>
      </c>
      <c r="DX28" s="261">
        <v>155</v>
      </c>
      <c r="DY28" s="261">
        <v>173</v>
      </c>
      <c r="DZ28" s="261">
        <v>118</v>
      </c>
      <c r="EA28" s="261">
        <v>86</v>
      </c>
      <c r="EB28" s="261">
        <v>61</v>
      </c>
      <c r="EC28" s="258">
        <v>593</v>
      </c>
      <c r="ED28" s="263">
        <v>742</v>
      </c>
      <c r="EE28" s="257">
        <v>9</v>
      </c>
      <c r="EF28" s="261">
        <v>6</v>
      </c>
      <c r="EG28" s="258">
        <v>15</v>
      </c>
      <c r="EH28" s="260">
        <v>0</v>
      </c>
      <c r="EI28" s="261">
        <v>24</v>
      </c>
      <c r="EJ28" s="261">
        <v>22</v>
      </c>
      <c r="EK28" s="261">
        <v>22</v>
      </c>
      <c r="EL28" s="261">
        <v>13</v>
      </c>
      <c r="EM28" s="261">
        <v>8</v>
      </c>
      <c r="EN28" s="258">
        <v>89</v>
      </c>
      <c r="EO28" s="263">
        <v>104</v>
      </c>
      <c r="EP28" s="257">
        <v>71</v>
      </c>
      <c r="EQ28" s="261">
        <v>102</v>
      </c>
      <c r="ER28" s="258">
        <v>173</v>
      </c>
      <c r="ES28" s="260">
        <v>0</v>
      </c>
      <c r="ET28" s="261">
        <v>277</v>
      </c>
      <c r="EU28" s="261">
        <v>235</v>
      </c>
      <c r="EV28" s="261">
        <v>150</v>
      </c>
      <c r="EW28" s="261">
        <v>90</v>
      </c>
      <c r="EX28" s="261">
        <v>65</v>
      </c>
      <c r="EY28" s="258">
        <v>817</v>
      </c>
      <c r="EZ28" s="263">
        <v>990</v>
      </c>
    </row>
    <row r="29" spans="2:156" ht="21" customHeight="1" x14ac:dyDescent="0.2">
      <c r="B29" s="472" t="s">
        <v>27</v>
      </c>
      <c r="C29" s="257">
        <v>0</v>
      </c>
      <c r="D29" s="261">
        <v>0</v>
      </c>
      <c r="E29" s="358">
        <v>0</v>
      </c>
      <c r="F29" s="260">
        <v>0</v>
      </c>
      <c r="G29" s="261">
        <v>60</v>
      </c>
      <c r="H29" s="261">
        <v>52</v>
      </c>
      <c r="I29" s="261">
        <v>44</v>
      </c>
      <c r="J29" s="261">
        <v>32</v>
      </c>
      <c r="K29" s="261">
        <v>30</v>
      </c>
      <c r="L29" s="262">
        <v>218</v>
      </c>
      <c r="M29" s="263">
        <v>218</v>
      </c>
      <c r="N29" s="257">
        <v>0</v>
      </c>
      <c r="O29" s="261">
        <v>0</v>
      </c>
      <c r="P29" s="258">
        <v>0</v>
      </c>
      <c r="Q29" s="260">
        <v>0</v>
      </c>
      <c r="R29" s="261">
        <v>2</v>
      </c>
      <c r="S29" s="261">
        <v>5</v>
      </c>
      <c r="T29" s="261">
        <v>6</v>
      </c>
      <c r="U29" s="261">
        <v>14</v>
      </c>
      <c r="V29" s="261">
        <v>16</v>
      </c>
      <c r="W29" s="258">
        <v>43</v>
      </c>
      <c r="X29" s="263">
        <v>43</v>
      </c>
      <c r="Y29" s="257">
        <v>23</v>
      </c>
      <c r="Z29" s="261">
        <v>42</v>
      </c>
      <c r="AA29" s="258">
        <v>65</v>
      </c>
      <c r="AB29" s="260">
        <v>0</v>
      </c>
      <c r="AC29" s="261">
        <v>41</v>
      </c>
      <c r="AD29" s="261">
        <v>39</v>
      </c>
      <c r="AE29" s="261">
        <v>40</v>
      </c>
      <c r="AF29" s="261">
        <v>28</v>
      </c>
      <c r="AG29" s="261">
        <v>25</v>
      </c>
      <c r="AH29" s="258">
        <v>173</v>
      </c>
      <c r="AI29" s="263">
        <v>238</v>
      </c>
      <c r="AJ29" s="257">
        <v>1</v>
      </c>
      <c r="AK29" s="261">
        <v>2</v>
      </c>
      <c r="AL29" s="258">
        <v>3</v>
      </c>
      <c r="AM29" s="260">
        <v>0</v>
      </c>
      <c r="AN29" s="261">
        <v>0</v>
      </c>
      <c r="AO29" s="261">
        <v>2</v>
      </c>
      <c r="AP29" s="261">
        <v>0</v>
      </c>
      <c r="AQ29" s="261">
        <v>0</v>
      </c>
      <c r="AR29" s="261">
        <v>1</v>
      </c>
      <c r="AS29" s="258">
        <v>3</v>
      </c>
      <c r="AT29" s="263">
        <v>6</v>
      </c>
      <c r="AU29" s="257">
        <v>8</v>
      </c>
      <c r="AV29" s="261">
        <v>18</v>
      </c>
      <c r="AW29" s="258">
        <v>26</v>
      </c>
      <c r="AX29" s="260">
        <v>0</v>
      </c>
      <c r="AY29" s="261">
        <v>61</v>
      </c>
      <c r="AZ29" s="261">
        <v>62</v>
      </c>
      <c r="BA29" s="261">
        <v>77</v>
      </c>
      <c r="BB29" s="261">
        <v>72</v>
      </c>
      <c r="BC29" s="261">
        <v>50</v>
      </c>
      <c r="BD29" s="262">
        <v>322</v>
      </c>
      <c r="BE29" s="263">
        <v>348</v>
      </c>
      <c r="BF29" s="257">
        <v>0</v>
      </c>
      <c r="BG29" s="261">
        <v>0</v>
      </c>
      <c r="BH29" s="258">
        <v>0</v>
      </c>
      <c r="BI29" s="260">
        <v>0</v>
      </c>
      <c r="BJ29" s="261">
        <v>113</v>
      </c>
      <c r="BK29" s="261">
        <v>70</v>
      </c>
      <c r="BL29" s="261">
        <v>44</v>
      </c>
      <c r="BM29" s="261">
        <v>30</v>
      </c>
      <c r="BN29" s="261">
        <v>9</v>
      </c>
      <c r="BO29" s="258">
        <v>266</v>
      </c>
      <c r="BP29" s="263">
        <v>266</v>
      </c>
      <c r="BQ29" s="257">
        <v>9</v>
      </c>
      <c r="BR29" s="261">
        <v>30</v>
      </c>
      <c r="BS29" s="258">
        <v>39</v>
      </c>
      <c r="BT29" s="260">
        <v>0</v>
      </c>
      <c r="BU29" s="261">
        <v>18</v>
      </c>
      <c r="BV29" s="261">
        <v>27</v>
      </c>
      <c r="BW29" s="261">
        <v>15</v>
      </c>
      <c r="BX29" s="261">
        <v>5</v>
      </c>
      <c r="BY29" s="261">
        <v>5</v>
      </c>
      <c r="BZ29" s="258">
        <v>70</v>
      </c>
      <c r="CA29" s="263">
        <v>109</v>
      </c>
      <c r="CB29" s="257">
        <v>1</v>
      </c>
      <c r="CC29" s="261">
        <v>1</v>
      </c>
      <c r="CD29" s="258">
        <v>2</v>
      </c>
      <c r="CE29" s="260">
        <v>0</v>
      </c>
      <c r="CF29" s="261">
        <v>7</v>
      </c>
      <c r="CG29" s="261">
        <v>14</v>
      </c>
      <c r="CH29" s="261">
        <v>17</v>
      </c>
      <c r="CI29" s="261">
        <v>11</v>
      </c>
      <c r="CJ29" s="261">
        <v>7</v>
      </c>
      <c r="CK29" s="258">
        <v>56</v>
      </c>
      <c r="CL29" s="263">
        <v>58</v>
      </c>
      <c r="CM29" s="257">
        <v>0</v>
      </c>
      <c r="CN29" s="261">
        <v>1</v>
      </c>
      <c r="CO29" s="258">
        <v>1</v>
      </c>
      <c r="CP29" s="260">
        <v>0</v>
      </c>
      <c r="CQ29" s="261">
        <v>3</v>
      </c>
      <c r="CR29" s="261">
        <v>2</v>
      </c>
      <c r="CS29" s="261">
        <v>1</v>
      </c>
      <c r="CT29" s="261">
        <v>3</v>
      </c>
      <c r="CU29" s="261">
        <v>0</v>
      </c>
      <c r="CV29" s="258">
        <v>9</v>
      </c>
      <c r="CW29" s="263">
        <v>1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88</v>
      </c>
      <c r="DU29" s="261">
        <v>144</v>
      </c>
      <c r="DV29" s="258">
        <v>232</v>
      </c>
      <c r="DW29" s="260">
        <v>0</v>
      </c>
      <c r="DX29" s="261">
        <v>83</v>
      </c>
      <c r="DY29" s="261">
        <v>116</v>
      </c>
      <c r="DZ29" s="261">
        <v>91</v>
      </c>
      <c r="EA29" s="261">
        <v>56</v>
      </c>
      <c r="EB29" s="261">
        <v>39</v>
      </c>
      <c r="EC29" s="258">
        <v>385</v>
      </c>
      <c r="ED29" s="263">
        <v>617</v>
      </c>
      <c r="EE29" s="257">
        <v>9</v>
      </c>
      <c r="EF29" s="261">
        <v>15</v>
      </c>
      <c r="EG29" s="258">
        <v>24</v>
      </c>
      <c r="EH29" s="260">
        <v>0</v>
      </c>
      <c r="EI29" s="261">
        <v>40</v>
      </c>
      <c r="EJ29" s="261">
        <v>30</v>
      </c>
      <c r="EK29" s="261">
        <v>34</v>
      </c>
      <c r="EL29" s="261">
        <v>42</v>
      </c>
      <c r="EM29" s="261">
        <v>17</v>
      </c>
      <c r="EN29" s="258">
        <v>163</v>
      </c>
      <c r="EO29" s="263">
        <v>187</v>
      </c>
      <c r="EP29" s="257">
        <v>113</v>
      </c>
      <c r="EQ29" s="261">
        <v>171</v>
      </c>
      <c r="ER29" s="258">
        <v>284</v>
      </c>
      <c r="ES29" s="260">
        <v>0</v>
      </c>
      <c r="ET29" s="261">
        <v>214</v>
      </c>
      <c r="EU29" s="261">
        <v>152</v>
      </c>
      <c r="EV29" s="261">
        <v>104</v>
      </c>
      <c r="EW29" s="261">
        <v>61</v>
      </c>
      <c r="EX29" s="261">
        <v>45</v>
      </c>
      <c r="EY29" s="258">
        <v>576</v>
      </c>
      <c r="EZ29" s="263">
        <v>860</v>
      </c>
    </row>
    <row r="30" spans="2:156" ht="21" customHeight="1" x14ac:dyDescent="0.2">
      <c r="B30" s="472" t="s">
        <v>28</v>
      </c>
      <c r="C30" s="257">
        <v>0</v>
      </c>
      <c r="D30" s="261">
        <v>0</v>
      </c>
      <c r="E30" s="358">
        <v>0</v>
      </c>
      <c r="F30" s="260">
        <v>0</v>
      </c>
      <c r="G30" s="261">
        <v>12</v>
      </c>
      <c r="H30" s="261">
        <v>17</v>
      </c>
      <c r="I30" s="261">
        <v>8</v>
      </c>
      <c r="J30" s="261">
        <v>10</v>
      </c>
      <c r="K30" s="261">
        <v>9</v>
      </c>
      <c r="L30" s="262">
        <v>56</v>
      </c>
      <c r="M30" s="263">
        <v>56</v>
      </c>
      <c r="N30" s="257">
        <v>0</v>
      </c>
      <c r="O30" s="261">
        <v>0</v>
      </c>
      <c r="P30" s="258">
        <v>0</v>
      </c>
      <c r="Q30" s="260">
        <v>0</v>
      </c>
      <c r="R30" s="261">
        <v>0</v>
      </c>
      <c r="S30" s="261">
        <v>1</v>
      </c>
      <c r="T30" s="261">
        <v>1</v>
      </c>
      <c r="U30" s="261">
        <v>4</v>
      </c>
      <c r="V30" s="261">
        <v>3</v>
      </c>
      <c r="W30" s="258">
        <v>9</v>
      </c>
      <c r="X30" s="263">
        <v>9</v>
      </c>
      <c r="Y30" s="257">
        <v>2</v>
      </c>
      <c r="Z30" s="261">
        <v>2</v>
      </c>
      <c r="AA30" s="258">
        <v>4</v>
      </c>
      <c r="AB30" s="260">
        <v>0</v>
      </c>
      <c r="AC30" s="261">
        <v>6</v>
      </c>
      <c r="AD30" s="261">
        <v>15</v>
      </c>
      <c r="AE30" s="261">
        <v>13</v>
      </c>
      <c r="AF30" s="261">
        <v>12</v>
      </c>
      <c r="AG30" s="261">
        <v>8</v>
      </c>
      <c r="AH30" s="258">
        <v>54</v>
      </c>
      <c r="AI30" s="263">
        <v>58</v>
      </c>
      <c r="AJ30" s="257">
        <v>0</v>
      </c>
      <c r="AK30" s="261">
        <v>0</v>
      </c>
      <c r="AL30" s="258">
        <v>0</v>
      </c>
      <c r="AM30" s="260">
        <v>0</v>
      </c>
      <c r="AN30" s="261">
        <v>2</v>
      </c>
      <c r="AO30" s="261">
        <v>1</v>
      </c>
      <c r="AP30" s="261">
        <v>0</v>
      </c>
      <c r="AQ30" s="261">
        <v>1</v>
      </c>
      <c r="AR30" s="261">
        <v>2</v>
      </c>
      <c r="AS30" s="258">
        <v>6</v>
      </c>
      <c r="AT30" s="263">
        <v>6</v>
      </c>
      <c r="AU30" s="257">
        <v>0</v>
      </c>
      <c r="AV30" s="261">
        <v>3</v>
      </c>
      <c r="AW30" s="258">
        <v>3</v>
      </c>
      <c r="AX30" s="260">
        <v>0</v>
      </c>
      <c r="AY30" s="261">
        <v>10</v>
      </c>
      <c r="AZ30" s="261">
        <v>22</v>
      </c>
      <c r="BA30" s="261">
        <v>23</v>
      </c>
      <c r="BB30" s="261">
        <v>27</v>
      </c>
      <c r="BC30" s="261">
        <v>13</v>
      </c>
      <c r="BD30" s="262">
        <v>95</v>
      </c>
      <c r="BE30" s="263">
        <v>98</v>
      </c>
      <c r="BF30" s="257">
        <v>0</v>
      </c>
      <c r="BG30" s="261">
        <v>0</v>
      </c>
      <c r="BH30" s="258">
        <v>0</v>
      </c>
      <c r="BI30" s="260">
        <v>0</v>
      </c>
      <c r="BJ30" s="261">
        <v>28</v>
      </c>
      <c r="BK30" s="261">
        <v>26</v>
      </c>
      <c r="BL30" s="261">
        <v>18</v>
      </c>
      <c r="BM30" s="261">
        <v>12</v>
      </c>
      <c r="BN30" s="261">
        <v>6</v>
      </c>
      <c r="BO30" s="258">
        <v>90</v>
      </c>
      <c r="BP30" s="263">
        <v>90</v>
      </c>
      <c r="BQ30" s="257">
        <v>1</v>
      </c>
      <c r="BR30" s="261">
        <v>2</v>
      </c>
      <c r="BS30" s="258">
        <v>3</v>
      </c>
      <c r="BT30" s="260">
        <v>0</v>
      </c>
      <c r="BU30" s="261">
        <v>8</v>
      </c>
      <c r="BV30" s="261">
        <v>15</v>
      </c>
      <c r="BW30" s="261">
        <v>8</v>
      </c>
      <c r="BX30" s="261">
        <v>5</v>
      </c>
      <c r="BY30" s="261">
        <v>3</v>
      </c>
      <c r="BZ30" s="258">
        <v>39</v>
      </c>
      <c r="CA30" s="263">
        <v>42</v>
      </c>
      <c r="CB30" s="257">
        <v>0</v>
      </c>
      <c r="CC30" s="261">
        <v>0</v>
      </c>
      <c r="CD30" s="258">
        <v>0</v>
      </c>
      <c r="CE30" s="260">
        <v>0</v>
      </c>
      <c r="CF30" s="261">
        <v>2</v>
      </c>
      <c r="CG30" s="261">
        <v>4</v>
      </c>
      <c r="CH30" s="261">
        <v>7</v>
      </c>
      <c r="CI30" s="261">
        <v>5</v>
      </c>
      <c r="CJ30" s="261">
        <v>3</v>
      </c>
      <c r="CK30" s="258">
        <v>21</v>
      </c>
      <c r="CL30" s="263">
        <v>21</v>
      </c>
      <c r="CM30" s="257">
        <v>1</v>
      </c>
      <c r="CN30" s="261">
        <v>0</v>
      </c>
      <c r="CO30" s="258">
        <v>1</v>
      </c>
      <c r="CP30" s="260">
        <v>0</v>
      </c>
      <c r="CQ30" s="261">
        <v>1</v>
      </c>
      <c r="CR30" s="261">
        <v>1</v>
      </c>
      <c r="CS30" s="261">
        <v>2</v>
      </c>
      <c r="CT30" s="261">
        <v>1</v>
      </c>
      <c r="CU30" s="261">
        <v>0</v>
      </c>
      <c r="CV30" s="258">
        <v>5</v>
      </c>
      <c r="CW30" s="263">
        <v>6</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8</v>
      </c>
      <c r="DU30" s="261">
        <v>16</v>
      </c>
      <c r="DV30" s="258">
        <v>24</v>
      </c>
      <c r="DW30" s="260">
        <v>0</v>
      </c>
      <c r="DX30" s="261">
        <v>40</v>
      </c>
      <c r="DY30" s="261">
        <v>60</v>
      </c>
      <c r="DZ30" s="261">
        <v>36</v>
      </c>
      <c r="EA30" s="261">
        <v>25</v>
      </c>
      <c r="EB30" s="261">
        <v>13</v>
      </c>
      <c r="EC30" s="258">
        <v>174</v>
      </c>
      <c r="ED30" s="263">
        <v>198</v>
      </c>
      <c r="EE30" s="257">
        <v>0</v>
      </c>
      <c r="EF30" s="261">
        <v>0</v>
      </c>
      <c r="EG30" s="258">
        <v>0</v>
      </c>
      <c r="EH30" s="260">
        <v>0</v>
      </c>
      <c r="EI30" s="261">
        <v>5</v>
      </c>
      <c r="EJ30" s="261">
        <v>7</v>
      </c>
      <c r="EK30" s="261">
        <v>4</v>
      </c>
      <c r="EL30" s="261">
        <v>7</v>
      </c>
      <c r="EM30" s="261">
        <v>1</v>
      </c>
      <c r="EN30" s="258">
        <v>24</v>
      </c>
      <c r="EO30" s="263">
        <v>24</v>
      </c>
      <c r="EP30" s="257">
        <v>10</v>
      </c>
      <c r="EQ30" s="261">
        <v>17</v>
      </c>
      <c r="ER30" s="258">
        <v>27</v>
      </c>
      <c r="ES30" s="260">
        <v>0</v>
      </c>
      <c r="ET30" s="261">
        <v>71</v>
      </c>
      <c r="EU30" s="261">
        <v>78</v>
      </c>
      <c r="EV30" s="261">
        <v>41</v>
      </c>
      <c r="EW30" s="261">
        <v>30</v>
      </c>
      <c r="EX30" s="261">
        <v>15</v>
      </c>
      <c r="EY30" s="258">
        <v>235</v>
      </c>
      <c r="EZ30" s="263">
        <v>262</v>
      </c>
    </row>
    <row r="31" spans="2:156" ht="21" customHeight="1" x14ac:dyDescent="0.2">
      <c r="B31" s="472" t="s">
        <v>29</v>
      </c>
      <c r="C31" s="257">
        <v>0</v>
      </c>
      <c r="D31" s="261">
        <v>0</v>
      </c>
      <c r="E31" s="358">
        <v>0</v>
      </c>
      <c r="F31" s="260">
        <v>0</v>
      </c>
      <c r="G31" s="261">
        <v>24</v>
      </c>
      <c r="H31" s="261">
        <v>25</v>
      </c>
      <c r="I31" s="261">
        <v>17</v>
      </c>
      <c r="J31" s="261">
        <v>13</v>
      </c>
      <c r="K31" s="261">
        <v>8</v>
      </c>
      <c r="L31" s="262">
        <v>87</v>
      </c>
      <c r="M31" s="263">
        <v>87</v>
      </c>
      <c r="N31" s="257">
        <v>0</v>
      </c>
      <c r="O31" s="261">
        <v>0</v>
      </c>
      <c r="P31" s="258">
        <v>0</v>
      </c>
      <c r="Q31" s="260">
        <v>0</v>
      </c>
      <c r="R31" s="261">
        <v>0</v>
      </c>
      <c r="S31" s="261">
        <v>0</v>
      </c>
      <c r="T31" s="261">
        <v>1</v>
      </c>
      <c r="U31" s="261">
        <v>3</v>
      </c>
      <c r="V31" s="261">
        <v>6</v>
      </c>
      <c r="W31" s="258">
        <v>10</v>
      </c>
      <c r="X31" s="263">
        <v>10</v>
      </c>
      <c r="Y31" s="257">
        <v>3</v>
      </c>
      <c r="Z31" s="261">
        <v>6</v>
      </c>
      <c r="AA31" s="258">
        <v>9</v>
      </c>
      <c r="AB31" s="260">
        <v>0</v>
      </c>
      <c r="AC31" s="261">
        <v>22</v>
      </c>
      <c r="AD31" s="261">
        <v>18</v>
      </c>
      <c r="AE31" s="261">
        <v>18</v>
      </c>
      <c r="AF31" s="261">
        <v>10</v>
      </c>
      <c r="AG31" s="261">
        <v>7</v>
      </c>
      <c r="AH31" s="258">
        <v>75</v>
      </c>
      <c r="AI31" s="263">
        <v>84</v>
      </c>
      <c r="AJ31" s="257">
        <v>0</v>
      </c>
      <c r="AK31" s="261">
        <v>1</v>
      </c>
      <c r="AL31" s="258">
        <v>1</v>
      </c>
      <c r="AM31" s="260">
        <v>0</v>
      </c>
      <c r="AN31" s="261">
        <v>3</v>
      </c>
      <c r="AO31" s="261">
        <v>3</v>
      </c>
      <c r="AP31" s="261">
        <v>1</v>
      </c>
      <c r="AQ31" s="261">
        <v>2</v>
      </c>
      <c r="AR31" s="261">
        <v>0</v>
      </c>
      <c r="AS31" s="258">
        <v>9</v>
      </c>
      <c r="AT31" s="263">
        <v>10</v>
      </c>
      <c r="AU31" s="257">
        <v>0</v>
      </c>
      <c r="AV31" s="261">
        <v>2</v>
      </c>
      <c r="AW31" s="258">
        <v>2</v>
      </c>
      <c r="AX31" s="260">
        <v>0</v>
      </c>
      <c r="AY31" s="261">
        <v>17</v>
      </c>
      <c r="AZ31" s="261">
        <v>33</v>
      </c>
      <c r="BA31" s="261">
        <v>21</v>
      </c>
      <c r="BB31" s="261">
        <v>24</v>
      </c>
      <c r="BC31" s="261">
        <v>9</v>
      </c>
      <c r="BD31" s="262">
        <v>104</v>
      </c>
      <c r="BE31" s="263">
        <v>106</v>
      </c>
      <c r="BF31" s="257">
        <v>0</v>
      </c>
      <c r="BG31" s="261">
        <v>0</v>
      </c>
      <c r="BH31" s="258">
        <v>0</v>
      </c>
      <c r="BI31" s="260">
        <v>0</v>
      </c>
      <c r="BJ31" s="261">
        <v>34</v>
      </c>
      <c r="BK31" s="261">
        <v>40</v>
      </c>
      <c r="BL31" s="261">
        <v>29</v>
      </c>
      <c r="BM31" s="261">
        <v>13</v>
      </c>
      <c r="BN31" s="261">
        <v>6</v>
      </c>
      <c r="BO31" s="258">
        <v>122</v>
      </c>
      <c r="BP31" s="263">
        <v>122</v>
      </c>
      <c r="BQ31" s="257">
        <v>2</v>
      </c>
      <c r="BR31" s="261">
        <v>3</v>
      </c>
      <c r="BS31" s="258">
        <v>5</v>
      </c>
      <c r="BT31" s="260">
        <v>0</v>
      </c>
      <c r="BU31" s="261">
        <v>16</v>
      </c>
      <c r="BV31" s="261">
        <v>13</v>
      </c>
      <c r="BW31" s="261">
        <v>11</v>
      </c>
      <c r="BX31" s="261">
        <v>1</v>
      </c>
      <c r="BY31" s="261">
        <v>0</v>
      </c>
      <c r="BZ31" s="258">
        <v>41</v>
      </c>
      <c r="CA31" s="263">
        <v>46</v>
      </c>
      <c r="CB31" s="257">
        <v>0</v>
      </c>
      <c r="CC31" s="261">
        <v>0</v>
      </c>
      <c r="CD31" s="258">
        <v>0</v>
      </c>
      <c r="CE31" s="260">
        <v>0</v>
      </c>
      <c r="CF31" s="261">
        <v>3</v>
      </c>
      <c r="CG31" s="261">
        <v>8</v>
      </c>
      <c r="CH31" s="261">
        <v>20</v>
      </c>
      <c r="CI31" s="261">
        <v>4</v>
      </c>
      <c r="CJ31" s="261">
        <v>6</v>
      </c>
      <c r="CK31" s="258">
        <v>41</v>
      </c>
      <c r="CL31" s="263">
        <v>41</v>
      </c>
      <c r="CM31" s="257">
        <v>0</v>
      </c>
      <c r="CN31" s="261">
        <v>0</v>
      </c>
      <c r="CO31" s="258">
        <v>0</v>
      </c>
      <c r="CP31" s="260">
        <v>0</v>
      </c>
      <c r="CQ31" s="261">
        <v>1</v>
      </c>
      <c r="CR31" s="261">
        <v>3</v>
      </c>
      <c r="CS31" s="261">
        <v>2</v>
      </c>
      <c r="CT31" s="261">
        <v>0</v>
      </c>
      <c r="CU31" s="261">
        <v>1</v>
      </c>
      <c r="CV31" s="258">
        <v>7</v>
      </c>
      <c r="CW31" s="263">
        <v>7</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2</v>
      </c>
      <c r="DU31" s="261">
        <v>32</v>
      </c>
      <c r="DV31" s="258">
        <v>54</v>
      </c>
      <c r="DW31" s="260">
        <v>0</v>
      </c>
      <c r="DX31" s="261">
        <v>45</v>
      </c>
      <c r="DY31" s="261">
        <v>57</v>
      </c>
      <c r="DZ31" s="261">
        <v>55</v>
      </c>
      <c r="EA31" s="261">
        <v>32</v>
      </c>
      <c r="EB31" s="261">
        <v>20</v>
      </c>
      <c r="EC31" s="258">
        <v>209</v>
      </c>
      <c r="ED31" s="263">
        <v>263</v>
      </c>
      <c r="EE31" s="257">
        <v>1</v>
      </c>
      <c r="EF31" s="261">
        <v>0</v>
      </c>
      <c r="EG31" s="258">
        <v>1</v>
      </c>
      <c r="EH31" s="260">
        <v>0</v>
      </c>
      <c r="EI31" s="261">
        <v>7</v>
      </c>
      <c r="EJ31" s="261">
        <v>8</v>
      </c>
      <c r="EK31" s="261">
        <v>4</v>
      </c>
      <c r="EL31" s="261">
        <v>10</v>
      </c>
      <c r="EM31" s="261">
        <v>3</v>
      </c>
      <c r="EN31" s="258">
        <v>32</v>
      </c>
      <c r="EO31" s="263">
        <v>33</v>
      </c>
      <c r="EP31" s="257">
        <v>26</v>
      </c>
      <c r="EQ31" s="261">
        <v>38</v>
      </c>
      <c r="ER31" s="258">
        <v>64</v>
      </c>
      <c r="ES31" s="260">
        <v>0</v>
      </c>
      <c r="ET31" s="261">
        <v>92</v>
      </c>
      <c r="EU31" s="261">
        <v>86</v>
      </c>
      <c r="EV31" s="261">
        <v>61</v>
      </c>
      <c r="EW31" s="261">
        <v>32</v>
      </c>
      <c r="EX31" s="261">
        <v>19</v>
      </c>
      <c r="EY31" s="258">
        <v>290</v>
      </c>
      <c r="EZ31" s="263">
        <v>354</v>
      </c>
    </row>
    <row r="32" spans="2:156" ht="21" customHeight="1" x14ac:dyDescent="0.2">
      <c r="B32" s="472" t="s">
        <v>30</v>
      </c>
      <c r="C32" s="257">
        <v>0</v>
      </c>
      <c r="D32" s="261">
        <v>0</v>
      </c>
      <c r="E32" s="358">
        <v>0</v>
      </c>
      <c r="F32" s="260">
        <v>0</v>
      </c>
      <c r="G32" s="261">
        <v>20</v>
      </c>
      <c r="H32" s="261">
        <v>18</v>
      </c>
      <c r="I32" s="261">
        <v>19</v>
      </c>
      <c r="J32" s="261">
        <v>18</v>
      </c>
      <c r="K32" s="261">
        <v>7</v>
      </c>
      <c r="L32" s="262">
        <v>82</v>
      </c>
      <c r="M32" s="263">
        <v>82</v>
      </c>
      <c r="N32" s="257">
        <v>0</v>
      </c>
      <c r="O32" s="261">
        <v>0</v>
      </c>
      <c r="P32" s="258">
        <v>0</v>
      </c>
      <c r="Q32" s="260">
        <v>0</v>
      </c>
      <c r="R32" s="261">
        <v>2</v>
      </c>
      <c r="S32" s="261">
        <v>0</v>
      </c>
      <c r="T32" s="261">
        <v>1</v>
      </c>
      <c r="U32" s="261">
        <v>8</v>
      </c>
      <c r="V32" s="261">
        <v>3</v>
      </c>
      <c r="W32" s="258">
        <v>14</v>
      </c>
      <c r="X32" s="263">
        <v>14</v>
      </c>
      <c r="Y32" s="257">
        <v>2</v>
      </c>
      <c r="Z32" s="261">
        <v>7</v>
      </c>
      <c r="AA32" s="258">
        <v>9</v>
      </c>
      <c r="AB32" s="260">
        <v>0</v>
      </c>
      <c r="AC32" s="261">
        <v>20</v>
      </c>
      <c r="AD32" s="261">
        <v>17</v>
      </c>
      <c r="AE32" s="261">
        <v>15</v>
      </c>
      <c r="AF32" s="261">
        <v>18</v>
      </c>
      <c r="AG32" s="261">
        <v>4</v>
      </c>
      <c r="AH32" s="258">
        <v>74</v>
      </c>
      <c r="AI32" s="263">
        <v>83</v>
      </c>
      <c r="AJ32" s="257">
        <v>2</v>
      </c>
      <c r="AK32" s="261">
        <v>0</v>
      </c>
      <c r="AL32" s="258">
        <v>2</v>
      </c>
      <c r="AM32" s="260">
        <v>0</v>
      </c>
      <c r="AN32" s="261">
        <v>1</v>
      </c>
      <c r="AO32" s="261">
        <v>0</v>
      </c>
      <c r="AP32" s="261">
        <v>5</v>
      </c>
      <c r="AQ32" s="261">
        <v>1</v>
      </c>
      <c r="AR32" s="261">
        <v>0</v>
      </c>
      <c r="AS32" s="258">
        <v>7</v>
      </c>
      <c r="AT32" s="263">
        <v>9</v>
      </c>
      <c r="AU32" s="257">
        <v>1</v>
      </c>
      <c r="AV32" s="261">
        <v>1</v>
      </c>
      <c r="AW32" s="258">
        <v>2</v>
      </c>
      <c r="AX32" s="260">
        <v>0</v>
      </c>
      <c r="AY32" s="261">
        <v>23</v>
      </c>
      <c r="AZ32" s="261">
        <v>18</v>
      </c>
      <c r="BA32" s="261">
        <v>23</v>
      </c>
      <c r="BB32" s="261">
        <v>24</v>
      </c>
      <c r="BC32" s="261">
        <v>7</v>
      </c>
      <c r="BD32" s="262">
        <v>95</v>
      </c>
      <c r="BE32" s="263">
        <v>97</v>
      </c>
      <c r="BF32" s="257">
        <v>0</v>
      </c>
      <c r="BG32" s="261">
        <v>0</v>
      </c>
      <c r="BH32" s="258">
        <v>0</v>
      </c>
      <c r="BI32" s="260">
        <v>0</v>
      </c>
      <c r="BJ32" s="261">
        <v>26</v>
      </c>
      <c r="BK32" s="261">
        <v>26</v>
      </c>
      <c r="BL32" s="261">
        <v>15</v>
      </c>
      <c r="BM32" s="261">
        <v>13</v>
      </c>
      <c r="BN32" s="261">
        <v>2</v>
      </c>
      <c r="BO32" s="258">
        <v>82</v>
      </c>
      <c r="BP32" s="263">
        <v>82</v>
      </c>
      <c r="BQ32" s="257">
        <v>4</v>
      </c>
      <c r="BR32" s="261">
        <v>5</v>
      </c>
      <c r="BS32" s="258">
        <v>9</v>
      </c>
      <c r="BT32" s="260">
        <v>0</v>
      </c>
      <c r="BU32" s="261">
        <v>6</v>
      </c>
      <c r="BV32" s="261">
        <v>9</v>
      </c>
      <c r="BW32" s="261">
        <v>8</v>
      </c>
      <c r="BX32" s="261">
        <v>4</v>
      </c>
      <c r="BY32" s="261">
        <v>0</v>
      </c>
      <c r="BZ32" s="258">
        <v>27</v>
      </c>
      <c r="CA32" s="263">
        <v>36</v>
      </c>
      <c r="CB32" s="257">
        <v>0</v>
      </c>
      <c r="CC32" s="261">
        <v>1</v>
      </c>
      <c r="CD32" s="258">
        <v>1</v>
      </c>
      <c r="CE32" s="260">
        <v>0</v>
      </c>
      <c r="CF32" s="261">
        <v>5</v>
      </c>
      <c r="CG32" s="261">
        <v>6</v>
      </c>
      <c r="CH32" s="261">
        <v>12</v>
      </c>
      <c r="CI32" s="261">
        <v>9</v>
      </c>
      <c r="CJ32" s="261">
        <v>1</v>
      </c>
      <c r="CK32" s="258">
        <v>33</v>
      </c>
      <c r="CL32" s="263">
        <v>34</v>
      </c>
      <c r="CM32" s="257">
        <v>0</v>
      </c>
      <c r="CN32" s="261">
        <v>0</v>
      </c>
      <c r="CO32" s="258">
        <v>0</v>
      </c>
      <c r="CP32" s="260">
        <v>0</v>
      </c>
      <c r="CQ32" s="261">
        <v>0</v>
      </c>
      <c r="CR32" s="261">
        <v>2</v>
      </c>
      <c r="CS32" s="261">
        <v>2</v>
      </c>
      <c r="CT32" s="261">
        <v>2</v>
      </c>
      <c r="CU32" s="261">
        <v>1</v>
      </c>
      <c r="CV32" s="258">
        <v>7</v>
      </c>
      <c r="CW32" s="263">
        <v>7</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5</v>
      </c>
      <c r="DU32" s="261">
        <v>29</v>
      </c>
      <c r="DV32" s="258">
        <v>64</v>
      </c>
      <c r="DW32" s="260">
        <v>0</v>
      </c>
      <c r="DX32" s="261">
        <v>50</v>
      </c>
      <c r="DY32" s="261">
        <v>48</v>
      </c>
      <c r="DZ32" s="261">
        <v>57</v>
      </c>
      <c r="EA32" s="261">
        <v>38</v>
      </c>
      <c r="EB32" s="261">
        <v>12</v>
      </c>
      <c r="EC32" s="258">
        <v>205</v>
      </c>
      <c r="ED32" s="263">
        <v>269</v>
      </c>
      <c r="EE32" s="257">
        <v>1</v>
      </c>
      <c r="EF32" s="261">
        <v>1</v>
      </c>
      <c r="EG32" s="258">
        <v>2</v>
      </c>
      <c r="EH32" s="260">
        <v>0</v>
      </c>
      <c r="EI32" s="261">
        <v>6</v>
      </c>
      <c r="EJ32" s="261">
        <v>7</v>
      </c>
      <c r="EK32" s="261">
        <v>4</v>
      </c>
      <c r="EL32" s="261">
        <v>3</v>
      </c>
      <c r="EM32" s="261">
        <v>1</v>
      </c>
      <c r="EN32" s="258">
        <v>21</v>
      </c>
      <c r="EO32" s="263">
        <v>23</v>
      </c>
      <c r="EP32" s="257">
        <v>40</v>
      </c>
      <c r="EQ32" s="261">
        <v>33</v>
      </c>
      <c r="ER32" s="258">
        <v>73</v>
      </c>
      <c r="ES32" s="260">
        <v>0</v>
      </c>
      <c r="ET32" s="261">
        <v>79</v>
      </c>
      <c r="EU32" s="261">
        <v>63</v>
      </c>
      <c r="EV32" s="261">
        <v>59</v>
      </c>
      <c r="EW32" s="261">
        <v>41</v>
      </c>
      <c r="EX32" s="261">
        <v>13</v>
      </c>
      <c r="EY32" s="258">
        <v>255</v>
      </c>
      <c r="EZ32" s="263">
        <v>328</v>
      </c>
    </row>
    <row r="33" spans="2:156" ht="21" customHeight="1" x14ac:dyDescent="0.2">
      <c r="B33" s="472" t="s">
        <v>31</v>
      </c>
      <c r="C33" s="257">
        <v>0</v>
      </c>
      <c r="D33" s="261">
        <v>0</v>
      </c>
      <c r="E33" s="358">
        <v>0</v>
      </c>
      <c r="F33" s="260">
        <v>0</v>
      </c>
      <c r="G33" s="261">
        <v>10</v>
      </c>
      <c r="H33" s="261">
        <v>11</v>
      </c>
      <c r="I33" s="261">
        <v>11</v>
      </c>
      <c r="J33" s="261">
        <v>9</v>
      </c>
      <c r="K33" s="261">
        <v>6</v>
      </c>
      <c r="L33" s="262">
        <v>47</v>
      </c>
      <c r="M33" s="263">
        <v>47</v>
      </c>
      <c r="N33" s="257">
        <v>0</v>
      </c>
      <c r="O33" s="261">
        <v>0</v>
      </c>
      <c r="P33" s="258">
        <v>0</v>
      </c>
      <c r="Q33" s="260">
        <v>0</v>
      </c>
      <c r="R33" s="261">
        <v>1</v>
      </c>
      <c r="S33" s="261">
        <v>1</v>
      </c>
      <c r="T33" s="261">
        <v>4</v>
      </c>
      <c r="U33" s="261">
        <v>7</v>
      </c>
      <c r="V33" s="261">
        <v>3</v>
      </c>
      <c r="W33" s="258">
        <v>16</v>
      </c>
      <c r="X33" s="263">
        <v>16</v>
      </c>
      <c r="Y33" s="257">
        <v>5</v>
      </c>
      <c r="Z33" s="261">
        <v>6</v>
      </c>
      <c r="AA33" s="258">
        <v>11</v>
      </c>
      <c r="AB33" s="260">
        <v>0</v>
      </c>
      <c r="AC33" s="261">
        <v>15</v>
      </c>
      <c r="AD33" s="261">
        <v>19</v>
      </c>
      <c r="AE33" s="261">
        <v>12</v>
      </c>
      <c r="AF33" s="261">
        <v>19</v>
      </c>
      <c r="AG33" s="261">
        <v>9</v>
      </c>
      <c r="AH33" s="258">
        <v>74</v>
      </c>
      <c r="AI33" s="263">
        <v>85</v>
      </c>
      <c r="AJ33" s="257">
        <v>1</v>
      </c>
      <c r="AK33" s="261">
        <v>2</v>
      </c>
      <c r="AL33" s="258">
        <v>3</v>
      </c>
      <c r="AM33" s="260">
        <v>0</v>
      </c>
      <c r="AN33" s="261">
        <v>1</v>
      </c>
      <c r="AO33" s="261">
        <v>3</v>
      </c>
      <c r="AP33" s="261">
        <v>3</v>
      </c>
      <c r="AQ33" s="261">
        <v>3</v>
      </c>
      <c r="AR33" s="261">
        <v>1</v>
      </c>
      <c r="AS33" s="258">
        <v>11</v>
      </c>
      <c r="AT33" s="263">
        <v>14</v>
      </c>
      <c r="AU33" s="257">
        <v>2</v>
      </c>
      <c r="AV33" s="261">
        <v>0</v>
      </c>
      <c r="AW33" s="258">
        <v>2</v>
      </c>
      <c r="AX33" s="260">
        <v>0</v>
      </c>
      <c r="AY33" s="261">
        <v>14</v>
      </c>
      <c r="AZ33" s="261">
        <v>20</v>
      </c>
      <c r="BA33" s="261">
        <v>14</v>
      </c>
      <c r="BB33" s="261">
        <v>13</v>
      </c>
      <c r="BC33" s="261">
        <v>11</v>
      </c>
      <c r="BD33" s="262">
        <v>72</v>
      </c>
      <c r="BE33" s="263">
        <v>74</v>
      </c>
      <c r="BF33" s="257">
        <v>0</v>
      </c>
      <c r="BG33" s="261">
        <v>0</v>
      </c>
      <c r="BH33" s="258">
        <v>0</v>
      </c>
      <c r="BI33" s="260">
        <v>0</v>
      </c>
      <c r="BJ33" s="261">
        <v>39</v>
      </c>
      <c r="BK33" s="261">
        <v>38</v>
      </c>
      <c r="BL33" s="261">
        <v>16</v>
      </c>
      <c r="BM33" s="261">
        <v>14</v>
      </c>
      <c r="BN33" s="261">
        <v>3</v>
      </c>
      <c r="BO33" s="258">
        <v>110</v>
      </c>
      <c r="BP33" s="263">
        <v>110</v>
      </c>
      <c r="BQ33" s="257">
        <v>0</v>
      </c>
      <c r="BR33" s="261">
        <v>0</v>
      </c>
      <c r="BS33" s="258">
        <v>0</v>
      </c>
      <c r="BT33" s="260">
        <v>0</v>
      </c>
      <c r="BU33" s="261">
        <v>6</v>
      </c>
      <c r="BV33" s="261">
        <v>6</v>
      </c>
      <c r="BW33" s="261">
        <v>7</v>
      </c>
      <c r="BX33" s="261">
        <v>3</v>
      </c>
      <c r="BY33" s="261">
        <v>1</v>
      </c>
      <c r="BZ33" s="258">
        <v>23</v>
      </c>
      <c r="CA33" s="263">
        <v>23</v>
      </c>
      <c r="CB33" s="257">
        <v>0</v>
      </c>
      <c r="CC33" s="261">
        <v>0</v>
      </c>
      <c r="CD33" s="258">
        <v>0</v>
      </c>
      <c r="CE33" s="260">
        <v>0</v>
      </c>
      <c r="CF33" s="261">
        <v>7</v>
      </c>
      <c r="CG33" s="261">
        <v>4</v>
      </c>
      <c r="CH33" s="261">
        <v>12</v>
      </c>
      <c r="CI33" s="261">
        <v>6</v>
      </c>
      <c r="CJ33" s="261">
        <v>1</v>
      </c>
      <c r="CK33" s="258">
        <v>30</v>
      </c>
      <c r="CL33" s="263">
        <v>30</v>
      </c>
      <c r="CM33" s="257">
        <v>0</v>
      </c>
      <c r="CN33" s="261">
        <v>0</v>
      </c>
      <c r="CO33" s="258">
        <v>0</v>
      </c>
      <c r="CP33" s="260">
        <v>0</v>
      </c>
      <c r="CQ33" s="261">
        <v>0</v>
      </c>
      <c r="CR33" s="261">
        <v>1</v>
      </c>
      <c r="CS33" s="261">
        <v>0</v>
      </c>
      <c r="CT33" s="261">
        <v>0</v>
      </c>
      <c r="CU33" s="261">
        <v>1</v>
      </c>
      <c r="CV33" s="258">
        <v>2</v>
      </c>
      <c r="CW33" s="263">
        <v>2</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0</v>
      </c>
      <c r="DU33" s="261">
        <v>56</v>
      </c>
      <c r="DV33" s="258">
        <v>76</v>
      </c>
      <c r="DW33" s="260">
        <v>0</v>
      </c>
      <c r="DX33" s="261">
        <v>56</v>
      </c>
      <c r="DY33" s="261">
        <v>60</v>
      </c>
      <c r="DZ33" s="261">
        <v>41</v>
      </c>
      <c r="EA33" s="261">
        <v>37</v>
      </c>
      <c r="EB33" s="261">
        <v>12</v>
      </c>
      <c r="EC33" s="258">
        <v>206</v>
      </c>
      <c r="ED33" s="263">
        <v>282</v>
      </c>
      <c r="EE33" s="257">
        <v>1</v>
      </c>
      <c r="EF33" s="261">
        <v>1</v>
      </c>
      <c r="EG33" s="258">
        <v>2</v>
      </c>
      <c r="EH33" s="260">
        <v>0</v>
      </c>
      <c r="EI33" s="261">
        <v>8</v>
      </c>
      <c r="EJ33" s="261">
        <v>7</v>
      </c>
      <c r="EK33" s="261">
        <v>5</v>
      </c>
      <c r="EL33" s="261">
        <v>4</v>
      </c>
      <c r="EM33" s="261">
        <v>1</v>
      </c>
      <c r="EN33" s="258">
        <v>25</v>
      </c>
      <c r="EO33" s="263">
        <v>27</v>
      </c>
      <c r="EP33" s="257">
        <v>24</v>
      </c>
      <c r="EQ33" s="261">
        <v>60</v>
      </c>
      <c r="ER33" s="258">
        <v>84</v>
      </c>
      <c r="ES33" s="260">
        <v>0</v>
      </c>
      <c r="ET33" s="261">
        <v>93</v>
      </c>
      <c r="EU33" s="261">
        <v>81</v>
      </c>
      <c r="EV33" s="261">
        <v>43</v>
      </c>
      <c r="EW33" s="261">
        <v>35</v>
      </c>
      <c r="EX33" s="261">
        <v>12</v>
      </c>
      <c r="EY33" s="258">
        <v>264</v>
      </c>
      <c r="EZ33" s="263">
        <v>348</v>
      </c>
    </row>
    <row r="34" spans="2:156" ht="21" customHeight="1" x14ac:dyDescent="0.2">
      <c r="B34" s="472" t="s">
        <v>32</v>
      </c>
      <c r="C34" s="257">
        <v>0</v>
      </c>
      <c r="D34" s="261">
        <v>0</v>
      </c>
      <c r="E34" s="358">
        <v>0</v>
      </c>
      <c r="F34" s="260">
        <v>0</v>
      </c>
      <c r="G34" s="261">
        <v>31</v>
      </c>
      <c r="H34" s="261">
        <v>21</v>
      </c>
      <c r="I34" s="261">
        <v>16</v>
      </c>
      <c r="J34" s="261">
        <v>15</v>
      </c>
      <c r="K34" s="261">
        <v>12</v>
      </c>
      <c r="L34" s="262">
        <v>95</v>
      </c>
      <c r="M34" s="263">
        <v>95</v>
      </c>
      <c r="N34" s="257">
        <v>0</v>
      </c>
      <c r="O34" s="261">
        <v>0</v>
      </c>
      <c r="P34" s="258">
        <v>0</v>
      </c>
      <c r="Q34" s="260">
        <v>0</v>
      </c>
      <c r="R34" s="261">
        <v>0</v>
      </c>
      <c r="S34" s="261">
        <v>0</v>
      </c>
      <c r="T34" s="261">
        <v>2</v>
      </c>
      <c r="U34" s="261">
        <v>2</v>
      </c>
      <c r="V34" s="261">
        <v>7</v>
      </c>
      <c r="W34" s="258">
        <v>11</v>
      </c>
      <c r="X34" s="263">
        <v>11</v>
      </c>
      <c r="Y34" s="257">
        <v>3</v>
      </c>
      <c r="Z34" s="261">
        <v>8</v>
      </c>
      <c r="AA34" s="258">
        <v>11</v>
      </c>
      <c r="AB34" s="260">
        <v>0</v>
      </c>
      <c r="AC34" s="261">
        <v>32</v>
      </c>
      <c r="AD34" s="261">
        <v>24</v>
      </c>
      <c r="AE34" s="261">
        <v>16</v>
      </c>
      <c r="AF34" s="261">
        <v>11</v>
      </c>
      <c r="AG34" s="261">
        <v>9</v>
      </c>
      <c r="AH34" s="258">
        <v>92</v>
      </c>
      <c r="AI34" s="263">
        <v>103</v>
      </c>
      <c r="AJ34" s="257">
        <v>2</v>
      </c>
      <c r="AK34" s="261">
        <v>0</v>
      </c>
      <c r="AL34" s="258">
        <v>2</v>
      </c>
      <c r="AM34" s="260">
        <v>0</v>
      </c>
      <c r="AN34" s="261">
        <v>4</v>
      </c>
      <c r="AO34" s="261">
        <v>1</v>
      </c>
      <c r="AP34" s="261">
        <v>1</v>
      </c>
      <c r="AQ34" s="261">
        <v>3</v>
      </c>
      <c r="AR34" s="261">
        <v>2</v>
      </c>
      <c r="AS34" s="258">
        <v>11</v>
      </c>
      <c r="AT34" s="263">
        <v>13</v>
      </c>
      <c r="AU34" s="257">
        <v>2</v>
      </c>
      <c r="AV34" s="261">
        <v>1</v>
      </c>
      <c r="AW34" s="258">
        <v>3</v>
      </c>
      <c r="AX34" s="260">
        <v>0</v>
      </c>
      <c r="AY34" s="261">
        <v>16</v>
      </c>
      <c r="AZ34" s="261">
        <v>22</v>
      </c>
      <c r="BA34" s="261">
        <v>21</v>
      </c>
      <c r="BB34" s="261">
        <v>27</v>
      </c>
      <c r="BC34" s="261">
        <v>21</v>
      </c>
      <c r="BD34" s="262">
        <v>107</v>
      </c>
      <c r="BE34" s="263">
        <v>110</v>
      </c>
      <c r="BF34" s="257">
        <v>0</v>
      </c>
      <c r="BG34" s="261">
        <v>0</v>
      </c>
      <c r="BH34" s="258">
        <v>0</v>
      </c>
      <c r="BI34" s="260">
        <v>0</v>
      </c>
      <c r="BJ34" s="261">
        <v>48</v>
      </c>
      <c r="BK34" s="261">
        <v>47</v>
      </c>
      <c r="BL34" s="261">
        <v>23</v>
      </c>
      <c r="BM34" s="261">
        <v>17</v>
      </c>
      <c r="BN34" s="261">
        <v>4</v>
      </c>
      <c r="BO34" s="258">
        <v>139</v>
      </c>
      <c r="BP34" s="263">
        <v>139</v>
      </c>
      <c r="BQ34" s="257">
        <v>0</v>
      </c>
      <c r="BR34" s="261">
        <v>3</v>
      </c>
      <c r="BS34" s="258">
        <v>3</v>
      </c>
      <c r="BT34" s="260">
        <v>0</v>
      </c>
      <c r="BU34" s="261">
        <v>10</v>
      </c>
      <c r="BV34" s="261">
        <v>16</v>
      </c>
      <c r="BW34" s="261">
        <v>6</v>
      </c>
      <c r="BX34" s="261">
        <v>5</v>
      </c>
      <c r="BY34" s="261">
        <v>4</v>
      </c>
      <c r="BZ34" s="258">
        <v>41</v>
      </c>
      <c r="CA34" s="263">
        <v>44</v>
      </c>
      <c r="CB34" s="257">
        <v>0</v>
      </c>
      <c r="CC34" s="261">
        <v>1</v>
      </c>
      <c r="CD34" s="258">
        <v>1</v>
      </c>
      <c r="CE34" s="260">
        <v>0</v>
      </c>
      <c r="CF34" s="261">
        <v>3</v>
      </c>
      <c r="CG34" s="261">
        <v>8</v>
      </c>
      <c r="CH34" s="261">
        <v>8</v>
      </c>
      <c r="CI34" s="261">
        <v>2</v>
      </c>
      <c r="CJ34" s="261">
        <v>3</v>
      </c>
      <c r="CK34" s="258">
        <v>24</v>
      </c>
      <c r="CL34" s="263">
        <v>25</v>
      </c>
      <c r="CM34" s="257">
        <v>0</v>
      </c>
      <c r="CN34" s="261">
        <v>0</v>
      </c>
      <c r="CO34" s="258">
        <v>0</v>
      </c>
      <c r="CP34" s="260">
        <v>0</v>
      </c>
      <c r="CQ34" s="261">
        <v>0</v>
      </c>
      <c r="CR34" s="261">
        <v>1</v>
      </c>
      <c r="CS34" s="261">
        <v>2</v>
      </c>
      <c r="CT34" s="261">
        <v>3</v>
      </c>
      <c r="CU34" s="261">
        <v>0</v>
      </c>
      <c r="CV34" s="258">
        <v>6</v>
      </c>
      <c r="CW34" s="263">
        <v>6</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7</v>
      </c>
      <c r="DU34" s="261">
        <v>45</v>
      </c>
      <c r="DV34" s="258">
        <v>62</v>
      </c>
      <c r="DW34" s="260">
        <v>0</v>
      </c>
      <c r="DX34" s="261">
        <v>70</v>
      </c>
      <c r="DY34" s="261">
        <v>80</v>
      </c>
      <c r="DZ34" s="261">
        <v>48</v>
      </c>
      <c r="EA34" s="261">
        <v>32</v>
      </c>
      <c r="EB34" s="261">
        <v>20</v>
      </c>
      <c r="EC34" s="258">
        <v>250</v>
      </c>
      <c r="ED34" s="263">
        <v>312</v>
      </c>
      <c r="EE34" s="257">
        <v>3</v>
      </c>
      <c r="EF34" s="261">
        <v>3</v>
      </c>
      <c r="EG34" s="258">
        <v>6</v>
      </c>
      <c r="EH34" s="260">
        <v>0</v>
      </c>
      <c r="EI34" s="261">
        <v>7</v>
      </c>
      <c r="EJ34" s="261">
        <v>7</v>
      </c>
      <c r="EK34" s="261">
        <v>6</v>
      </c>
      <c r="EL34" s="261">
        <v>9</v>
      </c>
      <c r="EM34" s="261">
        <v>5</v>
      </c>
      <c r="EN34" s="258">
        <v>34</v>
      </c>
      <c r="EO34" s="263">
        <v>40</v>
      </c>
      <c r="EP34" s="257">
        <v>19</v>
      </c>
      <c r="EQ34" s="261">
        <v>45</v>
      </c>
      <c r="ER34" s="258">
        <v>64</v>
      </c>
      <c r="ES34" s="260">
        <v>0</v>
      </c>
      <c r="ET34" s="261">
        <v>134</v>
      </c>
      <c r="EU34" s="261">
        <v>118</v>
      </c>
      <c r="EV34" s="261">
        <v>57</v>
      </c>
      <c r="EW34" s="261">
        <v>34</v>
      </c>
      <c r="EX34" s="261">
        <v>22</v>
      </c>
      <c r="EY34" s="258">
        <v>365</v>
      </c>
      <c r="EZ34" s="263">
        <v>429</v>
      </c>
    </row>
    <row r="35" spans="2:156" ht="21" customHeight="1" x14ac:dyDescent="0.2">
      <c r="B35" s="472" t="s">
        <v>33</v>
      </c>
      <c r="C35" s="257">
        <v>0</v>
      </c>
      <c r="D35" s="261">
        <v>0</v>
      </c>
      <c r="E35" s="358">
        <v>0</v>
      </c>
      <c r="F35" s="260">
        <v>0</v>
      </c>
      <c r="G35" s="261">
        <v>18</v>
      </c>
      <c r="H35" s="261">
        <v>17</v>
      </c>
      <c r="I35" s="261">
        <v>10</v>
      </c>
      <c r="J35" s="261">
        <v>5</v>
      </c>
      <c r="K35" s="261">
        <v>9</v>
      </c>
      <c r="L35" s="262">
        <v>59</v>
      </c>
      <c r="M35" s="263">
        <v>59</v>
      </c>
      <c r="N35" s="257">
        <v>0</v>
      </c>
      <c r="O35" s="261">
        <v>0</v>
      </c>
      <c r="P35" s="258">
        <v>0</v>
      </c>
      <c r="Q35" s="260">
        <v>0</v>
      </c>
      <c r="R35" s="261">
        <v>0</v>
      </c>
      <c r="S35" s="261">
        <v>0</v>
      </c>
      <c r="T35" s="261">
        <v>1</v>
      </c>
      <c r="U35" s="261">
        <v>3</v>
      </c>
      <c r="V35" s="261">
        <v>4</v>
      </c>
      <c r="W35" s="258">
        <v>8</v>
      </c>
      <c r="X35" s="263">
        <v>8</v>
      </c>
      <c r="Y35" s="257">
        <v>0</v>
      </c>
      <c r="Z35" s="261">
        <v>3</v>
      </c>
      <c r="AA35" s="258">
        <v>3</v>
      </c>
      <c r="AB35" s="260">
        <v>0</v>
      </c>
      <c r="AC35" s="261">
        <v>18</v>
      </c>
      <c r="AD35" s="261">
        <v>15</v>
      </c>
      <c r="AE35" s="261">
        <v>3</v>
      </c>
      <c r="AF35" s="261">
        <v>6</v>
      </c>
      <c r="AG35" s="261">
        <v>6</v>
      </c>
      <c r="AH35" s="258">
        <v>48</v>
      </c>
      <c r="AI35" s="263">
        <v>51</v>
      </c>
      <c r="AJ35" s="257">
        <v>13</v>
      </c>
      <c r="AK35" s="261">
        <v>19</v>
      </c>
      <c r="AL35" s="258">
        <v>32</v>
      </c>
      <c r="AM35" s="260">
        <v>0</v>
      </c>
      <c r="AN35" s="261">
        <v>37</v>
      </c>
      <c r="AO35" s="261">
        <v>19</v>
      </c>
      <c r="AP35" s="261">
        <v>9</v>
      </c>
      <c r="AQ35" s="261">
        <v>3</v>
      </c>
      <c r="AR35" s="261">
        <v>3</v>
      </c>
      <c r="AS35" s="258">
        <v>71</v>
      </c>
      <c r="AT35" s="263">
        <v>103</v>
      </c>
      <c r="AU35" s="257">
        <v>6</v>
      </c>
      <c r="AV35" s="261">
        <v>10</v>
      </c>
      <c r="AW35" s="258">
        <v>16</v>
      </c>
      <c r="AX35" s="260">
        <v>0</v>
      </c>
      <c r="AY35" s="261">
        <v>28</v>
      </c>
      <c r="AZ35" s="261">
        <v>37</v>
      </c>
      <c r="BA35" s="261">
        <v>33</v>
      </c>
      <c r="BB35" s="261">
        <v>15</v>
      </c>
      <c r="BC35" s="261">
        <v>18</v>
      </c>
      <c r="BD35" s="262">
        <v>131</v>
      </c>
      <c r="BE35" s="263">
        <v>147</v>
      </c>
      <c r="BF35" s="257">
        <v>0</v>
      </c>
      <c r="BG35" s="261">
        <v>0</v>
      </c>
      <c r="BH35" s="258">
        <v>0</v>
      </c>
      <c r="BI35" s="260">
        <v>0</v>
      </c>
      <c r="BJ35" s="261">
        <v>12</v>
      </c>
      <c r="BK35" s="261">
        <v>8</v>
      </c>
      <c r="BL35" s="261">
        <v>4</v>
      </c>
      <c r="BM35" s="261">
        <v>3</v>
      </c>
      <c r="BN35" s="261">
        <v>3</v>
      </c>
      <c r="BO35" s="258">
        <v>30</v>
      </c>
      <c r="BP35" s="263">
        <v>30</v>
      </c>
      <c r="BQ35" s="257">
        <v>5</v>
      </c>
      <c r="BR35" s="261">
        <v>15</v>
      </c>
      <c r="BS35" s="258">
        <v>20</v>
      </c>
      <c r="BT35" s="260">
        <v>0</v>
      </c>
      <c r="BU35" s="261">
        <v>31</v>
      </c>
      <c r="BV35" s="261">
        <v>18</v>
      </c>
      <c r="BW35" s="261">
        <v>11</v>
      </c>
      <c r="BX35" s="261">
        <v>2</v>
      </c>
      <c r="BY35" s="261">
        <v>1</v>
      </c>
      <c r="BZ35" s="258">
        <v>63</v>
      </c>
      <c r="CA35" s="263">
        <v>83</v>
      </c>
      <c r="CB35" s="257">
        <v>0</v>
      </c>
      <c r="CC35" s="261">
        <v>1</v>
      </c>
      <c r="CD35" s="258">
        <v>1</v>
      </c>
      <c r="CE35" s="260">
        <v>0</v>
      </c>
      <c r="CF35" s="261">
        <v>3</v>
      </c>
      <c r="CG35" s="261">
        <v>4</v>
      </c>
      <c r="CH35" s="261">
        <v>5</v>
      </c>
      <c r="CI35" s="261">
        <v>4</v>
      </c>
      <c r="CJ35" s="261">
        <v>3</v>
      </c>
      <c r="CK35" s="258">
        <v>19</v>
      </c>
      <c r="CL35" s="263">
        <v>20</v>
      </c>
      <c r="CM35" s="257">
        <v>0</v>
      </c>
      <c r="CN35" s="261">
        <v>0</v>
      </c>
      <c r="CO35" s="258">
        <v>0</v>
      </c>
      <c r="CP35" s="260">
        <v>0</v>
      </c>
      <c r="CQ35" s="261">
        <v>2</v>
      </c>
      <c r="CR35" s="261">
        <v>1</v>
      </c>
      <c r="CS35" s="261">
        <v>1</v>
      </c>
      <c r="CT35" s="261">
        <v>1</v>
      </c>
      <c r="CU35" s="261">
        <v>1</v>
      </c>
      <c r="CV35" s="258">
        <v>6</v>
      </c>
      <c r="CW35" s="263">
        <v>6</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3</v>
      </c>
      <c r="DU35" s="261">
        <v>36</v>
      </c>
      <c r="DV35" s="258">
        <v>59</v>
      </c>
      <c r="DW35" s="260">
        <v>0</v>
      </c>
      <c r="DX35" s="261">
        <v>66</v>
      </c>
      <c r="DY35" s="261">
        <v>44</v>
      </c>
      <c r="DZ35" s="261">
        <v>27</v>
      </c>
      <c r="EA35" s="261">
        <v>15</v>
      </c>
      <c r="EB35" s="261">
        <v>19</v>
      </c>
      <c r="EC35" s="258">
        <v>171</v>
      </c>
      <c r="ED35" s="263">
        <v>230</v>
      </c>
      <c r="EE35" s="257">
        <v>3</v>
      </c>
      <c r="EF35" s="261">
        <v>4</v>
      </c>
      <c r="EG35" s="258">
        <v>7</v>
      </c>
      <c r="EH35" s="260">
        <v>0</v>
      </c>
      <c r="EI35" s="261">
        <v>15</v>
      </c>
      <c r="EJ35" s="261">
        <v>17</v>
      </c>
      <c r="EK35" s="261">
        <v>16</v>
      </c>
      <c r="EL35" s="261">
        <v>7</v>
      </c>
      <c r="EM35" s="261">
        <v>4</v>
      </c>
      <c r="EN35" s="258">
        <v>59</v>
      </c>
      <c r="EO35" s="263">
        <v>66</v>
      </c>
      <c r="EP35" s="257">
        <v>33</v>
      </c>
      <c r="EQ35" s="261">
        <v>56</v>
      </c>
      <c r="ER35" s="258">
        <v>89</v>
      </c>
      <c r="ES35" s="260">
        <v>0</v>
      </c>
      <c r="ET35" s="261">
        <v>113</v>
      </c>
      <c r="EU35" s="261">
        <v>61</v>
      </c>
      <c r="EV35" s="261">
        <v>39</v>
      </c>
      <c r="EW35" s="261">
        <v>15</v>
      </c>
      <c r="EX35" s="261">
        <v>17</v>
      </c>
      <c r="EY35" s="258">
        <v>245</v>
      </c>
      <c r="EZ35" s="263">
        <v>334</v>
      </c>
    </row>
    <row r="36" spans="2:156" ht="21" customHeight="1" x14ac:dyDescent="0.2">
      <c r="B36" s="472" t="s">
        <v>34</v>
      </c>
      <c r="C36" s="257">
        <v>0</v>
      </c>
      <c r="D36" s="261">
        <v>0</v>
      </c>
      <c r="E36" s="358">
        <v>0</v>
      </c>
      <c r="F36" s="260">
        <v>0</v>
      </c>
      <c r="G36" s="261">
        <v>14</v>
      </c>
      <c r="H36" s="261">
        <v>11</v>
      </c>
      <c r="I36" s="261">
        <v>6</v>
      </c>
      <c r="J36" s="261">
        <v>6</v>
      </c>
      <c r="K36" s="261">
        <v>1</v>
      </c>
      <c r="L36" s="262">
        <v>38</v>
      </c>
      <c r="M36" s="263">
        <v>38</v>
      </c>
      <c r="N36" s="257">
        <v>0</v>
      </c>
      <c r="O36" s="261">
        <v>0</v>
      </c>
      <c r="P36" s="258">
        <v>0</v>
      </c>
      <c r="Q36" s="260">
        <v>0</v>
      </c>
      <c r="R36" s="261">
        <v>0</v>
      </c>
      <c r="S36" s="261">
        <v>1</v>
      </c>
      <c r="T36" s="261">
        <v>0</v>
      </c>
      <c r="U36" s="261">
        <v>2</v>
      </c>
      <c r="V36" s="261">
        <v>5</v>
      </c>
      <c r="W36" s="258">
        <v>8</v>
      </c>
      <c r="X36" s="263">
        <v>8</v>
      </c>
      <c r="Y36" s="257">
        <v>1</v>
      </c>
      <c r="Z36" s="261">
        <v>6</v>
      </c>
      <c r="AA36" s="258">
        <v>7</v>
      </c>
      <c r="AB36" s="260">
        <v>0</v>
      </c>
      <c r="AC36" s="261">
        <v>13</v>
      </c>
      <c r="AD36" s="261">
        <v>16</v>
      </c>
      <c r="AE36" s="261">
        <v>8</v>
      </c>
      <c r="AF36" s="261">
        <v>10</v>
      </c>
      <c r="AG36" s="261">
        <v>6</v>
      </c>
      <c r="AH36" s="258">
        <v>53</v>
      </c>
      <c r="AI36" s="263">
        <v>60</v>
      </c>
      <c r="AJ36" s="257">
        <v>0</v>
      </c>
      <c r="AK36" s="261">
        <v>0</v>
      </c>
      <c r="AL36" s="258">
        <v>0</v>
      </c>
      <c r="AM36" s="260">
        <v>0</v>
      </c>
      <c r="AN36" s="261">
        <v>4</v>
      </c>
      <c r="AO36" s="261">
        <v>7</v>
      </c>
      <c r="AP36" s="261">
        <v>2</v>
      </c>
      <c r="AQ36" s="261">
        <v>1</v>
      </c>
      <c r="AR36" s="261">
        <v>1</v>
      </c>
      <c r="AS36" s="258">
        <v>15</v>
      </c>
      <c r="AT36" s="263">
        <v>15</v>
      </c>
      <c r="AU36" s="257">
        <v>6</v>
      </c>
      <c r="AV36" s="261">
        <v>2</v>
      </c>
      <c r="AW36" s="258">
        <v>8</v>
      </c>
      <c r="AX36" s="260">
        <v>0</v>
      </c>
      <c r="AY36" s="261">
        <v>33</v>
      </c>
      <c r="AZ36" s="261">
        <v>27</v>
      </c>
      <c r="BA36" s="261">
        <v>18</v>
      </c>
      <c r="BB36" s="261">
        <v>24</v>
      </c>
      <c r="BC36" s="261">
        <v>16</v>
      </c>
      <c r="BD36" s="262">
        <v>118</v>
      </c>
      <c r="BE36" s="263">
        <v>126</v>
      </c>
      <c r="BF36" s="257">
        <v>0</v>
      </c>
      <c r="BG36" s="261">
        <v>0</v>
      </c>
      <c r="BH36" s="258">
        <v>0</v>
      </c>
      <c r="BI36" s="260">
        <v>0</v>
      </c>
      <c r="BJ36" s="261">
        <v>25</v>
      </c>
      <c r="BK36" s="261">
        <v>21</v>
      </c>
      <c r="BL36" s="261">
        <v>11</v>
      </c>
      <c r="BM36" s="261">
        <v>12</v>
      </c>
      <c r="BN36" s="261">
        <v>1</v>
      </c>
      <c r="BO36" s="258">
        <v>70</v>
      </c>
      <c r="BP36" s="263">
        <v>70</v>
      </c>
      <c r="BQ36" s="257">
        <v>1</v>
      </c>
      <c r="BR36" s="261">
        <v>3</v>
      </c>
      <c r="BS36" s="258">
        <v>4</v>
      </c>
      <c r="BT36" s="260">
        <v>0</v>
      </c>
      <c r="BU36" s="261">
        <v>9</v>
      </c>
      <c r="BV36" s="261">
        <v>3</v>
      </c>
      <c r="BW36" s="261">
        <v>2</v>
      </c>
      <c r="BX36" s="261">
        <v>5</v>
      </c>
      <c r="BY36" s="261">
        <v>0</v>
      </c>
      <c r="BZ36" s="258">
        <v>19</v>
      </c>
      <c r="CA36" s="263">
        <v>23</v>
      </c>
      <c r="CB36" s="257">
        <v>0</v>
      </c>
      <c r="CC36" s="261">
        <v>0</v>
      </c>
      <c r="CD36" s="258">
        <v>0</v>
      </c>
      <c r="CE36" s="260">
        <v>0</v>
      </c>
      <c r="CF36" s="261">
        <v>4</v>
      </c>
      <c r="CG36" s="261">
        <v>2</v>
      </c>
      <c r="CH36" s="261">
        <v>4</v>
      </c>
      <c r="CI36" s="261">
        <v>2</v>
      </c>
      <c r="CJ36" s="261">
        <v>4</v>
      </c>
      <c r="CK36" s="258">
        <v>16</v>
      </c>
      <c r="CL36" s="263">
        <v>16</v>
      </c>
      <c r="CM36" s="257">
        <v>0</v>
      </c>
      <c r="CN36" s="261">
        <v>0</v>
      </c>
      <c r="CO36" s="258">
        <v>0</v>
      </c>
      <c r="CP36" s="260">
        <v>0</v>
      </c>
      <c r="CQ36" s="261">
        <v>1</v>
      </c>
      <c r="CR36" s="261">
        <v>0</v>
      </c>
      <c r="CS36" s="261">
        <v>0</v>
      </c>
      <c r="CT36" s="261">
        <v>1</v>
      </c>
      <c r="CU36" s="261">
        <v>0</v>
      </c>
      <c r="CV36" s="258">
        <v>2</v>
      </c>
      <c r="CW36" s="263">
        <v>2</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5</v>
      </c>
      <c r="DU36" s="261">
        <v>18</v>
      </c>
      <c r="DV36" s="258">
        <v>33</v>
      </c>
      <c r="DW36" s="260">
        <v>0</v>
      </c>
      <c r="DX36" s="261">
        <v>42</v>
      </c>
      <c r="DY36" s="261">
        <v>49</v>
      </c>
      <c r="DZ36" s="261">
        <v>25</v>
      </c>
      <c r="EA36" s="261">
        <v>24</v>
      </c>
      <c r="EB36" s="261">
        <v>10</v>
      </c>
      <c r="EC36" s="258">
        <v>150</v>
      </c>
      <c r="ED36" s="263">
        <v>183</v>
      </c>
      <c r="EE36" s="257">
        <v>4</v>
      </c>
      <c r="EF36" s="261">
        <v>1</v>
      </c>
      <c r="EG36" s="258">
        <v>5</v>
      </c>
      <c r="EH36" s="260">
        <v>0</v>
      </c>
      <c r="EI36" s="261">
        <v>11</v>
      </c>
      <c r="EJ36" s="261">
        <v>5</v>
      </c>
      <c r="EK36" s="261">
        <v>3</v>
      </c>
      <c r="EL36" s="261">
        <v>8</v>
      </c>
      <c r="EM36" s="261">
        <v>4</v>
      </c>
      <c r="EN36" s="258">
        <v>31</v>
      </c>
      <c r="EO36" s="263">
        <v>36</v>
      </c>
      <c r="EP36" s="257">
        <v>16</v>
      </c>
      <c r="EQ36" s="261">
        <v>23</v>
      </c>
      <c r="ER36" s="258">
        <v>39</v>
      </c>
      <c r="ES36" s="260">
        <v>0</v>
      </c>
      <c r="ET36" s="261">
        <v>74</v>
      </c>
      <c r="EU36" s="261">
        <v>56</v>
      </c>
      <c r="EV36" s="261">
        <v>22</v>
      </c>
      <c r="EW36" s="261">
        <v>25</v>
      </c>
      <c r="EX36" s="261">
        <v>9</v>
      </c>
      <c r="EY36" s="258">
        <v>186</v>
      </c>
      <c r="EZ36" s="263">
        <v>225</v>
      </c>
    </row>
    <row r="37" spans="2:156" ht="21" customHeight="1" x14ac:dyDescent="0.2">
      <c r="B37" s="472" t="s">
        <v>35</v>
      </c>
      <c r="C37" s="257">
        <v>0</v>
      </c>
      <c r="D37" s="261">
        <v>0</v>
      </c>
      <c r="E37" s="358">
        <v>0</v>
      </c>
      <c r="F37" s="260">
        <v>0</v>
      </c>
      <c r="G37" s="261">
        <v>108</v>
      </c>
      <c r="H37" s="261">
        <v>58</v>
      </c>
      <c r="I37" s="261">
        <v>41</v>
      </c>
      <c r="J37" s="261">
        <v>43</v>
      </c>
      <c r="K37" s="261">
        <v>14</v>
      </c>
      <c r="L37" s="262">
        <v>264</v>
      </c>
      <c r="M37" s="263">
        <v>264</v>
      </c>
      <c r="N37" s="257">
        <v>0</v>
      </c>
      <c r="O37" s="261">
        <v>0</v>
      </c>
      <c r="P37" s="258">
        <v>0</v>
      </c>
      <c r="Q37" s="260">
        <v>0</v>
      </c>
      <c r="R37" s="261">
        <v>0</v>
      </c>
      <c r="S37" s="261">
        <v>4</v>
      </c>
      <c r="T37" s="261">
        <v>4</v>
      </c>
      <c r="U37" s="261">
        <v>9</v>
      </c>
      <c r="V37" s="261">
        <v>12</v>
      </c>
      <c r="W37" s="258">
        <v>29</v>
      </c>
      <c r="X37" s="263">
        <v>29</v>
      </c>
      <c r="Y37" s="257">
        <v>3</v>
      </c>
      <c r="Z37" s="261">
        <v>9</v>
      </c>
      <c r="AA37" s="258">
        <v>12</v>
      </c>
      <c r="AB37" s="260">
        <v>0</v>
      </c>
      <c r="AC37" s="261">
        <v>52</v>
      </c>
      <c r="AD37" s="261">
        <v>35</v>
      </c>
      <c r="AE37" s="261">
        <v>28</v>
      </c>
      <c r="AF37" s="261">
        <v>28</v>
      </c>
      <c r="AG37" s="261">
        <v>16</v>
      </c>
      <c r="AH37" s="258">
        <v>159</v>
      </c>
      <c r="AI37" s="263">
        <v>171</v>
      </c>
      <c r="AJ37" s="257">
        <v>3</v>
      </c>
      <c r="AK37" s="261">
        <v>10</v>
      </c>
      <c r="AL37" s="258">
        <v>13</v>
      </c>
      <c r="AM37" s="260">
        <v>0</v>
      </c>
      <c r="AN37" s="261">
        <v>21</v>
      </c>
      <c r="AO37" s="261">
        <v>14</v>
      </c>
      <c r="AP37" s="261">
        <v>5</v>
      </c>
      <c r="AQ37" s="261">
        <v>8</v>
      </c>
      <c r="AR37" s="261">
        <v>3</v>
      </c>
      <c r="AS37" s="258">
        <v>51</v>
      </c>
      <c r="AT37" s="263">
        <v>64</v>
      </c>
      <c r="AU37" s="257">
        <v>20</v>
      </c>
      <c r="AV37" s="261">
        <v>27</v>
      </c>
      <c r="AW37" s="258">
        <v>47</v>
      </c>
      <c r="AX37" s="260">
        <v>0</v>
      </c>
      <c r="AY37" s="261">
        <v>93</v>
      </c>
      <c r="AZ37" s="261">
        <v>73</v>
      </c>
      <c r="BA37" s="261">
        <v>73</v>
      </c>
      <c r="BB37" s="261">
        <v>94</v>
      </c>
      <c r="BC37" s="261">
        <v>44</v>
      </c>
      <c r="BD37" s="262">
        <v>377</v>
      </c>
      <c r="BE37" s="263">
        <v>424</v>
      </c>
      <c r="BF37" s="257">
        <v>0</v>
      </c>
      <c r="BG37" s="261">
        <v>0</v>
      </c>
      <c r="BH37" s="258">
        <v>0</v>
      </c>
      <c r="BI37" s="260">
        <v>0</v>
      </c>
      <c r="BJ37" s="261">
        <v>146</v>
      </c>
      <c r="BK37" s="261">
        <v>79</v>
      </c>
      <c r="BL37" s="261">
        <v>44</v>
      </c>
      <c r="BM37" s="261">
        <v>31</v>
      </c>
      <c r="BN37" s="261">
        <v>12</v>
      </c>
      <c r="BO37" s="258">
        <v>312</v>
      </c>
      <c r="BP37" s="263">
        <v>312</v>
      </c>
      <c r="BQ37" s="257">
        <v>9</v>
      </c>
      <c r="BR37" s="261">
        <v>22</v>
      </c>
      <c r="BS37" s="258">
        <v>31</v>
      </c>
      <c r="BT37" s="260">
        <v>0</v>
      </c>
      <c r="BU37" s="261">
        <v>62</v>
      </c>
      <c r="BV37" s="261">
        <v>30</v>
      </c>
      <c r="BW37" s="261">
        <v>11</v>
      </c>
      <c r="BX37" s="261">
        <v>17</v>
      </c>
      <c r="BY37" s="261">
        <v>0</v>
      </c>
      <c r="BZ37" s="258">
        <v>120</v>
      </c>
      <c r="CA37" s="263">
        <v>151</v>
      </c>
      <c r="CB37" s="257">
        <v>1</v>
      </c>
      <c r="CC37" s="261">
        <v>0</v>
      </c>
      <c r="CD37" s="258">
        <v>1</v>
      </c>
      <c r="CE37" s="260">
        <v>0</v>
      </c>
      <c r="CF37" s="261">
        <v>14</v>
      </c>
      <c r="CG37" s="261">
        <v>8</v>
      </c>
      <c r="CH37" s="261">
        <v>8</v>
      </c>
      <c r="CI37" s="261">
        <v>9</v>
      </c>
      <c r="CJ37" s="261">
        <v>2</v>
      </c>
      <c r="CK37" s="258">
        <v>41</v>
      </c>
      <c r="CL37" s="263">
        <v>42</v>
      </c>
      <c r="CM37" s="257">
        <v>0</v>
      </c>
      <c r="CN37" s="261">
        <v>0</v>
      </c>
      <c r="CO37" s="258">
        <v>0</v>
      </c>
      <c r="CP37" s="260">
        <v>0</v>
      </c>
      <c r="CQ37" s="261">
        <v>3</v>
      </c>
      <c r="CR37" s="261">
        <v>1</v>
      </c>
      <c r="CS37" s="261">
        <v>3</v>
      </c>
      <c r="CT37" s="261">
        <v>2</v>
      </c>
      <c r="CU37" s="261">
        <v>0</v>
      </c>
      <c r="CV37" s="258">
        <v>9</v>
      </c>
      <c r="CW37" s="263">
        <v>9</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46</v>
      </c>
      <c r="DU37" s="261">
        <v>84</v>
      </c>
      <c r="DV37" s="258">
        <v>130</v>
      </c>
      <c r="DW37" s="260">
        <v>0</v>
      </c>
      <c r="DX37" s="261">
        <v>181</v>
      </c>
      <c r="DY37" s="261">
        <v>143</v>
      </c>
      <c r="DZ37" s="261">
        <v>86</v>
      </c>
      <c r="EA37" s="261">
        <v>77</v>
      </c>
      <c r="EB37" s="261">
        <v>33</v>
      </c>
      <c r="EC37" s="258">
        <v>520</v>
      </c>
      <c r="ED37" s="263">
        <v>650</v>
      </c>
      <c r="EE37" s="257">
        <v>17</v>
      </c>
      <c r="EF37" s="261">
        <v>14</v>
      </c>
      <c r="EG37" s="258">
        <v>31</v>
      </c>
      <c r="EH37" s="260">
        <v>0</v>
      </c>
      <c r="EI37" s="261">
        <v>41</v>
      </c>
      <c r="EJ37" s="261">
        <v>19</v>
      </c>
      <c r="EK37" s="261">
        <v>24</v>
      </c>
      <c r="EL37" s="261">
        <v>35</v>
      </c>
      <c r="EM37" s="261">
        <v>9</v>
      </c>
      <c r="EN37" s="258">
        <v>128</v>
      </c>
      <c r="EO37" s="263">
        <v>159</v>
      </c>
      <c r="EP37" s="257">
        <v>55</v>
      </c>
      <c r="EQ37" s="261">
        <v>108</v>
      </c>
      <c r="ER37" s="258">
        <v>163</v>
      </c>
      <c r="ES37" s="260">
        <v>0</v>
      </c>
      <c r="ET37" s="261">
        <v>342</v>
      </c>
      <c r="EU37" s="261">
        <v>196</v>
      </c>
      <c r="EV37" s="261">
        <v>101</v>
      </c>
      <c r="EW37" s="261">
        <v>94</v>
      </c>
      <c r="EX37" s="261">
        <v>38</v>
      </c>
      <c r="EY37" s="258">
        <v>771</v>
      </c>
      <c r="EZ37" s="263">
        <v>934</v>
      </c>
    </row>
    <row r="38" spans="2:156" ht="21" customHeight="1" x14ac:dyDescent="0.2">
      <c r="B38" s="472" t="s">
        <v>36</v>
      </c>
      <c r="C38" s="257">
        <v>0</v>
      </c>
      <c r="D38" s="261">
        <v>0</v>
      </c>
      <c r="E38" s="358">
        <v>0</v>
      </c>
      <c r="F38" s="260">
        <v>0</v>
      </c>
      <c r="G38" s="261">
        <v>63</v>
      </c>
      <c r="H38" s="261">
        <v>64</v>
      </c>
      <c r="I38" s="261">
        <v>35</v>
      </c>
      <c r="J38" s="261">
        <v>35</v>
      </c>
      <c r="K38" s="261">
        <v>33</v>
      </c>
      <c r="L38" s="262">
        <v>230</v>
      </c>
      <c r="M38" s="263">
        <v>230</v>
      </c>
      <c r="N38" s="257">
        <v>0</v>
      </c>
      <c r="O38" s="261">
        <v>0</v>
      </c>
      <c r="P38" s="258">
        <v>0</v>
      </c>
      <c r="Q38" s="260">
        <v>0</v>
      </c>
      <c r="R38" s="261">
        <v>3</v>
      </c>
      <c r="S38" s="261">
        <v>5</v>
      </c>
      <c r="T38" s="261">
        <v>5</v>
      </c>
      <c r="U38" s="261">
        <v>7</v>
      </c>
      <c r="V38" s="261">
        <v>12</v>
      </c>
      <c r="W38" s="258">
        <v>32</v>
      </c>
      <c r="X38" s="263">
        <v>32</v>
      </c>
      <c r="Y38" s="257">
        <v>13</v>
      </c>
      <c r="Z38" s="261">
        <v>23</v>
      </c>
      <c r="AA38" s="258">
        <v>36</v>
      </c>
      <c r="AB38" s="260">
        <v>0</v>
      </c>
      <c r="AC38" s="261">
        <v>52</v>
      </c>
      <c r="AD38" s="261">
        <v>55</v>
      </c>
      <c r="AE38" s="261">
        <v>30</v>
      </c>
      <c r="AF38" s="261">
        <v>32</v>
      </c>
      <c r="AG38" s="261">
        <v>27</v>
      </c>
      <c r="AH38" s="258">
        <v>196</v>
      </c>
      <c r="AI38" s="263">
        <v>232</v>
      </c>
      <c r="AJ38" s="257">
        <v>4</v>
      </c>
      <c r="AK38" s="261">
        <v>10</v>
      </c>
      <c r="AL38" s="258">
        <v>14</v>
      </c>
      <c r="AM38" s="260">
        <v>0</v>
      </c>
      <c r="AN38" s="261">
        <v>17</v>
      </c>
      <c r="AO38" s="261">
        <v>14</v>
      </c>
      <c r="AP38" s="261">
        <v>7</v>
      </c>
      <c r="AQ38" s="261">
        <v>9</v>
      </c>
      <c r="AR38" s="261">
        <v>10</v>
      </c>
      <c r="AS38" s="258">
        <v>57</v>
      </c>
      <c r="AT38" s="263">
        <v>71</v>
      </c>
      <c r="AU38" s="257">
        <v>4</v>
      </c>
      <c r="AV38" s="261">
        <v>8</v>
      </c>
      <c r="AW38" s="258">
        <v>12</v>
      </c>
      <c r="AX38" s="260">
        <v>0</v>
      </c>
      <c r="AY38" s="261">
        <v>34</v>
      </c>
      <c r="AZ38" s="261">
        <v>61</v>
      </c>
      <c r="BA38" s="261">
        <v>59</v>
      </c>
      <c r="BB38" s="261">
        <v>57</v>
      </c>
      <c r="BC38" s="261">
        <v>51</v>
      </c>
      <c r="BD38" s="262">
        <v>262</v>
      </c>
      <c r="BE38" s="263">
        <v>274</v>
      </c>
      <c r="BF38" s="257">
        <v>0</v>
      </c>
      <c r="BG38" s="261">
        <v>0</v>
      </c>
      <c r="BH38" s="258">
        <v>0</v>
      </c>
      <c r="BI38" s="260">
        <v>0</v>
      </c>
      <c r="BJ38" s="261">
        <v>83</v>
      </c>
      <c r="BK38" s="261">
        <v>97</v>
      </c>
      <c r="BL38" s="261">
        <v>40</v>
      </c>
      <c r="BM38" s="261">
        <v>33</v>
      </c>
      <c r="BN38" s="261">
        <v>16</v>
      </c>
      <c r="BO38" s="258">
        <v>269</v>
      </c>
      <c r="BP38" s="263">
        <v>269</v>
      </c>
      <c r="BQ38" s="257">
        <v>4</v>
      </c>
      <c r="BR38" s="261">
        <v>8</v>
      </c>
      <c r="BS38" s="258">
        <v>12</v>
      </c>
      <c r="BT38" s="260">
        <v>0</v>
      </c>
      <c r="BU38" s="261">
        <v>27</v>
      </c>
      <c r="BV38" s="261">
        <v>26</v>
      </c>
      <c r="BW38" s="261">
        <v>16</v>
      </c>
      <c r="BX38" s="261">
        <v>8</v>
      </c>
      <c r="BY38" s="261">
        <v>4</v>
      </c>
      <c r="BZ38" s="258">
        <v>81</v>
      </c>
      <c r="CA38" s="263">
        <v>93</v>
      </c>
      <c r="CB38" s="257">
        <v>0</v>
      </c>
      <c r="CC38" s="261">
        <v>0</v>
      </c>
      <c r="CD38" s="258">
        <v>0</v>
      </c>
      <c r="CE38" s="260">
        <v>0</v>
      </c>
      <c r="CF38" s="261">
        <v>12</v>
      </c>
      <c r="CG38" s="261">
        <v>25</v>
      </c>
      <c r="CH38" s="261">
        <v>22</v>
      </c>
      <c r="CI38" s="261">
        <v>19</v>
      </c>
      <c r="CJ38" s="261">
        <v>13</v>
      </c>
      <c r="CK38" s="258">
        <v>91</v>
      </c>
      <c r="CL38" s="263">
        <v>91</v>
      </c>
      <c r="CM38" s="257">
        <v>0</v>
      </c>
      <c r="CN38" s="261">
        <v>0</v>
      </c>
      <c r="CO38" s="258">
        <v>0</v>
      </c>
      <c r="CP38" s="260">
        <v>0</v>
      </c>
      <c r="CQ38" s="261">
        <v>2</v>
      </c>
      <c r="CR38" s="261">
        <v>2</v>
      </c>
      <c r="CS38" s="261">
        <v>0</v>
      </c>
      <c r="CT38" s="261">
        <v>1</v>
      </c>
      <c r="CU38" s="261">
        <v>1</v>
      </c>
      <c r="CV38" s="258">
        <v>6</v>
      </c>
      <c r="CW38" s="263">
        <v>6</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32</v>
      </c>
      <c r="DU38" s="261">
        <v>97</v>
      </c>
      <c r="DV38" s="258">
        <v>129</v>
      </c>
      <c r="DW38" s="260">
        <v>0</v>
      </c>
      <c r="DX38" s="261">
        <v>161</v>
      </c>
      <c r="DY38" s="261">
        <v>179</v>
      </c>
      <c r="DZ38" s="261">
        <v>82</v>
      </c>
      <c r="EA38" s="261">
        <v>85</v>
      </c>
      <c r="EB38" s="261">
        <v>57</v>
      </c>
      <c r="EC38" s="258">
        <v>564</v>
      </c>
      <c r="ED38" s="263">
        <v>693</v>
      </c>
      <c r="EE38" s="257">
        <v>2</v>
      </c>
      <c r="EF38" s="261">
        <v>1</v>
      </c>
      <c r="EG38" s="258">
        <v>3</v>
      </c>
      <c r="EH38" s="260">
        <v>0</v>
      </c>
      <c r="EI38" s="261">
        <v>11</v>
      </c>
      <c r="EJ38" s="261">
        <v>13</v>
      </c>
      <c r="EK38" s="261">
        <v>16</v>
      </c>
      <c r="EL38" s="261">
        <v>10</v>
      </c>
      <c r="EM38" s="261">
        <v>3</v>
      </c>
      <c r="EN38" s="258">
        <v>53</v>
      </c>
      <c r="EO38" s="263">
        <v>56</v>
      </c>
      <c r="EP38" s="257">
        <v>47</v>
      </c>
      <c r="EQ38" s="261">
        <v>122</v>
      </c>
      <c r="ER38" s="258">
        <v>169</v>
      </c>
      <c r="ES38" s="260">
        <v>0</v>
      </c>
      <c r="ET38" s="261">
        <v>273</v>
      </c>
      <c r="EU38" s="261">
        <v>241</v>
      </c>
      <c r="EV38" s="261">
        <v>114</v>
      </c>
      <c r="EW38" s="261">
        <v>98</v>
      </c>
      <c r="EX38" s="261">
        <v>68</v>
      </c>
      <c r="EY38" s="258">
        <v>794</v>
      </c>
      <c r="EZ38" s="263">
        <v>963</v>
      </c>
    </row>
    <row r="39" spans="2:156" ht="21" customHeight="1" thickBot="1" x14ac:dyDescent="0.25">
      <c r="B39" s="473" t="s">
        <v>37</v>
      </c>
      <c r="C39" s="264">
        <v>0</v>
      </c>
      <c r="D39" s="268">
        <v>0</v>
      </c>
      <c r="E39" s="359">
        <v>0</v>
      </c>
      <c r="F39" s="267">
        <v>0</v>
      </c>
      <c r="G39" s="268">
        <v>5</v>
      </c>
      <c r="H39" s="268">
        <v>7</v>
      </c>
      <c r="I39" s="268">
        <v>1</v>
      </c>
      <c r="J39" s="268">
        <v>2</v>
      </c>
      <c r="K39" s="268">
        <v>4</v>
      </c>
      <c r="L39" s="269">
        <v>19</v>
      </c>
      <c r="M39" s="270">
        <v>19</v>
      </c>
      <c r="N39" s="264">
        <v>0</v>
      </c>
      <c r="O39" s="268">
        <v>0</v>
      </c>
      <c r="P39" s="265">
        <v>0</v>
      </c>
      <c r="Q39" s="267">
        <v>0</v>
      </c>
      <c r="R39" s="268">
        <v>0</v>
      </c>
      <c r="S39" s="268">
        <v>0</v>
      </c>
      <c r="T39" s="268">
        <v>0</v>
      </c>
      <c r="U39" s="268">
        <v>0</v>
      </c>
      <c r="V39" s="268">
        <v>0</v>
      </c>
      <c r="W39" s="265">
        <v>0</v>
      </c>
      <c r="X39" s="270">
        <v>0</v>
      </c>
      <c r="Y39" s="264">
        <v>1</v>
      </c>
      <c r="Z39" s="268">
        <v>1</v>
      </c>
      <c r="AA39" s="265">
        <v>2</v>
      </c>
      <c r="AB39" s="267">
        <v>0</v>
      </c>
      <c r="AC39" s="268">
        <v>5</v>
      </c>
      <c r="AD39" s="268">
        <v>4</v>
      </c>
      <c r="AE39" s="268">
        <v>1</v>
      </c>
      <c r="AF39" s="268">
        <v>5</v>
      </c>
      <c r="AG39" s="268">
        <v>1</v>
      </c>
      <c r="AH39" s="265">
        <v>16</v>
      </c>
      <c r="AI39" s="270">
        <v>18</v>
      </c>
      <c r="AJ39" s="264">
        <v>0</v>
      </c>
      <c r="AK39" s="268">
        <v>0</v>
      </c>
      <c r="AL39" s="265">
        <v>0</v>
      </c>
      <c r="AM39" s="267">
        <v>0</v>
      </c>
      <c r="AN39" s="268">
        <v>0</v>
      </c>
      <c r="AO39" s="268">
        <v>1</v>
      </c>
      <c r="AP39" s="268">
        <v>0</v>
      </c>
      <c r="AQ39" s="268">
        <v>2</v>
      </c>
      <c r="AR39" s="268">
        <v>0</v>
      </c>
      <c r="AS39" s="265">
        <v>3</v>
      </c>
      <c r="AT39" s="270">
        <v>3</v>
      </c>
      <c r="AU39" s="264">
        <v>1</v>
      </c>
      <c r="AV39" s="268">
        <v>0</v>
      </c>
      <c r="AW39" s="265">
        <v>1</v>
      </c>
      <c r="AX39" s="267">
        <v>0</v>
      </c>
      <c r="AY39" s="268">
        <v>3</v>
      </c>
      <c r="AZ39" s="268">
        <v>1</v>
      </c>
      <c r="BA39" s="268">
        <v>6</v>
      </c>
      <c r="BB39" s="268">
        <v>8</v>
      </c>
      <c r="BC39" s="268">
        <v>4</v>
      </c>
      <c r="BD39" s="269">
        <v>22</v>
      </c>
      <c r="BE39" s="270">
        <v>23</v>
      </c>
      <c r="BF39" s="264">
        <v>0</v>
      </c>
      <c r="BG39" s="268">
        <v>0</v>
      </c>
      <c r="BH39" s="265">
        <v>0</v>
      </c>
      <c r="BI39" s="267">
        <v>0</v>
      </c>
      <c r="BJ39" s="268">
        <v>6</v>
      </c>
      <c r="BK39" s="268">
        <v>4</v>
      </c>
      <c r="BL39" s="268">
        <v>6</v>
      </c>
      <c r="BM39" s="268">
        <v>4</v>
      </c>
      <c r="BN39" s="268">
        <v>2</v>
      </c>
      <c r="BO39" s="265">
        <v>22</v>
      </c>
      <c r="BP39" s="270">
        <v>22</v>
      </c>
      <c r="BQ39" s="264">
        <v>3</v>
      </c>
      <c r="BR39" s="268">
        <v>2</v>
      </c>
      <c r="BS39" s="265">
        <v>5</v>
      </c>
      <c r="BT39" s="267">
        <v>0</v>
      </c>
      <c r="BU39" s="268">
        <v>6</v>
      </c>
      <c r="BV39" s="268">
        <v>4</v>
      </c>
      <c r="BW39" s="268">
        <v>1</v>
      </c>
      <c r="BX39" s="268">
        <v>3</v>
      </c>
      <c r="BY39" s="268">
        <v>1</v>
      </c>
      <c r="BZ39" s="265">
        <v>15</v>
      </c>
      <c r="CA39" s="270">
        <v>20</v>
      </c>
      <c r="CB39" s="264">
        <v>0</v>
      </c>
      <c r="CC39" s="268">
        <v>0</v>
      </c>
      <c r="CD39" s="265">
        <v>0</v>
      </c>
      <c r="CE39" s="267">
        <v>0</v>
      </c>
      <c r="CF39" s="268">
        <v>1</v>
      </c>
      <c r="CG39" s="268">
        <v>2</v>
      </c>
      <c r="CH39" s="268">
        <v>4</v>
      </c>
      <c r="CI39" s="268">
        <v>3</v>
      </c>
      <c r="CJ39" s="268">
        <v>0</v>
      </c>
      <c r="CK39" s="265">
        <v>10</v>
      </c>
      <c r="CL39" s="270">
        <v>10</v>
      </c>
      <c r="CM39" s="264">
        <v>0</v>
      </c>
      <c r="CN39" s="268">
        <v>0</v>
      </c>
      <c r="CO39" s="265">
        <v>0</v>
      </c>
      <c r="CP39" s="267">
        <v>0</v>
      </c>
      <c r="CQ39" s="268">
        <v>0</v>
      </c>
      <c r="CR39" s="268">
        <v>0</v>
      </c>
      <c r="CS39" s="268">
        <v>0</v>
      </c>
      <c r="CT39" s="268">
        <v>1</v>
      </c>
      <c r="CU39" s="268">
        <v>1</v>
      </c>
      <c r="CV39" s="265">
        <v>2</v>
      </c>
      <c r="CW39" s="270">
        <v>2</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4</v>
      </c>
      <c r="DU39" s="268">
        <v>4</v>
      </c>
      <c r="DV39" s="265">
        <v>18</v>
      </c>
      <c r="DW39" s="267">
        <v>0</v>
      </c>
      <c r="DX39" s="268">
        <v>17</v>
      </c>
      <c r="DY39" s="268">
        <v>19</v>
      </c>
      <c r="DZ39" s="268">
        <v>15</v>
      </c>
      <c r="EA39" s="268">
        <v>10</v>
      </c>
      <c r="EB39" s="268">
        <v>5</v>
      </c>
      <c r="EC39" s="265">
        <v>66</v>
      </c>
      <c r="ED39" s="270">
        <v>84</v>
      </c>
      <c r="EE39" s="264">
        <v>0</v>
      </c>
      <c r="EF39" s="268">
        <v>0</v>
      </c>
      <c r="EG39" s="265">
        <v>0</v>
      </c>
      <c r="EH39" s="267">
        <v>0</v>
      </c>
      <c r="EI39" s="268">
        <v>0</v>
      </c>
      <c r="EJ39" s="268">
        <v>0</v>
      </c>
      <c r="EK39" s="268">
        <v>0</v>
      </c>
      <c r="EL39" s="268">
        <v>2</v>
      </c>
      <c r="EM39" s="268">
        <v>0</v>
      </c>
      <c r="EN39" s="265">
        <v>2</v>
      </c>
      <c r="EO39" s="270">
        <v>2</v>
      </c>
      <c r="EP39" s="264">
        <v>16</v>
      </c>
      <c r="EQ39" s="268">
        <v>5</v>
      </c>
      <c r="ER39" s="265">
        <v>21</v>
      </c>
      <c r="ES39" s="267">
        <v>0</v>
      </c>
      <c r="ET39" s="268">
        <v>26</v>
      </c>
      <c r="EU39" s="268">
        <v>22</v>
      </c>
      <c r="EV39" s="268">
        <v>17</v>
      </c>
      <c r="EW39" s="268">
        <v>11</v>
      </c>
      <c r="EX39" s="268">
        <v>6</v>
      </c>
      <c r="EY39" s="265">
        <v>82</v>
      </c>
      <c r="EZ39" s="270">
        <v>103</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8</v>
      </c>
      <c r="L1" s="504">
        <f>IF(K1&lt;3,K1+12-2,K1-2)</f>
        <v>6</v>
      </c>
      <c r="M1" s="504"/>
    </row>
    <row r="2" spans="2:156" ht="24" customHeight="1" thickBot="1" x14ac:dyDescent="0.25">
      <c r="B2" s="271" t="s">
        <v>130</v>
      </c>
      <c r="G2" s="234"/>
      <c r="H2" s="235"/>
      <c r="J2" s="300"/>
      <c r="K2" s="300"/>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301" t="s">
        <v>43</v>
      </c>
      <c r="D5" s="243" t="s">
        <v>44</v>
      </c>
      <c r="E5" s="356" t="s">
        <v>45</v>
      </c>
      <c r="F5" s="248" t="s">
        <v>83</v>
      </c>
      <c r="G5" s="243" t="s">
        <v>47</v>
      </c>
      <c r="H5" s="243" t="s">
        <v>48</v>
      </c>
      <c r="I5" s="243" t="s">
        <v>49</v>
      </c>
      <c r="J5" s="243" t="s">
        <v>50</v>
      </c>
      <c r="K5" s="243" t="s">
        <v>51</v>
      </c>
      <c r="L5" s="249" t="s">
        <v>45</v>
      </c>
      <c r="M5" s="506"/>
      <c r="N5" s="301" t="s">
        <v>43</v>
      </c>
      <c r="O5" s="243" t="s">
        <v>44</v>
      </c>
      <c r="P5" s="246" t="s">
        <v>45</v>
      </c>
      <c r="Q5" s="248" t="s">
        <v>83</v>
      </c>
      <c r="R5" s="243" t="s">
        <v>47</v>
      </c>
      <c r="S5" s="243" t="s">
        <v>48</v>
      </c>
      <c r="T5" s="243" t="s">
        <v>49</v>
      </c>
      <c r="U5" s="243" t="s">
        <v>50</v>
      </c>
      <c r="V5" s="243" t="s">
        <v>51</v>
      </c>
      <c r="W5" s="246" t="s">
        <v>45</v>
      </c>
      <c r="X5" s="506"/>
      <c r="Y5" s="301" t="s">
        <v>43</v>
      </c>
      <c r="Z5" s="243" t="s">
        <v>44</v>
      </c>
      <c r="AA5" s="246" t="s">
        <v>45</v>
      </c>
      <c r="AB5" s="248" t="s">
        <v>83</v>
      </c>
      <c r="AC5" s="243" t="s">
        <v>47</v>
      </c>
      <c r="AD5" s="243" t="s">
        <v>48</v>
      </c>
      <c r="AE5" s="243" t="s">
        <v>49</v>
      </c>
      <c r="AF5" s="243" t="s">
        <v>50</v>
      </c>
      <c r="AG5" s="243" t="s">
        <v>51</v>
      </c>
      <c r="AH5" s="246" t="s">
        <v>45</v>
      </c>
      <c r="AI5" s="506"/>
      <c r="AJ5" s="301" t="s">
        <v>43</v>
      </c>
      <c r="AK5" s="243" t="s">
        <v>44</v>
      </c>
      <c r="AL5" s="246" t="s">
        <v>45</v>
      </c>
      <c r="AM5" s="248" t="s">
        <v>83</v>
      </c>
      <c r="AN5" s="243" t="s">
        <v>47</v>
      </c>
      <c r="AO5" s="243" t="s">
        <v>48</v>
      </c>
      <c r="AP5" s="243" t="s">
        <v>49</v>
      </c>
      <c r="AQ5" s="243" t="s">
        <v>50</v>
      </c>
      <c r="AR5" s="243" t="s">
        <v>51</v>
      </c>
      <c r="AS5" s="246" t="s">
        <v>45</v>
      </c>
      <c r="AT5" s="506"/>
      <c r="AU5" s="301" t="s">
        <v>43</v>
      </c>
      <c r="AV5" s="243" t="s">
        <v>44</v>
      </c>
      <c r="AW5" s="246" t="s">
        <v>45</v>
      </c>
      <c r="AX5" s="248" t="s">
        <v>83</v>
      </c>
      <c r="AY5" s="243" t="s">
        <v>47</v>
      </c>
      <c r="AZ5" s="243" t="s">
        <v>48</v>
      </c>
      <c r="BA5" s="243" t="s">
        <v>49</v>
      </c>
      <c r="BB5" s="243" t="s">
        <v>50</v>
      </c>
      <c r="BC5" s="243" t="s">
        <v>51</v>
      </c>
      <c r="BD5" s="249" t="s">
        <v>45</v>
      </c>
      <c r="BE5" s="506"/>
      <c r="BF5" s="301" t="s">
        <v>43</v>
      </c>
      <c r="BG5" s="243" t="s">
        <v>44</v>
      </c>
      <c r="BH5" s="246" t="s">
        <v>45</v>
      </c>
      <c r="BI5" s="248" t="s">
        <v>83</v>
      </c>
      <c r="BJ5" s="243" t="s">
        <v>47</v>
      </c>
      <c r="BK5" s="243" t="s">
        <v>48</v>
      </c>
      <c r="BL5" s="243" t="s">
        <v>49</v>
      </c>
      <c r="BM5" s="243" t="s">
        <v>50</v>
      </c>
      <c r="BN5" s="243" t="s">
        <v>51</v>
      </c>
      <c r="BO5" s="246" t="s">
        <v>45</v>
      </c>
      <c r="BP5" s="506"/>
      <c r="BQ5" s="301" t="s">
        <v>43</v>
      </c>
      <c r="BR5" s="243" t="s">
        <v>44</v>
      </c>
      <c r="BS5" s="246" t="s">
        <v>45</v>
      </c>
      <c r="BT5" s="248" t="s">
        <v>83</v>
      </c>
      <c r="BU5" s="243" t="s">
        <v>47</v>
      </c>
      <c r="BV5" s="243" t="s">
        <v>48</v>
      </c>
      <c r="BW5" s="243" t="s">
        <v>49</v>
      </c>
      <c r="BX5" s="243" t="s">
        <v>50</v>
      </c>
      <c r="BY5" s="243" t="s">
        <v>51</v>
      </c>
      <c r="BZ5" s="246" t="s">
        <v>45</v>
      </c>
      <c r="CA5" s="506"/>
      <c r="CB5" s="301" t="s">
        <v>43</v>
      </c>
      <c r="CC5" s="243" t="s">
        <v>44</v>
      </c>
      <c r="CD5" s="246" t="s">
        <v>45</v>
      </c>
      <c r="CE5" s="248" t="s">
        <v>83</v>
      </c>
      <c r="CF5" s="243" t="s">
        <v>47</v>
      </c>
      <c r="CG5" s="243" t="s">
        <v>48</v>
      </c>
      <c r="CH5" s="243" t="s">
        <v>49</v>
      </c>
      <c r="CI5" s="243" t="s">
        <v>50</v>
      </c>
      <c r="CJ5" s="243" t="s">
        <v>51</v>
      </c>
      <c r="CK5" s="246" t="s">
        <v>45</v>
      </c>
      <c r="CL5" s="506"/>
      <c r="CM5" s="301" t="s">
        <v>43</v>
      </c>
      <c r="CN5" s="243" t="s">
        <v>44</v>
      </c>
      <c r="CO5" s="246" t="s">
        <v>45</v>
      </c>
      <c r="CP5" s="248" t="s">
        <v>83</v>
      </c>
      <c r="CQ5" s="243" t="s">
        <v>47</v>
      </c>
      <c r="CR5" s="243" t="s">
        <v>48</v>
      </c>
      <c r="CS5" s="243" t="s">
        <v>49</v>
      </c>
      <c r="CT5" s="243" t="s">
        <v>50</v>
      </c>
      <c r="CU5" s="243" t="s">
        <v>51</v>
      </c>
      <c r="CV5" s="246" t="s">
        <v>45</v>
      </c>
      <c r="CW5" s="506"/>
      <c r="CX5" s="301" t="s">
        <v>43</v>
      </c>
      <c r="CY5" s="243" t="s">
        <v>44</v>
      </c>
      <c r="CZ5" s="246" t="s">
        <v>45</v>
      </c>
      <c r="DA5" s="248" t="s">
        <v>83</v>
      </c>
      <c r="DB5" s="243" t="s">
        <v>47</v>
      </c>
      <c r="DC5" s="243" t="s">
        <v>48</v>
      </c>
      <c r="DD5" s="243" t="s">
        <v>49</v>
      </c>
      <c r="DE5" s="243" t="s">
        <v>50</v>
      </c>
      <c r="DF5" s="243" t="s">
        <v>51</v>
      </c>
      <c r="DG5" s="246" t="s">
        <v>45</v>
      </c>
      <c r="DH5" s="506"/>
      <c r="DI5" s="321" t="s">
        <v>43</v>
      </c>
      <c r="DJ5" s="243" t="s">
        <v>44</v>
      </c>
      <c r="DK5" s="246" t="s">
        <v>45</v>
      </c>
      <c r="DL5" s="248" t="s">
        <v>83</v>
      </c>
      <c r="DM5" s="243" t="s">
        <v>47</v>
      </c>
      <c r="DN5" s="243" t="s">
        <v>48</v>
      </c>
      <c r="DO5" s="243" t="s">
        <v>49</v>
      </c>
      <c r="DP5" s="243" t="s">
        <v>50</v>
      </c>
      <c r="DQ5" s="243" t="s">
        <v>51</v>
      </c>
      <c r="DR5" s="246" t="s">
        <v>45</v>
      </c>
      <c r="DS5" s="506"/>
      <c r="DT5" s="301" t="s">
        <v>43</v>
      </c>
      <c r="DU5" s="243" t="s">
        <v>44</v>
      </c>
      <c r="DV5" s="246" t="s">
        <v>45</v>
      </c>
      <c r="DW5" s="248" t="s">
        <v>83</v>
      </c>
      <c r="DX5" s="243" t="s">
        <v>47</v>
      </c>
      <c r="DY5" s="243" t="s">
        <v>48</v>
      </c>
      <c r="DZ5" s="243" t="s">
        <v>49</v>
      </c>
      <c r="EA5" s="243" t="s">
        <v>50</v>
      </c>
      <c r="EB5" s="243" t="s">
        <v>51</v>
      </c>
      <c r="EC5" s="246" t="s">
        <v>45</v>
      </c>
      <c r="ED5" s="506"/>
      <c r="EE5" s="301" t="s">
        <v>43</v>
      </c>
      <c r="EF5" s="243" t="s">
        <v>44</v>
      </c>
      <c r="EG5" s="246" t="s">
        <v>45</v>
      </c>
      <c r="EH5" s="248" t="s">
        <v>83</v>
      </c>
      <c r="EI5" s="243" t="s">
        <v>47</v>
      </c>
      <c r="EJ5" s="243" t="s">
        <v>48</v>
      </c>
      <c r="EK5" s="243" t="s">
        <v>49</v>
      </c>
      <c r="EL5" s="243" t="s">
        <v>50</v>
      </c>
      <c r="EM5" s="243" t="s">
        <v>51</v>
      </c>
      <c r="EN5" s="246" t="s">
        <v>45</v>
      </c>
      <c r="EO5" s="506"/>
      <c r="EP5" s="301"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243</v>
      </c>
      <c r="H6" s="254">
        <v>1363</v>
      </c>
      <c r="I6" s="254">
        <v>792</v>
      </c>
      <c r="J6" s="254">
        <v>593</v>
      </c>
      <c r="K6" s="254">
        <v>416</v>
      </c>
      <c r="L6" s="255">
        <v>4407</v>
      </c>
      <c r="M6" s="256">
        <v>4407</v>
      </c>
      <c r="N6" s="250">
        <v>0</v>
      </c>
      <c r="O6" s="254">
        <v>1</v>
      </c>
      <c r="P6" s="251">
        <v>1</v>
      </c>
      <c r="Q6" s="253">
        <v>0</v>
      </c>
      <c r="R6" s="254">
        <v>6</v>
      </c>
      <c r="S6" s="254">
        <v>31</v>
      </c>
      <c r="T6" s="254">
        <v>68</v>
      </c>
      <c r="U6" s="254">
        <v>135</v>
      </c>
      <c r="V6" s="254">
        <v>212</v>
      </c>
      <c r="W6" s="251">
        <v>452</v>
      </c>
      <c r="X6" s="256">
        <v>453</v>
      </c>
      <c r="Y6" s="250">
        <v>190</v>
      </c>
      <c r="Z6" s="254">
        <v>383</v>
      </c>
      <c r="AA6" s="251">
        <v>573</v>
      </c>
      <c r="AB6" s="253">
        <v>0</v>
      </c>
      <c r="AC6" s="254">
        <v>947</v>
      </c>
      <c r="AD6" s="254">
        <v>1274</v>
      </c>
      <c r="AE6" s="254">
        <v>776</v>
      </c>
      <c r="AF6" s="254">
        <v>657</v>
      </c>
      <c r="AG6" s="254">
        <v>406</v>
      </c>
      <c r="AH6" s="251">
        <v>4060</v>
      </c>
      <c r="AI6" s="256">
        <v>4633</v>
      </c>
      <c r="AJ6" s="250">
        <v>18</v>
      </c>
      <c r="AK6" s="254">
        <v>59</v>
      </c>
      <c r="AL6" s="251">
        <v>77</v>
      </c>
      <c r="AM6" s="253">
        <v>0</v>
      </c>
      <c r="AN6" s="254">
        <v>85</v>
      </c>
      <c r="AO6" s="254">
        <v>140</v>
      </c>
      <c r="AP6" s="254">
        <v>70</v>
      </c>
      <c r="AQ6" s="254">
        <v>74</v>
      </c>
      <c r="AR6" s="254">
        <v>27</v>
      </c>
      <c r="AS6" s="251">
        <v>396</v>
      </c>
      <c r="AT6" s="256">
        <v>473</v>
      </c>
      <c r="AU6" s="250">
        <v>298</v>
      </c>
      <c r="AV6" s="254">
        <v>338</v>
      </c>
      <c r="AW6" s="251">
        <v>636</v>
      </c>
      <c r="AX6" s="253">
        <v>0</v>
      </c>
      <c r="AY6" s="254">
        <v>1363</v>
      </c>
      <c r="AZ6" s="254">
        <v>1603</v>
      </c>
      <c r="BA6" s="254">
        <v>1473</v>
      </c>
      <c r="BB6" s="254">
        <v>1292</v>
      </c>
      <c r="BC6" s="254">
        <v>922</v>
      </c>
      <c r="BD6" s="255">
        <v>6653</v>
      </c>
      <c r="BE6" s="256">
        <v>7289</v>
      </c>
      <c r="BF6" s="250">
        <v>0</v>
      </c>
      <c r="BG6" s="254">
        <v>0</v>
      </c>
      <c r="BH6" s="251">
        <v>0</v>
      </c>
      <c r="BI6" s="253">
        <v>0</v>
      </c>
      <c r="BJ6" s="254">
        <v>1632</v>
      </c>
      <c r="BK6" s="254">
        <v>1468</v>
      </c>
      <c r="BL6" s="254">
        <v>749</v>
      </c>
      <c r="BM6" s="254">
        <v>417</v>
      </c>
      <c r="BN6" s="254">
        <v>162</v>
      </c>
      <c r="BO6" s="251">
        <v>4428</v>
      </c>
      <c r="BP6" s="256">
        <v>4428</v>
      </c>
      <c r="BQ6" s="250">
        <v>138</v>
      </c>
      <c r="BR6" s="254">
        <v>185</v>
      </c>
      <c r="BS6" s="251">
        <v>323</v>
      </c>
      <c r="BT6" s="253">
        <v>0</v>
      </c>
      <c r="BU6" s="254">
        <v>357</v>
      </c>
      <c r="BV6" s="254">
        <v>526</v>
      </c>
      <c r="BW6" s="254">
        <v>328</v>
      </c>
      <c r="BX6" s="254">
        <v>175</v>
      </c>
      <c r="BY6" s="254">
        <v>65</v>
      </c>
      <c r="BZ6" s="251">
        <v>1451</v>
      </c>
      <c r="CA6" s="256">
        <v>1774</v>
      </c>
      <c r="CB6" s="250">
        <v>4</v>
      </c>
      <c r="CC6" s="254">
        <v>25</v>
      </c>
      <c r="CD6" s="251">
        <v>29</v>
      </c>
      <c r="CE6" s="253">
        <v>0</v>
      </c>
      <c r="CF6" s="254">
        <v>179</v>
      </c>
      <c r="CG6" s="254">
        <v>235</v>
      </c>
      <c r="CH6" s="254">
        <v>312</v>
      </c>
      <c r="CI6" s="254">
        <v>227</v>
      </c>
      <c r="CJ6" s="254">
        <v>97</v>
      </c>
      <c r="CK6" s="251">
        <v>1050</v>
      </c>
      <c r="CL6" s="256">
        <v>1079</v>
      </c>
      <c r="CM6" s="250">
        <v>1</v>
      </c>
      <c r="CN6" s="254">
        <v>1</v>
      </c>
      <c r="CO6" s="251">
        <v>2</v>
      </c>
      <c r="CP6" s="253">
        <v>0</v>
      </c>
      <c r="CQ6" s="254">
        <v>14</v>
      </c>
      <c r="CR6" s="254">
        <v>46</v>
      </c>
      <c r="CS6" s="254">
        <v>68</v>
      </c>
      <c r="CT6" s="254">
        <v>43</v>
      </c>
      <c r="CU6" s="254">
        <v>31</v>
      </c>
      <c r="CV6" s="251">
        <v>202</v>
      </c>
      <c r="CW6" s="256">
        <v>204</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19</v>
      </c>
      <c r="DU6" s="254">
        <v>1326</v>
      </c>
      <c r="DV6" s="251">
        <v>1945</v>
      </c>
      <c r="DW6" s="253">
        <v>0</v>
      </c>
      <c r="DX6" s="254">
        <v>1798</v>
      </c>
      <c r="DY6" s="254">
        <v>3153</v>
      </c>
      <c r="DZ6" s="254">
        <v>1910</v>
      </c>
      <c r="EA6" s="254">
        <v>1352</v>
      </c>
      <c r="EB6" s="254">
        <v>779</v>
      </c>
      <c r="EC6" s="251">
        <v>8992</v>
      </c>
      <c r="ED6" s="256">
        <v>10937</v>
      </c>
      <c r="EE6" s="250">
        <v>183</v>
      </c>
      <c r="EF6" s="254">
        <v>135</v>
      </c>
      <c r="EG6" s="251">
        <v>318</v>
      </c>
      <c r="EH6" s="253">
        <v>0</v>
      </c>
      <c r="EI6" s="254">
        <v>537</v>
      </c>
      <c r="EJ6" s="254">
        <v>487</v>
      </c>
      <c r="EK6" s="254">
        <v>446</v>
      </c>
      <c r="EL6" s="254">
        <v>445</v>
      </c>
      <c r="EM6" s="254">
        <v>262</v>
      </c>
      <c r="EN6" s="251">
        <v>2177</v>
      </c>
      <c r="EO6" s="256">
        <v>2495</v>
      </c>
      <c r="EP6" s="250">
        <v>909</v>
      </c>
      <c r="EQ6" s="254">
        <v>1679</v>
      </c>
      <c r="ER6" s="251">
        <v>2588</v>
      </c>
      <c r="ES6" s="253">
        <v>0</v>
      </c>
      <c r="ET6" s="254">
        <v>4296</v>
      </c>
      <c r="EU6" s="254">
        <v>4364</v>
      </c>
      <c r="EV6" s="254">
        <v>2302</v>
      </c>
      <c r="EW6" s="254">
        <v>1455</v>
      </c>
      <c r="EX6" s="254">
        <v>786</v>
      </c>
      <c r="EY6" s="251">
        <v>13203</v>
      </c>
      <c r="EZ6" s="256">
        <v>15791</v>
      </c>
    </row>
    <row r="7" spans="2:156" ht="21" customHeight="1" x14ac:dyDescent="0.2">
      <c r="B7" s="471" t="s">
        <v>5</v>
      </c>
      <c r="C7" s="257">
        <v>0</v>
      </c>
      <c r="D7" s="261">
        <v>0</v>
      </c>
      <c r="E7" s="358">
        <v>0</v>
      </c>
      <c r="F7" s="260">
        <v>0</v>
      </c>
      <c r="G7" s="261">
        <v>518</v>
      </c>
      <c r="H7" s="261">
        <v>663</v>
      </c>
      <c r="I7" s="261">
        <v>377</v>
      </c>
      <c r="J7" s="261">
        <v>258</v>
      </c>
      <c r="K7" s="261">
        <v>195</v>
      </c>
      <c r="L7" s="262">
        <v>2011</v>
      </c>
      <c r="M7" s="263">
        <v>2011</v>
      </c>
      <c r="N7" s="257">
        <v>0</v>
      </c>
      <c r="O7" s="261">
        <v>0</v>
      </c>
      <c r="P7" s="258">
        <v>0</v>
      </c>
      <c r="Q7" s="260">
        <v>0</v>
      </c>
      <c r="R7" s="261">
        <v>2</v>
      </c>
      <c r="S7" s="261">
        <v>11</v>
      </c>
      <c r="T7" s="261">
        <v>27</v>
      </c>
      <c r="U7" s="261">
        <v>60</v>
      </c>
      <c r="V7" s="261">
        <v>100</v>
      </c>
      <c r="W7" s="258">
        <v>200</v>
      </c>
      <c r="X7" s="263">
        <v>200</v>
      </c>
      <c r="Y7" s="257">
        <v>90</v>
      </c>
      <c r="Z7" s="261">
        <v>211</v>
      </c>
      <c r="AA7" s="258">
        <v>301</v>
      </c>
      <c r="AB7" s="260">
        <v>0</v>
      </c>
      <c r="AC7" s="261">
        <v>377</v>
      </c>
      <c r="AD7" s="261">
        <v>671</v>
      </c>
      <c r="AE7" s="261">
        <v>384</v>
      </c>
      <c r="AF7" s="261">
        <v>313</v>
      </c>
      <c r="AG7" s="261">
        <v>187</v>
      </c>
      <c r="AH7" s="258">
        <v>1932</v>
      </c>
      <c r="AI7" s="263">
        <v>2233</v>
      </c>
      <c r="AJ7" s="257">
        <v>7</v>
      </c>
      <c r="AK7" s="261">
        <v>31</v>
      </c>
      <c r="AL7" s="258">
        <v>38</v>
      </c>
      <c r="AM7" s="260">
        <v>0</v>
      </c>
      <c r="AN7" s="261">
        <v>22</v>
      </c>
      <c r="AO7" s="261">
        <v>53</v>
      </c>
      <c r="AP7" s="261">
        <v>24</v>
      </c>
      <c r="AQ7" s="261">
        <v>28</v>
      </c>
      <c r="AR7" s="261">
        <v>10</v>
      </c>
      <c r="AS7" s="258">
        <v>137</v>
      </c>
      <c r="AT7" s="263">
        <v>175</v>
      </c>
      <c r="AU7" s="257">
        <v>133</v>
      </c>
      <c r="AV7" s="261">
        <v>185</v>
      </c>
      <c r="AW7" s="258">
        <v>318</v>
      </c>
      <c r="AX7" s="260">
        <v>0</v>
      </c>
      <c r="AY7" s="261">
        <v>484</v>
      </c>
      <c r="AZ7" s="261">
        <v>736</v>
      </c>
      <c r="BA7" s="261">
        <v>645</v>
      </c>
      <c r="BB7" s="261">
        <v>544</v>
      </c>
      <c r="BC7" s="261">
        <v>421</v>
      </c>
      <c r="BD7" s="262">
        <v>2830</v>
      </c>
      <c r="BE7" s="263">
        <v>3148</v>
      </c>
      <c r="BF7" s="257">
        <v>0</v>
      </c>
      <c r="BG7" s="261">
        <v>0</v>
      </c>
      <c r="BH7" s="258">
        <v>0</v>
      </c>
      <c r="BI7" s="260">
        <v>0</v>
      </c>
      <c r="BJ7" s="261">
        <v>591</v>
      </c>
      <c r="BK7" s="261">
        <v>637</v>
      </c>
      <c r="BL7" s="261">
        <v>318</v>
      </c>
      <c r="BM7" s="261">
        <v>158</v>
      </c>
      <c r="BN7" s="261">
        <v>74</v>
      </c>
      <c r="BO7" s="258">
        <v>1778</v>
      </c>
      <c r="BP7" s="263">
        <v>1778</v>
      </c>
      <c r="BQ7" s="257">
        <v>62</v>
      </c>
      <c r="BR7" s="261">
        <v>97</v>
      </c>
      <c r="BS7" s="258">
        <v>159</v>
      </c>
      <c r="BT7" s="260">
        <v>0</v>
      </c>
      <c r="BU7" s="261">
        <v>127</v>
      </c>
      <c r="BV7" s="261">
        <v>239</v>
      </c>
      <c r="BW7" s="261">
        <v>167</v>
      </c>
      <c r="BX7" s="261">
        <v>83</v>
      </c>
      <c r="BY7" s="261">
        <v>29</v>
      </c>
      <c r="BZ7" s="258">
        <v>645</v>
      </c>
      <c r="CA7" s="263">
        <v>804</v>
      </c>
      <c r="CB7" s="257">
        <v>0</v>
      </c>
      <c r="CC7" s="261">
        <v>13</v>
      </c>
      <c r="CD7" s="258">
        <v>13</v>
      </c>
      <c r="CE7" s="260">
        <v>0</v>
      </c>
      <c r="CF7" s="261">
        <v>60</v>
      </c>
      <c r="CG7" s="261">
        <v>90</v>
      </c>
      <c r="CH7" s="261">
        <v>133</v>
      </c>
      <c r="CI7" s="261">
        <v>82</v>
      </c>
      <c r="CJ7" s="261">
        <v>38</v>
      </c>
      <c r="CK7" s="258">
        <v>403</v>
      </c>
      <c r="CL7" s="263">
        <v>416</v>
      </c>
      <c r="CM7" s="257">
        <v>0</v>
      </c>
      <c r="CN7" s="261">
        <v>1</v>
      </c>
      <c r="CO7" s="258">
        <v>1</v>
      </c>
      <c r="CP7" s="260">
        <v>0</v>
      </c>
      <c r="CQ7" s="261">
        <v>11</v>
      </c>
      <c r="CR7" s="261">
        <v>25</v>
      </c>
      <c r="CS7" s="261">
        <v>39</v>
      </c>
      <c r="CT7" s="261">
        <v>25</v>
      </c>
      <c r="CU7" s="261">
        <v>21</v>
      </c>
      <c r="CV7" s="258">
        <v>121</v>
      </c>
      <c r="CW7" s="263">
        <v>122</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31</v>
      </c>
      <c r="DU7" s="261">
        <v>614</v>
      </c>
      <c r="DV7" s="258">
        <v>845</v>
      </c>
      <c r="DW7" s="260">
        <v>0</v>
      </c>
      <c r="DX7" s="261">
        <v>588</v>
      </c>
      <c r="DY7" s="261">
        <v>1441</v>
      </c>
      <c r="DZ7" s="261">
        <v>874</v>
      </c>
      <c r="EA7" s="261">
        <v>571</v>
      </c>
      <c r="EB7" s="261">
        <v>357</v>
      </c>
      <c r="EC7" s="258">
        <v>3831</v>
      </c>
      <c r="ED7" s="263">
        <v>4676</v>
      </c>
      <c r="EE7" s="257">
        <v>73</v>
      </c>
      <c r="EF7" s="261">
        <v>73</v>
      </c>
      <c r="EG7" s="258">
        <v>146</v>
      </c>
      <c r="EH7" s="260">
        <v>0</v>
      </c>
      <c r="EI7" s="261">
        <v>190</v>
      </c>
      <c r="EJ7" s="261">
        <v>218</v>
      </c>
      <c r="EK7" s="261">
        <v>206</v>
      </c>
      <c r="EL7" s="261">
        <v>202</v>
      </c>
      <c r="EM7" s="261">
        <v>127</v>
      </c>
      <c r="EN7" s="258">
        <v>943</v>
      </c>
      <c r="EO7" s="263">
        <v>1089</v>
      </c>
      <c r="EP7" s="257">
        <v>360</v>
      </c>
      <c r="EQ7" s="261">
        <v>804</v>
      </c>
      <c r="ER7" s="258">
        <v>1164</v>
      </c>
      <c r="ES7" s="260">
        <v>0</v>
      </c>
      <c r="ET7" s="261">
        <v>1591</v>
      </c>
      <c r="EU7" s="261">
        <v>2046</v>
      </c>
      <c r="EV7" s="261">
        <v>1060</v>
      </c>
      <c r="EW7" s="261">
        <v>638</v>
      </c>
      <c r="EX7" s="261">
        <v>356</v>
      </c>
      <c r="EY7" s="258">
        <v>5691</v>
      </c>
      <c r="EZ7" s="263">
        <v>6855</v>
      </c>
    </row>
    <row r="8" spans="2:156" ht="21" customHeight="1" x14ac:dyDescent="0.2">
      <c r="B8" s="472" t="s">
        <v>6</v>
      </c>
      <c r="C8" s="257">
        <v>0</v>
      </c>
      <c r="D8" s="261">
        <v>0</v>
      </c>
      <c r="E8" s="358">
        <v>0</v>
      </c>
      <c r="F8" s="260">
        <v>0</v>
      </c>
      <c r="G8" s="261">
        <v>169</v>
      </c>
      <c r="H8" s="261">
        <v>140</v>
      </c>
      <c r="I8" s="261">
        <v>95</v>
      </c>
      <c r="J8" s="261">
        <v>73</v>
      </c>
      <c r="K8" s="261">
        <v>53</v>
      </c>
      <c r="L8" s="262">
        <v>530</v>
      </c>
      <c r="M8" s="263">
        <v>530</v>
      </c>
      <c r="N8" s="257">
        <v>0</v>
      </c>
      <c r="O8" s="261">
        <v>0</v>
      </c>
      <c r="P8" s="258">
        <v>0</v>
      </c>
      <c r="Q8" s="260">
        <v>0</v>
      </c>
      <c r="R8" s="261">
        <v>1</v>
      </c>
      <c r="S8" s="261">
        <v>2</v>
      </c>
      <c r="T8" s="261">
        <v>8</v>
      </c>
      <c r="U8" s="261">
        <v>10</v>
      </c>
      <c r="V8" s="261">
        <v>26</v>
      </c>
      <c r="W8" s="258">
        <v>47</v>
      </c>
      <c r="X8" s="263">
        <v>47</v>
      </c>
      <c r="Y8" s="257">
        <v>24</v>
      </c>
      <c r="Z8" s="261">
        <v>38</v>
      </c>
      <c r="AA8" s="258">
        <v>62</v>
      </c>
      <c r="AB8" s="260">
        <v>0</v>
      </c>
      <c r="AC8" s="261">
        <v>130</v>
      </c>
      <c r="AD8" s="261">
        <v>157</v>
      </c>
      <c r="AE8" s="261">
        <v>86</v>
      </c>
      <c r="AF8" s="261">
        <v>80</v>
      </c>
      <c r="AG8" s="261">
        <v>61</v>
      </c>
      <c r="AH8" s="258">
        <v>514</v>
      </c>
      <c r="AI8" s="263">
        <v>576</v>
      </c>
      <c r="AJ8" s="257">
        <v>2</v>
      </c>
      <c r="AK8" s="261">
        <v>3</v>
      </c>
      <c r="AL8" s="258">
        <v>5</v>
      </c>
      <c r="AM8" s="260">
        <v>0</v>
      </c>
      <c r="AN8" s="261">
        <v>16</v>
      </c>
      <c r="AO8" s="261">
        <v>22</v>
      </c>
      <c r="AP8" s="261">
        <v>6</v>
      </c>
      <c r="AQ8" s="261">
        <v>10</v>
      </c>
      <c r="AR8" s="261">
        <v>2</v>
      </c>
      <c r="AS8" s="258">
        <v>56</v>
      </c>
      <c r="AT8" s="263">
        <v>61</v>
      </c>
      <c r="AU8" s="257">
        <v>51</v>
      </c>
      <c r="AV8" s="261">
        <v>40</v>
      </c>
      <c r="AW8" s="258">
        <v>91</v>
      </c>
      <c r="AX8" s="260">
        <v>0</v>
      </c>
      <c r="AY8" s="261">
        <v>243</v>
      </c>
      <c r="AZ8" s="261">
        <v>212</v>
      </c>
      <c r="BA8" s="261">
        <v>190</v>
      </c>
      <c r="BB8" s="261">
        <v>195</v>
      </c>
      <c r="BC8" s="261">
        <v>132</v>
      </c>
      <c r="BD8" s="262">
        <v>972</v>
      </c>
      <c r="BE8" s="263">
        <v>1063</v>
      </c>
      <c r="BF8" s="257">
        <v>0</v>
      </c>
      <c r="BG8" s="261">
        <v>0</v>
      </c>
      <c r="BH8" s="258">
        <v>0</v>
      </c>
      <c r="BI8" s="260">
        <v>0</v>
      </c>
      <c r="BJ8" s="261">
        <v>218</v>
      </c>
      <c r="BK8" s="261">
        <v>183</v>
      </c>
      <c r="BL8" s="261">
        <v>84</v>
      </c>
      <c r="BM8" s="261">
        <v>51</v>
      </c>
      <c r="BN8" s="261">
        <v>18</v>
      </c>
      <c r="BO8" s="258">
        <v>554</v>
      </c>
      <c r="BP8" s="263">
        <v>554</v>
      </c>
      <c r="BQ8" s="257">
        <v>10</v>
      </c>
      <c r="BR8" s="261">
        <v>13</v>
      </c>
      <c r="BS8" s="258">
        <v>23</v>
      </c>
      <c r="BT8" s="260">
        <v>0</v>
      </c>
      <c r="BU8" s="261">
        <v>40</v>
      </c>
      <c r="BV8" s="261">
        <v>56</v>
      </c>
      <c r="BW8" s="261">
        <v>32</v>
      </c>
      <c r="BX8" s="261">
        <v>21</v>
      </c>
      <c r="BY8" s="261">
        <v>14</v>
      </c>
      <c r="BZ8" s="258">
        <v>163</v>
      </c>
      <c r="CA8" s="263">
        <v>186</v>
      </c>
      <c r="CB8" s="257">
        <v>2</v>
      </c>
      <c r="CC8" s="261">
        <v>3</v>
      </c>
      <c r="CD8" s="258">
        <v>5</v>
      </c>
      <c r="CE8" s="260">
        <v>0</v>
      </c>
      <c r="CF8" s="261">
        <v>20</v>
      </c>
      <c r="CG8" s="261">
        <v>22</v>
      </c>
      <c r="CH8" s="261">
        <v>25</v>
      </c>
      <c r="CI8" s="261">
        <v>19</v>
      </c>
      <c r="CJ8" s="261">
        <v>10</v>
      </c>
      <c r="CK8" s="258">
        <v>96</v>
      </c>
      <c r="CL8" s="263">
        <v>101</v>
      </c>
      <c r="CM8" s="257">
        <v>0</v>
      </c>
      <c r="CN8" s="261">
        <v>0</v>
      </c>
      <c r="CO8" s="258">
        <v>0</v>
      </c>
      <c r="CP8" s="260">
        <v>0</v>
      </c>
      <c r="CQ8" s="261">
        <v>1</v>
      </c>
      <c r="CR8" s="261">
        <v>3</v>
      </c>
      <c r="CS8" s="261">
        <v>6</v>
      </c>
      <c r="CT8" s="261">
        <v>8</v>
      </c>
      <c r="CU8" s="261">
        <v>4</v>
      </c>
      <c r="CV8" s="258">
        <v>22</v>
      </c>
      <c r="CW8" s="263">
        <v>22</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81</v>
      </c>
      <c r="DU8" s="261">
        <v>130</v>
      </c>
      <c r="DV8" s="258">
        <v>211</v>
      </c>
      <c r="DW8" s="260">
        <v>0</v>
      </c>
      <c r="DX8" s="261">
        <v>255</v>
      </c>
      <c r="DY8" s="261">
        <v>347</v>
      </c>
      <c r="DZ8" s="261">
        <v>215</v>
      </c>
      <c r="EA8" s="261">
        <v>182</v>
      </c>
      <c r="EB8" s="261">
        <v>109</v>
      </c>
      <c r="EC8" s="258">
        <v>1108</v>
      </c>
      <c r="ED8" s="263">
        <v>1319</v>
      </c>
      <c r="EE8" s="257">
        <v>32</v>
      </c>
      <c r="EF8" s="261">
        <v>17</v>
      </c>
      <c r="EG8" s="258">
        <v>49</v>
      </c>
      <c r="EH8" s="260">
        <v>0</v>
      </c>
      <c r="EI8" s="261">
        <v>89</v>
      </c>
      <c r="EJ8" s="261">
        <v>63</v>
      </c>
      <c r="EK8" s="261">
        <v>61</v>
      </c>
      <c r="EL8" s="261">
        <v>61</v>
      </c>
      <c r="EM8" s="261">
        <v>34</v>
      </c>
      <c r="EN8" s="258">
        <v>308</v>
      </c>
      <c r="EO8" s="263">
        <v>357</v>
      </c>
      <c r="EP8" s="257">
        <v>112</v>
      </c>
      <c r="EQ8" s="261">
        <v>163</v>
      </c>
      <c r="ER8" s="258">
        <v>275</v>
      </c>
      <c r="ES8" s="260">
        <v>0</v>
      </c>
      <c r="ET8" s="261">
        <v>575</v>
      </c>
      <c r="EU8" s="261">
        <v>483</v>
      </c>
      <c r="EV8" s="261">
        <v>258</v>
      </c>
      <c r="EW8" s="261">
        <v>184</v>
      </c>
      <c r="EX8" s="261">
        <v>108</v>
      </c>
      <c r="EY8" s="258">
        <v>1608</v>
      </c>
      <c r="EZ8" s="263">
        <v>1883</v>
      </c>
    </row>
    <row r="9" spans="2:156" ht="21" customHeight="1" x14ac:dyDescent="0.2">
      <c r="B9" s="472" t="s">
        <v>14</v>
      </c>
      <c r="C9" s="257">
        <v>0</v>
      </c>
      <c r="D9" s="261">
        <v>0</v>
      </c>
      <c r="E9" s="358">
        <v>0</v>
      </c>
      <c r="F9" s="260">
        <v>0</v>
      </c>
      <c r="G9" s="261">
        <v>55</v>
      </c>
      <c r="H9" s="261">
        <v>106</v>
      </c>
      <c r="I9" s="261">
        <v>50</v>
      </c>
      <c r="J9" s="261">
        <v>34</v>
      </c>
      <c r="K9" s="261">
        <v>24</v>
      </c>
      <c r="L9" s="262">
        <v>269</v>
      </c>
      <c r="M9" s="263">
        <v>269</v>
      </c>
      <c r="N9" s="257">
        <v>0</v>
      </c>
      <c r="O9" s="261">
        <v>1</v>
      </c>
      <c r="P9" s="258">
        <v>1</v>
      </c>
      <c r="Q9" s="260">
        <v>0</v>
      </c>
      <c r="R9" s="261">
        <v>0</v>
      </c>
      <c r="S9" s="261">
        <v>1</v>
      </c>
      <c r="T9" s="261">
        <v>3</v>
      </c>
      <c r="U9" s="261">
        <v>6</v>
      </c>
      <c r="V9" s="261">
        <v>10</v>
      </c>
      <c r="W9" s="258">
        <v>20</v>
      </c>
      <c r="X9" s="263">
        <v>21</v>
      </c>
      <c r="Y9" s="257">
        <v>6</v>
      </c>
      <c r="Z9" s="261">
        <v>25</v>
      </c>
      <c r="AA9" s="258">
        <v>31</v>
      </c>
      <c r="AB9" s="260">
        <v>0</v>
      </c>
      <c r="AC9" s="261">
        <v>50</v>
      </c>
      <c r="AD9" s="261">
        <v>86</v>
      </c>
      <c r="AE9" s="261">
        <v>52</v>
      </c>
      <c r="AF9" s="261">
        <v>38</v>
      </c>
      <c r="AG9" s="261">
        <v>24</v>
      </c>
      <c r="AH9" s="258">
        <v>250</v>
      </c>
      <c r="AI9" s="263">
        <v>281</v>
      </c>
      <c r="AJ9" s="257">
        <v>0</v>
      </c>
      <c r="AK9" s="261">
        <v>3</v>
      </c>
      <c r="AL9" s="258">
        <v>3</v>
      </c>
      <c r="AM9" s="260">
        <v>0</v>
      </c>
      <c r="AN9" s="261">
        <v>2</v>
      </c>
      <c r="AO9" s="261">
        <v>1</v>
      </c>
      <c r="AP9" s="261">
        <v>2</v>
      </c>
      <c r="AQ9" s="261">
        <v>5</v>
      </c>
      <c r="AR9" s="261">
        <v>0</v>
      </c>
      <c r="AS9" s="258">
        <v>10</v>
      </c>
      <c r="AT9" s="263">
        <v>13</v>
      </c>
      <c r="AU9" s="257">
        <v>12</v>
      </c>
      <c r="AV9" s="261">
        <v>23</v>
      </c>
      <c r="AW9" s="258">
        <v>35</v>
      </c>
      <c r="AX9" s="260">
        <v>0</v>
      </c>
      <c r="AY9" s="261">
        <v>81</v>
      </c>
      <c r="AZ9" s="261">
        <v>116</v>
      </c>
      <c r="BA9" s="261">
        <v>113</v>
      </c>
      <c r="BB9" s="261">
        <v>85</v>
      </c>
      <c r="BC9" s="261">
        <v>56</v>
      </c>
      <c r="BD9" s="262">
        <v>451</v>
      </c>
      <c r="BE9" s="263">
        <v>486</v>
      </c>
      <c r="BF9" s="257">
        <v>0</v>
      </c>
      <c r="BG9" s="261">
        <v>0</v>
      </c>
      <c r="BH9" s="258">
        <v>0</v>
      </c>
      <c r="BI9" s="260">
        <v>0</v>
      </c>
      <c r="BJ9" s="261">
        <v>120</v>
      </c>
      <c r="BK9" s="261">
        <v>134</v>
      </c>
      <c r="BL9" s="261">
        <v>67</v>
      </c>
      <c r="BM9" s="261">
        <v>39</v>
      </c>
      <c r="BN9" s="261">
        <v>14</v>
      </c>
      <c r="BO9" s="258">
        <v>374</v>
      </c>
      <c r="BP9" s="263">
        <v>374</v>
      </c>
      <c r="BQ9" s="257">
        <v>6</v>
      </c>
      <c r="BR9" s="261">
        <v>12</v>
      </c>
      <c r="BS9" s="258">
        <v>18</v>
      </c>
      <c r="BT9" s="260">
        <v>0</v>
      </c>
      <c r="BU9" s="261">
        <v>11</v>
      </c>
      <c r="BV9" s="261">
        <v>31</v>
      </c>
      <c r="BW9" s="261">
        <v>14</v>
      </c>
      <c r="BX9" s="261">
        <v>10</v>
      </c>
      <c r="BY9" s="261">
        <v>0</v>
      </c>
      <c r="BZ9" s="258">
        <v>66</v>
      </c>
      <c r="CA9" s="263">
        <v>84</v>
      </c>
      <c r="CB9" s="257">
        <v>0</v>
      </c>
      <c r="CC9" s="261">
        <v>1</v>
      </c>
      <c r="CD9" s="258">
        <v>1</v>
      </c>
      <c r="CE9" s="260">
        <v>0</v>
      </c>
      <c r="CF9" s="261">
        <v>14</v>
      </c>
      <c r="CG9" s="261">
        <v>20</v>
      </c>
      <c r="CH9" s="261">
        <v>22</v>
      </c>
      <c r="CI9" s="261">
        <v>19</v>
      </c>
      <c r="CJ9" s="261">
        <v>8</v>
      </c>
      <c r="CK9" s="258">
        <v>83</v>
      </c>
      <c r="CL9" s="263">
        <v>84</v>
      </c>
      <c r="CM9" s="257">
        <v>0</v>
      </c>
      <c r="CN9" s="261">
        <v>0</v>
      </c>
      <c r="CO9" s="258">
        <v>0</v>
      </c>
      <c r="CP9" s="260">
        <v>0</v>
      </c>
      <c r="CQ9" s="261">
        <v>0</v>
      </c>
      <c r="CR9" s="261">
        <v>2</v>
      </c>
      <c r="CS9" s="261">
        <v>1</v>
      </c>
      <c r="CT9" s="261">
        <v>1</v>
      </c>
      <c r="CU9" s="261">
        <v>1</v>
      </c>
      <c r="CV9" s="258">
        <v>5</v>
      </c>
      <c r="CW9" s="263">
        <v>5</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4</v>
      </c>
      <c r="DU9" s="261">
        <v>115</v>
      </c>
      <c r="DV9" s="258">
        <v>149</v>
      </c>
      <c r="DW9" s="260">
        <v>0</v>
      </c>
      <c r="DX9" s="261">
        <v>109</v>
      </c>
      <c r="DY9" s="261">
        <v>262</v>
      </c>
      <c r="DZ9" s="261">
        <v>139</v>
      </c>
      <c r="EA9" s="261">
        <v>95</v>
      </c>
      <c r="EB9" s="261">
        <v>48</v>
      </c>
      <c r="EC9" s="258">
        <v>653</v>
      </c>
      <c r="ED9" s="263">
        <v>802</v>
      </c>
      <c r="EE9" s="257">
        <v>12</v>
      </c>
      <c r="EF9" s="261">
        <v>7</v>
      </c>
      <c r="EG9" s="258">
        <v>19</v>
      </c>
      <c r="EH9" s="260">
        <v>0</v>
      </c>
      <c r="EI9" s="261">
        <v>33</v>
      </c>
      <c r="EJ9" s="261">
        <v>24</v>
      </c>
      <c r="EK9" s="261">
        <v>32</v>
      </c>
      <c r="EL9" s="261">
        <v>22</v>
      </c>
      <c r="EM9" s="261">
        <v>11</v>
      </c>
      <c r="EN9" s="258">
        <v>122</v>
      </c>
      <c r="EO9" s="263">
        <v>141</v>
      </c>
      <c r="EP9" s="257">
        <v>46</v>
      </c>
      <c r="EQ9" s="261">
        <v>134</v>
      </c>
      <c r="ER9" s="258">
        <v>180</v>
      </c>
      <c r="ES9" s="260">
        <v>0</v>
      </c>
      <c r="ET9" s="261">
        <v>275</v>
      </c>
      <c r="EU9" s="261">
        <v>364</v>
      </c>
      <c r="EV9" s="261">
        <v>177</v>
      </c>
      <c r="EW9" s="261">
        <v>106</v>
      </c>
      <c r="EX9" s="261">
        <v>50</v>
      </c>
      <c r="EY9" s="258">
        <v>972</v>
      </c>
      <c r="EZ9" s="263">
        <v>1152</v>
      </c>
    </row>
    <row r="10" spans="2:156" ht="21" customHeight="1" x14ac:dyDescent="0.2">
      <c r="B10" s="472" t="s">
        <v>7</v>
      </c>
      <c r="C10" s="257">
        <v>0</v>
      </c>
      <c r="D10" s="261">
        <v>0</v>
      </c>
      <c r="E10" s="358">
        <v>0</v>
      </c>
      <c r="F10" s="260">
        <v>0</v>
      </c>
      <c r="G10" s="261">
        <v>122</v>
      </c>
      <c r="H10" s="261">
        <v>98</v>
      </c>
      <c r="I10" s="261">
        <v>48</v>
      </c>
      <c r="J10" s="261">
        <v>41</v>
      </c>
      <c r="K10" s="261">
        <v>26</v>
      </c>
      <c r="L10" s="262">
        <v>335</v>
      </c>
      <c r="M10" s="263">
        <v>335</v>
      </c>
      <c r="N10" s="257">
        <v>0</v>
      </c>
      <c r="O10" s="261">
        <v>0</v>
      </c>
      <c r="P10" s="258">
        <v>0</v>
      </c>
      <c r="Q10" s="260">
        <v>0</v>
      </c>
      <c r="R10" s="261">
        <v>2</v>
      </c>
      <c r="S10" s="261">
        <v>8</v>
      </c>
      <c r="T10" s="261">
        <v>10</v>
      </c>
      <c r="U10" s="261">
        <v>14</v>
      </c>
      <c r="V10" s="261">
        <v>15</v>
      </c>
      <c r="W10" s="258">
        <v>49</v>
      </c>
      <c r="X10" s="263">
        <v>49</v>
      </c>
      <c r="Y10" s="257">
        <v>3</v>
      </c>
      <c r="Z10" s="261">
        <v>2</v>
      </c>
      <c r="AA10" s="258">
        <v>5</v>
      </c>
      <c r="AB10" s="260">
        <v>0</v>
      </c>
      <c r="AC10" s="261">
        <v>68</v>
      </c>
      <c r="AD10" s="261">
        <v>57</v>
      </c>
      <c r="AE10" s="261">
        <v>28</v>
      </c>
      <c r="AF10" s="261">
        <v>30</v>
      </c>
      <c r="AG10" s="261">
        <v>21</v>
      </c>
      <c r="AH10" s="258">
        <v>204</v>
      </c>
      <c r="AI10" s="263">
        <v>209</v>
      </c>
      <c r="AJ10" s="257">
        <v>0</v>
      </c>
      <c r="AK10" s="261">
        <v>0</v>
      </c>
      <c r="AL10" s="258">
        <v>0</v>
      </c>
      <c r="AM10" s="260">
        <v>0</v>
      </c>
      <c r="AN10" s="261">
        <v>8</v>
      </c>
      <c r="AO10" s="261">
        <v>5</v>
      </c>
      <c r="AP10" s="261">
        <v>10</v>
      </c>
      <c r="AQ10" s="261">
        <v>5</v>
      </c>
      <c r="AR10" s="261">
        <v>1</v>
      </c>
      <c r="AS10" s="258">
        <v>29</v>
      </c>
      <c r="AT10" s="263">
        <v>29</v>
      </c>
      <c r="AU10" s="257">
        <v>19</v>
      </c>
      <c r="AV10" s="261">
        <v>13</v>
      </c>
      <c r="AW10" s="258">
        <v>32</v>
      </c>
      <c r="AX10" s="260">
        <v>0</v>
      </c>
      <c r="AY10" s="261">
        <v>130</v>
      </c>
      <c r="AZ10" s="261">
        <v>117</v>
      </c>
      <c r="BA10" s="261">
        <v>108</v>
      </c>
      <c r="BB10" s="261">
        <v>78</v>
      </c>
      <c r="BC10" s="261">
        <v>58</v>
      </c>
      <c r="BD10" s="262">
        <v>491</v>
      </c>
      <c r="BE10" s="263">
        <v>523</v>
      </c>
      <c r="BF10" s="257">
        <v>0</v>
      </c>
      <c r="BG10" s="261">
        <v>0</v>
      </c>
      <c r="BH10" s="258">
        <v>0</v>
      </c>
      <c r="BI10" s="260">
        <v>0</v>
      </c>
      <c r="BJ10" s="261">
        <v>145</v>
      </c>
      <c r="BK10" s="261">
        <v>95</v>
      </c>
      <c r="BL10" s="261">
        <v>41</v>
      </c>
      <c r="BM10" s="261">
        <v>20</v>
      </c>
      <c r="BN10" s="261">
        <v>11</v>
      </c>
      <c r="BO10" s="258">
        <v>312</v>
      </c>
      <c r="BP10" s="263">
        <v>312</v>
      </c>
      <c r="BQ10" s="257">
        <v>0</v>
      </c>
      <c r="BR10" s="261">
        <v>3</v>
      </c>
      <c r="BS10" s="258">
        <v>3</v>
      </c>
      <c r="BT10" s="260">
        <v>0</v>
      </c>
      <c r="BU10" s="261">
        <v>23</v>
      </c>
      <c r="BV10" s="261">
        <v>21</v>
      </c>
      <c r="BW10" s="261">
        <v>16</v>
      </c>
      <c r="BX10" s="261">
        <v>5</v>
      </c>
      <c r="BY10" s="261">
        <v>1</v>
      </c>
      <c r="BZ10" s="258">
        <v>66</v>
      </c>
      <c r="CA10" s="263">
        <v>69</v>
      </c>
      <c r="CB10" s="257">
        <v>0</v>
      </c>
      <c r="CC10" s="261">
        <v>1</v>
      </c>
      <c r="CD10" s="258">
        <v>1</v>
      </c>
      <c r="CE10" s="260">
        <v>0</v>
      </c>
      <c r="CF10" s="261">
        <v>20</v>
      </c>
      <c r="CG10" s="261">
        <v>24</v>
      </c>
      <c r="CH10" s="261">
        <v>26</v>
      </c>
      <c r="CI10" s="261">
        <v>18</v>
      </c>
      <c r="CJ10" s="261">
        <v>10</v>
      </c>
      <c r="CK10" s="258">
        <v>98</v>
      </c>
      <c r="CL10" s="263">
        <v>99</v>
      </c>
      <c r="CM10" s="257">
        <v>0</v>
      </c>
      <c r="CN10" s="261">
        <v>0</v>
      </c>
      <c r="CO10" s="258">
        <v>0</v>
      </c>
      <c r="CP10" s="260">
        <v>0</v>
      </c>
      <c r="CQ10" s="261">
        <v>0</v>
      </c>
      <c r="CR10" s="261">
        <v>1</v>
      </c>
      <c r="CS10" s="261">
        <v>3</v>
      </c>
      <c r="CT10" s="261">
        <v>1</v>
      </c>
      <c r="CU10" s="261">
        <v>1</v>
      </c>
      <c r="CV10" s="258">
        <v>6</v>
      </c>
      <c r="CW10" s="263">
        <v>6</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29</v>
      </c>
      <c r="DU10" s="261">
        <v>31</v>
      </c>
      <c r="DV10" s="258">
        <v>60</v>
      </c>
      <c r="DW10" s="260">
        <v>0</v>
      </c>
      <c r="DX10" s="261">
        <v>158</v>
      </c>
      <c r="DY10" s="261">
        <v>215</v>
      </c>
      <c r="DZ10" s="261">
        <v>118</v>
      </c>
      <c r="EA10" s="261">
        <v>79</v>
      </c>
      <c r="EB10" s="261">
        <v>49</v>
      </c>
      <c r="EC10" s="258">
        <v>619</v>
      </c>
      <c r="ED10" s="263">
        <v>679</v>
      </c>
      <c r="EE10" s="257">
        <v>11</v>
      </c>
      <c r="EF10" s="261">
        <v>9</v>
      </c>
      <c r="EG10" s="258">
        <v>20</v>
      </c>
      <c r="EH10" s="260">
        <v>0</v>
      </c>
      <c r="EI10" s="261">
        <v>50</v>
      </c>
      <c r="EJ10" s="261">
        <v>40</v>
      </c>
      <c r="EK10" s="261">
        <v>31</v>
      </c>
      <c r="EL10" s="261">
        <v>26</v>
      </c>
      <c r="EM10" s="261">
        <v>15</v>
      </c>
      <c r="EN10" s="258">
        <v>162</v>
      </c>
      <c r="EO10" s="263">
        <v>182</v>
      </c>
      <c r="EP10" s="257">
        <v>32</v>
      </c>
      <c r="EQ10" s="261">
        <v>36</v>
      </c>
      <c r="ER10" s="258">
        <v>68</v>
      </c>
      <c r="ES10" s="260">
        <v>0</v>
      </c>
      <c r="ET10" s="261">
        <v>383</v>
      </c>
      <c r="EU10" s="261">
        <v>287</v>
      </c>
      <c r="EV10" s="261">
        <v>137</v>
      </c>
      <c r="EW10" s="261">
        <v>87</v>
      </c>
      <c r="EX10" s="261">
        <v>47</v>
      </c>
      <c r="EY10" s="258">
        <v>941</v>
      </c>
      <c r="EZ10" s="263">
        <v>1009</v>
      </c>
    </row>
    <row r="11" spans="2:156" ht="21" customHeight="1" x14ac:dyDescent="0.2">
      <c r="B11" s="472" t="s">
        <v>8</v>
      </c>
      <c r="C11" s="257">
        <v>0</v>
      </c>
      <c r="D11" s="261">
        <v>0</v>
      </c>
      <c r="E11" s="358">
        <v>0</v>
      </c>
      <c r="F11" s="260">
        <v>0</v>
      </c>
      <c r="G11" s="261">
        <v>18</v>
      </c>
      <c r="H11" s="261">
        <v>32</v>
      </c>
      <c r="I11" s="261">
        <v>26</v>
      </c>
      <c r="J11" s="261">
        <v>17</v>
      </c>
      <c r="K11" s="261">
        <v>12</v>
      </c>
      <c r="L11" s="262">
        <v>105</v>
      </c>
      <c r="M11" s="263">
        <v>105</v>
      </c>
      <c r="N11" s="257">
        <v>0</v>
      </c>
      <c r="O11" s="261">
        <v>0</v>
      </c>
      <c r="P11" s="258">
        <v>0</v>
      </c>
      <c r="Q11" s="260">
        <v>0</v>
      </c>
      <c r="R11" s="261">
        <v>0</v>
      </c>
      <c r="S11" s="261">
        <v>0</v>
      </c>
      <c r="T11" s="261">
        <v>0</v>
      </c>
      <c r="U11" s="261">
        <v>1</v>
      </c>
      <c r="V11" s="261">
        <v>7</v>
      </c>
      <c r="W11" s="258">
        <v>8</v>
      </c>
      <c r="X11" s="263">
        <v>8</v>
      </c>
      <c r="Y11" s="257">
        <v>2</v>
      </c>
      <c r="Z11" s="261">
        <v>4</v>
      </c>
      <c r="AA11" s="258">
        <v>6</v>
      </c>
      <c r="AB11" s="260">
        <v>0</v>
      </c>
      <c r="AC11" s="261">
        <v>24</v>
      </c>
      <c r="AD11" s="261">
        <v>28</v>
      </c>
      <c r="AE11" s="261">
        <v>27</v>
      </c>
      <c r="AF11" s="261">
        <v>17</v>
      </c>
      <c r="AG11" s="261">
        <v>11</v>
      </c>
      <c r="AH11" s="258">
        <v>107</v>
      </c>
      <c r="AI11" s="263">
        <v>113</v>
      </c>
      <c r="AJ11" s="257">
        <v>0</v>
      </c>
      <c r="AK11" s="261">
        <v>2</v>
      </c>
      <c r="AL11" s="258">
        <v>2</v>
      </c>
      <c r="AM11" s="260">
        <v>0</v>
      </c>
      <c r="AN11" s="261">
        <v>3</v>
      </c>
      <c r="AO11" s="261">
        <v>5</v>
      </c>
      <c r="AP11" s="261">
        <v>4</v>
      </c>
      <c r="AQ11" s="261">
        <v>4</v>
      </c>
      <c r="AR11" s="261">
        <v>0</v>
      </c>
      <c r="AS11" s="258">
        <v>16</v>
      </c>
      <c r="AT11" s="263">
        <v>18</v>
      </c>
      <c r="AU11" s="257">
        <v>8</v>
      </c>
      <c r="AV11" s="261">
        <v>4</v>
      </c>
      <c r="AW11" s="258">
        <v>12</v>
      </c>
      <c r="AX11" s="260">
        <v>0</v>
      </c>
      <c r="AY11" s="261">
        <v>43</v>
      </c>
      <c r="AZ11" s="261">
        <v>33</v>
      </c>
      <c r="BA11" s="261">
        <v>39</v>
      </c>
      <c r="BB11" s="261">
        <v>24</v>
      </c>
      <c r="BC11" s="261">
        <v>28</v>
      </c>
      <c r="BD11" s="262">
        <v>167</v>
      </c>
      <c r="BE11" s="263">
        <v>179</v>
      </c>
      <c r="BF11" s="257">
        <v>0</v>
      </c>
      <c r="BG11" s="261">
        <v>0</v>
      </c>
      <c r="BH11" s="258">
        <v>0</v>
      </c>
      <c r="BI11" s="260">
        <v>0</v>
      </c>
      <c r="BJ11" s="261">
        <v>36</v>
      </c>
      <c r="BK11" s="261">
        <v>32</v>
      </c>
      <c r="BL11" s="261">
        <v>22</v>
      </c>
      <c r="BM11" s="261">
        <v>13</v>
      </c>
      <c r="BN11" s="261">
        <v>6</v>
      </c>
      <c r="BO11" s="258">
        <v>109</v>
      </c>
      <c r="BP11" s="263">
        <v>109</v>
      </c>
      <c r="BQ11" s="257">
        <v>4</v>
      </c>
      <c r="BR11" s="261">
        <v>2</v>
      </c>
      <c r="BS11" s="258">
        <v>6</v>
      </c>
      <c r="BT11" s="260">
        <v>0</v>
      </c>
      <c r="BU11" s="261">
        <v>8</v>
      </c>
      <c r="BV11" s="261">
        <v>9</v>
      </c>
      <c r="BW11" s="261">
        <v>6</v>
      </c>
      <c r="BX11" s="261">
        <v>2</v>
      </c>
      <c r="BY11" s="261">
        <v>1</v>
      </c>
      <c r="BZ11" s="258">
        <v>26</v>
      </c>
      <c r="CA11" s="263">
        <v>32</v>
      </c>
      <c r="CB11" s="257">
        <v>1</v>
      </c>
      <c r="CC11" s="261">
        <v>0</v>
      </c>
      <c r="CD11" s="258">
        <v>1</v>
      </c>
      <c r="CE11" s="260">
        <v>0</v>
      </c>
      <c r="CF11" s="261">
        <v>6</v>
      </c>
      <c r="CG11" s="261">
        <v>6</v>
      </c>
      <c r="CH11" s="261">
        <v>12</v>
      </c>
      <c r="CI11" s="261">
        <v>6</v>
      </c>
      <c r="CJ11" s="261">
        <v>4</v>
      </c>
      <c r="CK11" s="258">
        <v>34</v>
      </c>
      <c r="CL11" s="263">
        <v>35</v>
      </c>
      <c r="CM11" s="257">
        <v>0</v>
      </c>
      <c r="CN11" s="261">
        <v>0</v>
      </c>
      <c r="CO11" s="258">
        <v>0</v>
      </c>
      <c r="CP11" s="260">
        <v>0</v>
      </c>
      <c r="CQ11" s="261">
        <v>0</v>
      </c>
      <c r="CR11" s="261">
        <v>0</v>
      </c>
      <c r="CS11" s="261">
        <v>1</v>
      </c>
      <c r="CT11" s="261">
        <v>0</v>
      </c>
      <c r="CU11" s="261">
        <v>0</v>
      </c>
      <c r="CV11" s="258">
        <v>1</v>
      </c>
      <c r="CW11" s="263">
        <v>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21</v>
      </c>
      <c r="DU11" s="261">
        <v>24</v>
      </c>
      <c r="DV11" s="258">
        <v>45</v>
      </c>
      <c r="DW11" s="260">
        <v>0</v>
      </c>
      <c r="DX11" s="261">
        <v>61</v>
      </c>
      <c r="DY11" s="261">
        <v>88</v>
      </c>
      <c r="DZ11" s="261">
        <v>64</v>
      </c>
      <c r="EA11" s="261">
        <v>35</v>
      </c>
      <c r="EB11" s="261">
        <v>26</v>
      </c>
      <c r="EC11" s="258">
        <v>274</v>
      </c>
      <c r="ED11" s="263">
        <v>319</v>
      </c>
      <c r="EE11" s="257">
        <v>8</v>
      </c>
      <c r="EF11" s="261">
        <v>4</v>
      </c>
      <c r="EG11" s="258">
        <v>12</v>
      </c>
      <c r="EH11" s="260">
        <v>0</v>
      </c>
      <c r="EI11" s="261">
        <v>17</v>
      </c>
      <c r="EJ11" s="261">
        <v>7</v>
      </c>
      <c r="EK11" s="261">
        <v>7</v>
      </c>
      <c r="EL11" s="261">
        <v>4</v>
      </c>
      <c r="EM11" s="261">
        <v>8</v>
      </c>
      <c r="EN11" s="258">
        <v>43</v>
      </c>
      <c r="EO11" s="263">
        <v>55</v>
      </c>
      <c r="EP11" s="257">
        <v>26</v>
      </c>
      <c r="EQ11" s="261">
        <v>27</v>
      </c>
      <c r="ER11" s="258">
        <v>53</v>
      </c>
      <c r="ES11" s="260">
        <v>0</v>
      </c>
      <c r="ET11" s="261">
        <v>116</v>
      </c>
      <c r="EU11" s="261">
        <v>105</v>
      </c>
      <c r="EV11" s="261">
        <v>70</v>
      </c>
      <c r="EW11" s="261">
        <v>35</v>
      </c>
      <c r="EX11" s="261">
        <v>25</v>
      </c>
      <c r="EY11" s="258">
        <v>351</v>
      </c>
      <c r="EZ11" s="263">
        <v>404</v>
      </c>
    </row>
    <row r="12" spans="2:156" ht="21" customHeight="1" x14ac:dyDescent="0.2">
      <c r="B12" s="472" t="s">
        <v>9</v>
      </c>
      <c r="C12" s="257">
        <v>0</v>
      </c>
      <c r="D12" s="261">
        <v>0</v>
      </c>
      <c r="E12" s="358">
        <v>0</v>
      </c>
      <c r="F12" s="260">
        <v>0</v>
      </c>
      <c r="G12" s="261">
        <v>54</v>
      </c>
      <c r="H12" s="261">
        <v>50</v>
      </c>
      <c r="I12" s="261">
        <v>35</v>
      </c>
      <c r="J12" s="261">
        <v>34</v>
      </c>
      <c r="K12" s="261">
        <v>17</v>
      </c>
      <c r="L12" s="262">
        <v>190</v>
      </c>
      <c r="M12" s="263">
        <v>190</v>
      </c>
      <c r="N12" s="257">
        <v>0</v>
      </c>
      <c r="O12" s="261">
        <v>0</v>
      </c>
      <c r="P12" s="258">
        <v>0</v>
      </c>
      <c r="Q12" s="260">
        <v>0</v>
      </c>
      <c r="R12" s="261">
        <v>0</v>
      </c>
      <c r="S12" s="261">
        <v>1</v>
      </c>
      <c r="T12" s="261">
        <v>4</v>
      </c>
      <c r="U12" s="261">
        <v>6</v>
      </c>
      <c r="V12" s="261">
        <v>7</v>
      </c>
      <c r="W12" s="258">
        <v>18</v>
      </c>
      <c r="X12" s="263">
        <v>18</v>
      </c>
      <c r="Y12" s="257">
        <v>5</v>
      </c>
      <c r="Z12" s="261">
        <v>9</v>
      </c>
      <c r="AA12" s="258">
        <v>14</v>
      </c>
      <c r="AB12" s="260">
        <v>0</v>
      </c>
      <c r="AC12" s="261">
        <v>49</v>
      </c>
      <c r="AD12" s="261">
        <v>32</v>
      </c>
      <c r="AE12" s="261">
        <v>35</v>
      </c>
      <c r="AF12" s="261">
        <v>34</v>
      </c>
      <c r="AG12" s="261">
        <v>17</v>
      </c>
      <c r="AH12" s="258">
        <v>167</v>
      </c>
      <c r="AI12" s="263">
        <v>181</v>
      </c>
      <c r="AJ12" s="257">
        <v>1</v>
      </c>
      <c r="AK12" s="261">
        <v>0</v>
      </c>
      <c r="AL12" s="258">
        <v>1</v>
      </c>
      <c r="AM12" s="260">
        <v>0</v>
      </c>
      <c r="AN12" s="261">
        <v>1</v>
      </c>
      <c r="AO12" s="261">
        <v>6</v>
      </c>
      <c r="AP12" s="261">
        <v>3</v>
      </c>
      <c r="AQ12" s="261">
        <v>4</v>
      </c>
      <c r="AR12" s="261">
        <v>3</v>
      </c>
      <c r="AS12" s="258">
        <v>17</v>
      </c>
      <c r="AT12" s="263">
        <v>18</v>
      </c>
      <c r="AU12" s="257">
        <v>10</v>
      </c>
      <c r="AV12" s="261">
        <v>11</v>
      </c>
      <c r="AW12" s="258">
        <v>21</v>
      </c>
      <c r="AX12" s="260">
        <v>0</v>
      </c>
      <c r="AY12" s="261">
        <v>62</v>
      </c>
      <c r="AZ12" s="261">
        <v>48</v>
      </c>
      <c r="BA12" s="261">
        <v>59</v>
      </c>
      <c r="BB12" s="261">
        <v>53</v>
      </c>
      <c r="BC12" s="261">
        <v>29</v>
      </c>
      <c r="BD12" s="262">
        <v>251</v>
      </c>
      <c r="BE12" s="263">
        <v>272</v>
      </c>
      <c r="BF12" s="257">
        <v>0</v>
      </c>
      <c r="BG12" s="261">
        <v>0</v>
      </c>
      <c r="BH12" s="258">
        <v>0</v>
      </c>
      <c r="BI12" s="260">
        <v>0</v>
      </c>
      <c r="BJ12" s="261">
        <v>47</v>
      </c>
      <c r="BK12" s="261">
        <v>43</v>
      </c>
      <c r="BL12" s="261">
        <v>23</v>
      </c>
      <c r="BM12" s="261">
        <v>17</v>
      </c>
      <c r="BN12" s="261">
        <v>3</v>
      </c>
      <c r="BO12" s="258">
        <v>133</v>
      </c>
      <c r="BP12" s="263">
        <v>133</v>
      </c>
      <c r="BQ12" s="257">
        <v>4</v>
      </c>
      <c r="BR12" s="261">
        <v>4</v>
      </c>
      <c r="BS12" s="258">
        <v>8</v>
      </c>
      <c r="BT12" s="260">
        <v>0</v>
      </c>
      <c r="BU12" s="261">
        <v>20</v>
      </c>
      <c r="BV12" s="261">
        <v>17</v>
      </c>
      <c r="BW12" s="261">
        <v>14</v>
      </c>
      <c r="BX12" s="261">
        <v>8</v>
      </c>
      <c r="BY12" s="261">
        <v>4</v>
      </c>
      <c r="BZ12" s="258">
        <v>63</v>
      </c>
      <c r="CA12" s="263">
        <v>71</v>
      </c>
      <c r="CB12" s="257">
        <v>0</v>
      </c>
      <c r="CC12" s="261">
        <v>0</v>
      </c>
      <c r="CD12" s="258">
        <v>0</v>
      </c>
      <c r="CE12" s="260">
        <v>0</v>
      </c>
      <c r="CF12" s="261">
        <v>6</v>
      </c>
      <c r="CG12" s="261">
        <v>7</v>
      </c>
      <c r="CH12" s="261">
        <v>12</v>
      </c>
      <c r="CI12" s="261">
        <v>9</v>
      </c>
      <c r="CJ12" s="261">
        <v>3</v>
      </c>
      <c r="CK12" s="258">
        <v>37</v>
      </c>
      <c r="CL12" s="263">
        <v>37</v>
      </c>
      <c r="CM12" s="257">
        <v>0</v>
      </c>
      <c r="CN12" s="261">
        <v>0</v>
      </c>
      <c r="CO12" s="258">
        <v>0</v>
      </c>
      <c r="CP12" s="260">
        <v>0</v>
      </c>
      <c r="CQ12" s="261">
        <v>0</v>
      </c>
      <c r="CR12" s="261">
        <v>4</v>
      </c>
      <c r="CS12" s="261">
        <v>3</v>
      </c>
      <c r="CT12" s="261">
        <v>2</v>
      </c>
      <c r="CU12" s="261">
        <v>1</v>
      </c>
      <c r="CV12" s="258">
        <v>10</v>
      </c>
      <c r="CW12" s="263">
        <v>10</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3</v>
      </c>
      <c r="DU12" s="261">
        <v>34</v>
      </c>
      <c r="DV12" s="258">
        <v>67</v>
      </c>
      <c r="DW12" s="260">
        <v>0</v>
      </c>
      <c r="DX12" s="261">
        <v>88</v>
      </c>
      <c r="DY12" s="261">
        <v>82</v>
      </c>
      <c r="DZ12" s="261">
        <v>76</v>
      </c>
      <c r="EA12" s="261">
        <v>53</v>
      </c>
      <c r="EB12" s="261">
        <v>29</v>
      </c>
      <c r="EC12" s="258">
        <v>328</v>
      </c>
      <c r="ED12" s="263">
        <v>395</v>
      </c>
      <c r="EE12" s="257">
        <v>8</v>
      </c>
      <c r="EF12" s="261">
        <v>2</v>
      </c>
      <c r="EG12" s="258">
        <v>10</v>
      </c>
      <c r="EH12" s="260">
        <v>0</v>
      </c>
      <c r="EI12" s="261">
        <v>21</v>
      </c>
      <c r="EJ12" s="261">
        <v>17</v>
      </c>
      <c r="EK12" s="261">
        <v>13</v>
      </c>
      <c r="EL12" s="261">
        <v>14</v>
      </c>
      <c r="EM12" s="261">
        <v>7</v>
      </c>
      <c r="EN12" s="258">
        <v>72</v>
      </c>
      <c r="EO12" s="263">
        <v>82</v>
      </c>
      <c r="EP12" s="257">
        <v>37</v>
      </c>
      <c r="EQ12" s="261">
        <v>43</v>
      </c>
      <c r="ER12" s="258">
        <v>80</v>
      </c>
      <c r="ES12" s="260">
        <v>0</v>
      </c>
      <c r="ET12" s="261">
        <v>163</v>
      </c>
      <c r="EU12" s="261">
        <v>122</v>
      </c>
      <c r="EV12" s="261">
        <v>86</v>
      </c>
      <c r="EW12" s="261">
        <v>58</v>
      </c>
      <c r="EX12" s="261">
        <v>29</v>
      </c>
      <c r="EY12" s="258">
        <v>458</v>
      </c>
      <c r="EZ12" s="263">
        <v>538</v>
      </c>
    </row>
    <row r="13" spans="2:156" ht="21" customHeight="1" x14ac:dyDescent="0.2">
      <c r="B13" s="472" t="s">
        <v>10</v>
      </c>
      <c r="C13" s="257">
        <v>0</v>
      </c>
      <c r="D13" s="261">
        <v>0</v>
      </c>
      <c r="E13" s="358">
        <v>0</v>
      </c>
      <c r="F13" s="260">
        <v>0</v>
      </c>
      <c r="G13" s="261">
        <v>94</v>
      </c>
      <c r="H13" s="261">
        <v>44</v>
      </c>
      <c r="I13" s="261">
        <v>26</v>
      </c>
      <c r="J13" s="261">
        <v>30</v>
      </c>
      <c r="K13" s="261">
        <v>16</v>
      </c>
      <c r="L13" s="262">
        <v>210</v>
      </c>
      <c r="M13" s="263">
        <v>210</v>
      </c>
      <c r="N13" s="257">
        <v>0</v>
      </c>
      <c r="O13" s="261">
        <v>0</v>
      </c>
      <c r="P13" s="258">
        <v>0</v>
      </c>
      <c r="Q13" s="260">
        <v>0</v>
      </c>
      <c r="R13" s="261">
        <v>0</v>
      </c>
      <c r="S13" s="261">
        <v>2</v>
      </c>
      <c r="T13" s="261">
        <v>3</v>
      </c>
      <c r="U13" s="261">
        <v>6</v>
      </c>
      <c r="V13" s="261">
        <v>12</v>
      </c>
      <c r="W13" s="258">
        <v>23</v>
      </c>
      <c r="X13" s="263">
        <v>23</v>
      </c>
      <c r="Y13" s="257">
        <v>14</v>
      </c>
      <c r="Z13" s="261">
        <v>22</v>
      </c>
      <c r="AA13" s="258">
        <v>36</v>
      </c>
      <c r="AB13" s="260">
        <v>0</v>
      </c>
      <c r="AC13" s="261">
        <v>64</v>
      </c>
      <c r="AD13" s="261">
        <v>35</v>
      </c>
      <c r="AE13" s="261">
        <v>19</v>
      </c>
      <c r="AF13" s="261">
        <v>25</v>
      </c>
      <c r="AG13" s="261">
        <v>12</v>
      </c>
      <c r="AH13" s="258">
        <v>155</v>
      </c>
      <c r="AI13" s="263">
        <v>191</v>
      </c>
      <c r="AJ13" s="257">
        <v>2</v>
      </c>
      <c r="AK13" s="261">
        <v>3</v>
      </c>
      <c r="AL13" s="258">
        <v>5</v>
      </c>
      <c r="AM13" s="260">
        <v>0</v>
      </c>
      <c r="AN13" s="261">
        <v>8</v>
      </c>
      <c r="AO13" s="261">
        <v>7</v>
      </c>
      <c r="AP13" s="261">
        <v>4</v>
      </c>
      <c r="AQ13" s="261">
        <v>5</v>
      </c>
      <c r="AR13" s="261">
        <v>5</v>
      </c>
      <c r="AS13" s="258">
        <v>29</v>
      </c>
      <c r="AT13" s="263">
        <v>34</v>
      </c>
      <c r="AU13" s="257">
        <v>19</v>
      </c>
      <c r="AV13" s="261">
        <v>11</v>
      </c>
      <c r="AW13" s="258">
        <v>30</v>
      </c>
      <c r="AX13" s="260">
        <v>0</v>
      </c>
      <c r="AY13" s="261">
        <v>96</v>
      </c>
      <c r="AZ13" s="261">
        <v>75</v>
      </c>
      <c r="BA13" s="261">
        <v>67</v>
      </c>
      <c r="BB13" s="261">
        <v>69</v>
      </c>
      <c r="BC13" s="261">
        <v>45</v>
      </c>
      <c r="BD13" s="262">
        <v>352</v>
      </c>
      <c r="BE13" s="263">
        <v>382</v>
      </c>
      <c r="BF13" s="257">
        <v>0</v>
      </c>
      <c r="BG13" s="261">
        <v>0</v>
      </c>
      <c r="BH13" s="258">
        <v>0</v>
      </c>
      <c r="BI13" s="260">
        <v>0</v>
      </c>
      <c r="BJ13" s="261">
        <v>123</v>
      </c>
      <c r="BK13" s="261">
        <v>62</v>
      </c>
      <c r="BL13" s="261">
        <v>32</v>
      </c>
      <c r="BM13" s="261">
        <v>24</v>
      </c>
      <c r="BN13" s="261">
        <v>9</v>
      </c>
      <c r="BO13" s="258">
        <v>250</v>
      </c>
      <c r="BP13" s="263">
        <v>250</v>
      </c>
      <c r="BQ13" s="257">
        <v>5</v>
      </c>
      <c r="BR13" s="261">
        <v>5</v>
      </c>
      <c r="BS13" s="258">
        <v>10</v>
      </c>
      <c r="BT13" s="260">
        <v>0</v>
      </c>
      <c r="BU13" s="261">
        <v>25</v>
      </c>
      <c r="BV13" s="261">
        <v>11</v>
      </c>
      <c r="BW13" s="261">
        <v>6</v>
      </c>
      <c r="BX13" s="261">
        <v>5</v>
      </c>
      <c r="BY13" s="261">
        <v>3</v>
      </c>
      <c r="BZ13" s="258">
        <v>50</v>
      </c>
      <c r="CA13" s="263">
        <v>60</v>
      </c>
      <c r="CB13" s="257">
        <v>0</v>
      </c>
      <c r="CC13" s="261">
        <v>2</v>
      </c>
      <c r="CD13" s="258">
        <v>2</v>
      </c>
      <c r="CE13" s="260">
        <v>0</v>
      </c>
      <c r="CF13" s="261">
        <v>14</v>
      </c>
      <c r="CG13" s="261">
        <v>10</v>
      </c>
      <c r="CH13" s="261">
        <v>14</v>
      </c>
      <c r="CI13" s="261">
        <v>17</v>
      </c>
      <c r="CJ13" s="261">
        <v>2</v>
      </c>
      <c r="CK13" s="258">
        <v>57</v>
      </c>
      <c r="CL13" s="263">
        <v>59</v>
      </c>
      <c r="CM13" s="257">
        <v>0</v>
      </c>
      <c r="CN13" s="261">
        <v>0</v>
      </c>
      <c r="CO13" s="258">
        <v>0</v>
      </c>
      <c r="CP13" s="260">
        <v>0</v>
      </c>
      <c r="CQ13" s="261">
        <v>0</v>
      </c>
      <c r="CR13" s="261">
        <v>2</v>
      </c>
      <c r="CS13" s="261">
        <v>5</v>
      </c>
      <c r="CT13" s="261">
        <v>2</v>
      </c>
      <c r="CU13" s="261">
        <v>1</v>
      </c>
      <c r="CV13" s="258">
        <v>10</v>
      </c>
      <c r="CW13" s="263">
        <v>10</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64</v>
      </c>
      <c r="DU13" s="261">
        <v>74</v>
      </c>
      <c r="DV13" s="258">
        <v>138</v>
      </c>
      <c r="DW13" s="260">
        <v>0</v>
      </c>
      <c r="DX13" s="261">
        <v>144</v>
      </c>
      <c r="DY13" s="261">
        <v>114</v>
      </c>
      <c r="DZ13" s="261">
        <v>66</v>
      </c>
      <c r="EA13" s="261">
        <v>63</v>
      </c>
      <c r="EB13" s="261">
        <v>32</v>
      </c>
      <c r="EC13" s="258">
        <v>419</v>
      </c>
      <c r="ED13" s="263">
        <v>557</v>
      </c>
      <c r="EE13" s="257">
        <v>8</v>
      </c>
      <c r="EF13" s="261">
        <v>0</v>
      </c>
      <c r="EG13" s="258">
        <v>8</v>
      </c>
      <c r="EH13" s="260">
        <v>0</v>
      </c>
      <c r="EI13" s="261">
        <v>31</v>
      </c>
      <c r="EJ13" s="261">
        <v>18</v>
      </c>
      <c r="EK13" s="261">
        <v>17</v>
      </c>
      <c r="EL13" s="261">
        <v>18</v>
      </c>
      <c r="EM13" s="261">
        <v>12</v>
      </c>
      <c r="EN13" s="258">
        <v>96</v>
      </c>
      <c r="EO13" s="263">
        <v>104</v>
      </c>
      <c r="EP13" s="257">
        <v>81</v>
      </c>
      <c r="EQ13" s="261">
        <v>91</v>
      </c>
      <c r="ER13" s="258">
        <v>172</v>
      </c>
      <c r="ES13" s="260">
        <v>0</v>
      </c>
      <c r="ET13" s="261">
        <v>285</v>
      </c>
      <c r="EU13" s="261">
        <v>142</v>
      </c>
      <c r="EV13" s="261">
        <v>73</v>
      </c>
      <c r="EW13" s="261">
        <v>58</v>
      </c>
      <c r="EX13" s="261">
        <v>30</v>
      </c>
      <c r="EY13" s="258">
        <v>588</v>
      </c>
      <c r="EZ13" s="263">
        <v>760</v>
      </c>
    </row>
    <row r="14" spans="2:156" ht="21" customHeight="1" x14ac:dyDescent="0.2">
      <c r="B14" s="472" t="s">
        <v>11</v>
      </c>
      <c r="C14" s="257">
        <v>0</v>
      </c>
      <c r="D14" s="261">
        <v>0</v>
      </c>
      <c r="E14" s="358">
        <v>0</v>
      </c>
      <c r="F14" s="260">
        <v>0</v>
      </c>
      <c r="G14" s="261">
        <v>12</v>
      </c>
      <c r="H14" s="261">
        <v>22</v>
      </c>
      <c r="I14" s="261">
        <v>9</v>
      </c>
      <c r="J14" s="261">
        <v>16</v>
      </c>
      <c r="K14" s="261">
        <v>9</v>
      </c>
      <c r="L14" s="262">
        <v>68</v>
      </c>
      <c r="M14" s="263">
        <v>68</v>
      </c>
      <c r="N14" s="257">
        <v>0</v>
      </c>
      <c r="O14" s="261">
        <v>0</v>
      </c>
      <c r="P14" s="258">
        <v>0</v>
      </c>
      <c r="Q14" s="260">
        <v>0</v>
      </c>
      <c r="R14" s="261">
        <v>0</v>
      </c>
      <c r="S14" s="261">
        <v>2</v>
      </c>
      <c r="T14" s="261">
        <v>1</v>
      </c>
      <c r="U14" s="261">
        <v>3</v>
      </c>
      <c r="V14" s="261">
        <v>2</v>
      </c>
      <c r="W14" s="258">
        <v>8</v>
      </c>
      <c r="X14" s="263">
        <v>8</v>
      </c>
      <c r="Y14" s="257">
        <v>8</v>
      </c>
      <c r="Z14" s="261">
        <v>5</v>
      </c>
      <c r="AA14" s="258">
        <v>13</v>
      </c>
      <c r="AB14" s="260">
        <v>0</v>
      </c>
      <c r="AC14" s="261">
        <v>22</v>
      </c>
      <c r="AD14" s="261">
        <v>18</v>
      </c>
      <c r="AE14" s="261">
        <v>11</v>
      </c>
      <c r="AF14" s="261">
        <v>14</v>
      </c>
      <c r="AG14" s="261">
        <v>6</v>
      </c>
      <c r="AH14" s="258">
        <v>71</v>
      </c>
      <c r="AI14" s="263">
        <v>84</v>
      </c>
      <c r="AJ14" s="257">
        <v>0</v>
      </c>
      <c r="AK14" s="261">
        <v>2</v>
      </c>
      <c r="AL14" s="258">
        <v>2</v>
      </c>
      <c r="AM14" s="260">
        <v>0</v>
      </c>
      <c r="AN14" s="261">
        <v>2</v>
      </c>
      <c r="AO14" s="261">
        <v>1</v>
      </c>
      <c r="AP14" s="261">
        <v>2</v>
      </c>
      <c r="AQ14" s="261">
        <v>3</v>
      </c>
      <c r="AR14" s="261">
        <v>1</v>
      </c>
      <c r="AS14" s="258">
        <v>9</v>
      </c>
      <c r="AT14" s="263">
        <v>11</v>
      </c>
      <c r="AU14" s="257">
        <v>5</v>
      </c>
      <c r="AV14" s="261">
        <v>6</v>
      </c>
      <c r="AW14" s="258">
        <v>11</v>
      </c>
      <c r="AX14" s="260">
        <v>0</v>
      </c>
      <c r="AY14" s="261">
        <v>15</v>
      </c>
      <c r="AZ14" s="261">
        <v>27</v>
      </c>
      <c r="BA14" s="261">
        <v>20</v>
      </c>
      <c r="BB14" s="261">
        <v>31</v>
      </c>
      <c r="BC14" s="261">
        <v>18</v>
      </c>
      <c r="BD14" s="262">
        <v>111</v>
      </c>
      <c r="BE14" s="263">
        <v>122</v>
      </c>
      <c r="BF14" s="257">
        <v>0</v>
      </c>
      <c r="BG14" s="261">
        <v>0</v>
      </c>
      <c r="BH14" s="258">
        <v>0</v>
      </c>
      <c r="BI14" s="260">
        <v>0</v>
      </c>
      <c r="BJ14" s="261">
        <v>37</v>
      </c>
      <c r="BK14" s="261">
        <v>24</v>
      </c>
      <c r="BL14" s="261">
        <v>15</v>
      </c>
      <c r="BM14" s="261">
        <v>10</v>
      </c>
      <c r="BN14" s="261">
        <v>4</v>
      </c>
      <c r="BO14" s="258">
        <v>90</v>
      </c>
      <c r="BP14" s="263">
        <v>90</v>
      </c>
      <c r="BQ14" s="257">
        <v>7</v>
      </c>
      <c r="BR14" s="261">
        <v>2</v>
      </c>
      <c r="BS14" s="258">
        <v>9</v>
      </c>
      <c r="BT14" s="260">
        <v>0</v>
      </c>
      <c r="BU14" s="261">
        <v>22</v>
      </c>
      <c r="BV14" s="261">
        <v>14</v>
      </c>
      <c r="BW14" s="261">
        <v>5</v>
      </c>
      <c r="BX14" s="261">
        <v>10</v>
      </c>
      <c r="BY14" s="261">
        <v>1</v>
      </c>
      <c r="BZ14" s="258">
        <v>52</v>
      </c>
      <c r="CA14" s="263">
        <v>61</v>
      </c>
      <c r="CB14" s="257">
        <v>0</v>
      </c>
      <c r="CC14" s="261">
        <v>0</v>
      </c>
      <c r="CD14" s="258">
        <v>0</v>
      </c>
      <c r="CE14" s="260">
        <v>0</v>
      </c>
      <c r="CF14" s="261">
        <v>6</v>
      </c>
      <c r="CG14" s="261">
        <v>7</v>
      </c>
      <c r="CH14" s="261">
        <v>4</v>
      </c>
      <c r="CI14" s="261">
        <v>3</v>
      </c>
      <c r="CJ14" s="261">
        <v>0</v>
      </c>
      <c r="CK14" s="258">
        <v>20</v>
      </c>
      <c r="CL14" s="263">
        <v>20</v>
      </c>
      <c r="CM14" s="257">
        <v>0</v>
      </c>
      <c r="CN14" s="261">
        <v>0</v>
      </c>
      <c r="CO14" s="258">
        <v>0</v>
      </c>
      <c r="CP14" s="260">
        <v>0</v>
      </c>
      <c r="CQ14" s="261">
        <v>0</v>
      </c>
      <c r="CR14" s="261">
        <v>2</v>
      </c>
      <c r="CS14" s="261">
        <v>1</v>
      </c>
      <c r="CT14" s="261">
        <v>1</v>
      </c>
      <c r="CU14" s="261">
        <v>0</v>
      </c>
      <c r="CV14" s="258">
        <v>4</v>
      </c>
      <c r="CW14" s="263">
        <v>4</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9</v>
      </c>
      <c r="DU14" s="261">
        <v>33</v>
      </c>
      <c r="DV14" s="258">
        <v>52</v>
      </c>
      <c r="DW14" s="260">
        <v>0</v>
      </c>
      <c r="DX14" s="261">
        <v>54</v>
      </c>
      <c r="DY14" s="261">
        <v>54</v>
      </c>
      <c r="DZ14" s="261">
        <v>29</v>
      </c>
      <c r="EA14" s="261">
        <v>33</v>
      </c>
      <c r="EB14" s="261">
        <v>13</v>
      </c>
      <c r="EC14" s="258">
        <v>183</v>
      </c>
      <c r="ED14" s="263">
        <v>235</v>
      </c>
      <c r="EE14" s="257">
        <v>1</v>
      </c>
      <c r="EF14" s="261">
        <v>2</v>
      </c>
      <c r="EG14" s="258">
        <v>3</v>
      </c>
      <c r="EH14" s="260">
        <v>0</v>
      </c>
      <c r="EI14" s="261">
        <v>12</v>
      </c>
      <c r="EJ14" s="261">
        <v>10</v>
      </c>
      <c r="EK14" s="261">
        <v>8</v>
      </c>
      <c r="EL14" s="261">
        <v>14</v>
      </c>
      <c r="EM14" s="261">
        <v>6</v>
      </c>
      <c r="EN14" s="258">
        <v>50</v>
      </c>
      <c r="EO14" s="263">
        <v>53</v>
      </c>
      <c r="EP14" s="257">
        <v>32</v>
      </c>
      <c r="EQ14" s="261">
        <v>36</v>
      </c>
      <c r="ER14" s="258">
        <v>68</v>
      </c>
      <c r="ES14" s="260">
        <v>0</v>
      </c>
      <c r="ET14" s="261">
        <v>98</v>
      </c>
      <c r="EU14" s="261">
        <v>71</v>
      </c>
      <c r="EV14" s="261">
        <v>36</v>
      </c>
      <c r="EW14" s="261">
        <v>32</v>
      </c>
      <c r="EX14" s="261">
        <v>12</v>
      </c>
      <c r="EY14" s="258">
        <v>249</v>
      </c>
      <c r="EZ14" s="263">
        <v>317</v>
      </c>
    </row>
    <row r="15" spans="2:156" ht="21" customHeight="1" x14ac:dyDescent="0.2">
      <c r="B15" s="472" t="s">
        <v>12</v>
      </c>
      <c r="C15" s="257">
        <v>0</v>
      </c>
      <c r="D15" s="261">
        <v>0</v>
      </c>
      <c r="E15" s="358">
        <v>0</v>
      </c>
      <c r="F15" s="260">
        <v>0</v>
      </c>
      <c r="G15" s="261">
        <v>34</v>
      </c>
      <c r="H15" s="261">
        <v>36</v>
      </c>
      <c r="I15" s="261">
        <v>20</v>
      </c>
      <c r="J15" s="261">
        <v>23</v>
      </c>
      <c r="K15" s="261">
        <v>11</v>
      </c>
      <c r="L15" s="262">
        <v>124</v>
      </c>
      <c r="M15" s="263">
        <v>124</v>
      </c>
      <c r="N15" s="257">
        <v>0</v>
      </c>
      <c r="O15" s="261">
        <v>0</v>
      </c>
      <c r="P15" s="258">
        <v>0</v>
      </c>
      <c r="Q15" s="260">
        <v>0</v>
      </c>
      <c r="R15" s="261">
        <v>0</v>
      </c>
      <c r="S15" s="261">
        <v>2</v>
      </c>
      <c r="T15" s="261">
        <v>1</v>
      </c>
      <c r="U15" s="261">
        <v>6</v>
      </c>
      <c r="V15" s="261">
        <v>4</v>
      </c>
      <c r="W15" s="258">
        <v>13</v>
      </c>
      <c r="X15" s="263">
        <v>13</v>
      </c>
      <c r="Y15" s="257">
        <v>11</v>
      </c>
      <c r="Z15" s="261">
        <v>23</v>
      </c>
      <c r="AA15" s="258">
        <v>34</v>
      </c>
      <c r="AB15" s="260">
        <v>0</v>
      </c>
      <c r="AC15" s="261">
        <v>20</v>
      </c>
      <c r="AD15" s="261">
        <v>34</v>
      </c>
      <c r="AE15" s="261">
        <v>16</v>
      </c>
      <c r="AF15" s="261">
        <v>22</v>
      </c>
      <c r="AG15" s="261">
        <v>11</v>
      </c>
      <c r="AH15" s="258">
        <v>103</v>
      </c>
      <c r="AI15" s="263">
        <v>137</v>
      </c>
      <c r="AJ15" s="257">
        <v>0</v>
      </c>
      <c r="AK15" s="261">
        <v>1</v>
      </c>
      <c r="AL15" s="258">
        <v>1</v>
      </c>
      <c r="AM15" s="260">
        <v>0</v>
      </c>
      <c r="AN15" s="261">
        <v>0</v>
      </c>
      <c r="AO15" s="261">
        <v>6</v>
      </c>
      <c r="AP15" s="261">
        <v>2</v>
      </c>
      <c r="AQ15" s="261">
        <v>0</v>
      </c>
      <c r="AR15" s="261">
        <v>1</v>
      </c>
      <c r="AS15" s="258">
        <v>9</v>
      </c>
      <c r="AT15" s="263">
        <v>10</v>
      </c>
      <c r="AU15" s="257">
        <v>5</v>
      </c>
      <c r="AV15" s="261">
        <v>11</v>
      </c>
      <c r="AW15" s="258">
        <v>16</v>
      </c>
      <c r="AX15" s="260">
        <v>0</v>
      </c>
      <c r="AY15" s="261">
        <v>23</v>
      </c>
      <c r="AZ15" s="261">
        <v>37</v>
      </c>
      <c r="BA15" s="261">
        <v>29</v>
      </c>
      <c r="BB15" s="261">
        <v>35</v>
      </c>
      <c r="BC15" s="261">
        <v>16</v>
      </c>
      <c r="BD15" s="262">
        <v>140</v>
      </c>
      <c r="BE15" s="263">
        <v>156</v>
      </c>
      <c r="BF15" s="257">
        <v>0</v>
      </c>
      <c r="BG15" s="261">
        <v>0</v>
      </c>
      <c r="BH15" s="258">
        <v>0</v>
      </c>
      <c r="BI15" s="260">
        <v>0</v>
      </c>
      <c r="BJ15" s="261">
        <v>57</v>
      </c>
      <c r="BK15" s="261">
        <v>32</v>
      </c>
      <c r="BL15" s="261">
        <v>21</v>
      </c>
      <c r="BM15" s="261">
        <v>14</v>
      </c>
      <c r="BN15" s="261">
        <v>0</v>
      </c>
      <c r="BO15" s="258">
        <v>124</v>
      </c>
      <c r="BP15" s="263">
        <v>124</v>
      </c>
      <c r="BQ15" s="257">
        <v>12</v>
      </c>
      <c r="BR15" s="261">
        <v>11</v>
      </c>
      <c r="BS15" s="258">
        <v>23</v>
      </c>
      <c r="BT15" s="260">
        <v>0</v>
      </c>
      <c r="BU15" s="261">
        <v>9</v>
      </c>
      <c r="BV15" s="261">
        <v>15</v>
      </c>
      <c r="BW15" s="261">
        <v>14</v>
      </c>
      <c r="BX15" s="261">
        <v>7</v>
      </c>
      <c r="BY15" s="261">
        <v>1</v>
      </c>
      <c r="BZ15" s="258">
        <v>46</v>
      </c>
      <c r="CA15" s="263">
        <v>69</v>
      </c>
      <c r="CB15" s="257">
        <v>1</v>
      </c>
      <c r="CC15" s="261">
        <v>2</v>
      </c>
      <c r="CD15" s="258">
        <v>3</v>
      </c>
      <c r="CE15" s="260">
        <v>0</v>
      </c>
      <c r="CF15" s="261">
        <v>13</v>
      </c>
      <c r="CG15" s="261">
        <v>4</v>
      </c>
      <c r="CH15" s="261">
        <v>8</v>
      </c>
      <c r="CI15" s="261">
        <v>8</v>
      </c>
      <c r="CJ15" s="261">
        <v>1</v>
      </c>
      <c r="CK15" s="258">
        <v>34</v>
      </c>
      <c r="CL15" s="263">
        <v>37</v>
      </c>
      <c r="CM15" s="257">
        <v>0</v>
      </c>
      <c r="CN15" s="261">
        <v>0</v>
      </c>
      <c r="CO15" s="258">
        <v>0</v>
      </c>
      <c r="CP15" s="260">
        <v>0</v>
      </c>
      <c r="CQ15" s="261">
        <v>0</v>
      </c>
      <c r="CR15" s="261">
        <v>0</v>
      </c>
      <c r="CS15" s="261">
        <v>1</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3</v>
      </c>
      <c r="DU15" s="261">
        <v>62</v>
      </c>
      <c r="DV15" s="258">
        <v>85</v>
      </c>
      <c r="DW15" s="260">
        <v>0</v>
      </c>
      <c r="DX15" s="261">
        <v>34</v>
      </c>
      <c r="DY15" s="261">
        <v>88</v>
      </c>
      <c r="DZ15" s="261">
        <v>47</v>
      </c>
      <c r="EA15" s="261">
        <v>50</v>
      </c>
      <c r="EB15" s="261">
        <v>20</v>
      </c>
      <c r="EC15" s="258">
        <v>239</v>
      </c>
      <c r="ED15" s="263">
        <v>324</v>
      </c>
      <c r="EE15" s="257">
        <v>2</v>
      </c>
      <c r="EF15" s="261">
        <v>5</v>
      </c>
      <c r="EG15" s="258">
        <v>7</v>
      </c>
      <c r="EH15" s="260">
        <v>0</v>
      </c>
      <c r="EI15" s="261">
        <v>8</v>
      </c>
      <c r="EJ15" s="261">
        <v>10</v>
      </c>
      <c r="EK15" s="261">
        <v>11</v>
      </c>
      <c r="EL15" s="261">
        <v>12</v>
      </c>
      <c r="EM15" s="261">
        <v>5</v>
      </c>
      <c r="EN15" s="258">
        <v>46</v>
      </c>
      <c r="EO15" s="263">
        <v>53</v>
      </c>
      <c r="EP15" s="257">
        <v>44</v>
      </c>
      <c r="EQ15" s="261">
        <v>85</v>
      </c>
      <c r="ER15" s="258">
        <v>129</v>
      </c>
      <c r="ES15" s="260">
        <v>0</v>
      </c>
      <c r="ET15" s="261">
        <v>116</v>
      </c>
      <c r="EU15" s="261">
        <v>105</v>
      </c>
      <c r="EV15" s="261">
        <v>53</v>
      </c>
      <c r="EW15" s="261">
        <v>50</v>
      </c>
      <c r="EX15" s="261">
        <v>17</v>
      </c>
      <c r="EY15" s="258">
        <v>341</v>
      </c>
      <c r="EZ15" s="263">
        <v>470</v>
      </c>
    </row>
    <row r="16" spans="2:156" ht="21" customHeight="1" x14ac:dyDescent="0.2">
      <c r="B16" s="472" t="s">
        <v>13</v>
      </c>
      <c r="C16" s="257">
        <v>0</v>
      </c>
      <c r="D16" s="261">
        <v>0</v>
      </c>
      <c r="E16" s="358">
        <v>0</v>
      </c>
      <c r="F16" s="260">
        <v>0</v>
      </c>
      <c r="G16" s="261">
        <v>21</v>
      </c>
      <c r="H16" s="261">
        <v>18</v>
      </c>
      <c r="I16" s="261">
        <v>14</v>
      </c>
      <c r="J16" s="261">
        <v>12</v>
      </c>
      <c r="K16" s="261">
        <v>8</v>
      </c>
      <c r="L16" s="262">
        <v>73</v>
      </c>
      <c r="M16" s="263">
        <v>73</v>
      </c>
      <c r="N16" s="257">
        <v>0</v>
      </c>
      <c r="O16" s="261">
        <v>0</v>
      </c>
      <c r="P16" s="258">
        <v>0</v>
      </c>
      <c r="Q16" s="260">
        <v>0</v>
      </c>
      <c r="R16" s="261">
        <v>0</v>
      </c>
      <c r="S16" s="261">
        <v>0</v>
      </c>
      <c r="T16" s="261">
        <v>0</v>
      </c>
      <c r="U16" s="261">
        <v>4</v>
      </c>
      <c r="V16" s="261">
        <v>5</v>
      </c>
      <c r="W16" s="258">
        <v>9</v>
      </c>
      <c r="X16" s="263">
        <v>9</v>
      </c>
      <c r="Y16" s="257">
        <v>1</v>
      </c>
      <c r="Z16" s="261">
        <v>3</v>
      </c>
      <c r="AA16" s="258">
        <v>4</v>
      </c>
      <c r="AB16" s="260">
        <v>0</v>
      </c>
      <c r="AC16" s="261">
        <v>8</v>
      </c>
      <c r="AD16" s="261">
        <v>13</v>
      </c>
      <c r="AE16" s="261">
        <v>11</v>
      </c>
      <c r="AF16" s="261">
        <v>9</v>
      </c>
      <c r="AG16" s="261">
        <v>9</v>
      </c>
      <c r="AH16" s="258">
        <v>50</v>
      </c>
      <c r="AI16" s="263">
        <v>54</v>
      </c>
      <c r="AJ16" s="257">
        <v>0</v>
      </c>
      <c r="AK16" s="261">
        <v>1</v>
      </c>
      <c r="AL16" s="258">
        <v>1</v>
      </c>
      <c r="AM16" s="260">
        <v>0</v>
      </c>
      <c r="AN16" s="261">
        <v>2</v>
      </c>
      <c r="AO16" s="261">
        <v>0</v>
      </c>
      <c r="AP16" s="261">
        <v>0</v>
      </c>
      <c r="AQ16" s="261">
        <v>2</v>
      </c>
      <c r="AR16" s="261">
        <v>1</v>
      </c>
      <c r="AS16" s="258">
        <v>5</v>
      </c>
      <c r="AT16" s="263">
        <v>6</v>
      </c>
      <c r="AU16" s="257">
        <v>3</v>
      </c>
      <c r="AV16" s="261">
        <v>3</v>
      </c>
      <c r="AW16" s="258">
        <v>6</v>
      </c>
      <c r="AX16" s="260">
        <v>0</v>
      </c>
      <c r="AY16" s="261">
        <v>18</v>
      </c>
      <c r="AZ16" s="261">
        <v>19</v>
      </c>
      <c r="BA16" s="261">
        <v>15</v>
      </c>
      <c r="BB16" s="261">
        <v>18</v>
      </c>
      <c r="BC16" s="261">
        <v>15</v>
      </c>
      <c r="BD16" s="262">
        <v>85</v>
      </c>
      <c r="BE16" s="263">
        <v>91</v>
      </c>
      <c r="BF16" s="257">
        <v>0</v>
      </c>
      <c r="BG16" s="261">
        <v>0</v>
      </c>
      <c r="BH16" s="258">
        <v>0</v>
      </c>
      <c r="BI16" s="260">
        <v>0</v>
      </c>
      <c r="BJ16" s="261">
        <v>21</v>
      </c>
      <c r="BK16" s="261">
        <v>15</v>
      </c>
      <c r="BL16" s="261">
        <v>14</v>
      </c>
      <c r="BM16" s="261">
        <v>7</v>
      </c>
      <c r="BN16" s="261">
        <v>4</v>
      </c>
      <c r="BO16" s="258">
        <v>61</v>
      </c>
      <c r="BP16" s="263">
        <v>61</v>
      </c>
      <c r="BQ16" s="257">
        <v>0</v>
      </c>
      <c r="BR16" s="261">
        <v>1</v>
      </c>
      <c r="BS16" s="258">
        <v>1</v>
      </c>
      <c r="BT16" s="260">
        <v>0</v>
      </c>
      <c r="BU16" s="261">
        <v>2</v>
      </c>
      <c r="BV16" s="261">
        <v>4</v>
      </c>
      <c r="BW16" s="261">
        <v>2</v>
      </c>
      <c r="BX16" s="261">
        <v>4</v>
      </c>
      <c r="BY16" s="261">
        <v>2</v>
      </c>
      <c r="BZ16" s="258">
        <v>14</v>
      </c>
      <c r="CA16" s="263">
        <v>15</v>
      </c>
      <c r="CB16" s="257">
        <v>0</v>
      </c>
      <c r="CC16" s="261">
        <v>0</v>
      </c>
      <c r="CD16" s="258">
        <v>0</v>
      </c>
      <c r="CE16" s="260">
        <v>0</v>
      </c>
      <c r="CF16" s="261">
        <v>1</v>
      </c>
      <c r="CG16" s="261">
        <v>1</v>
      </c>
      <c r="CH16" s="261">
        <v>5</v>
      </c>
      <c r="CI16" s="261">
        <v>4</v>
      </c>
      <c r="CJ16" s="261">
        <v>1</v>
      </c>
      <c r="CK16" s="258">
        <v>12</v>
      </c>
      <c r="CL16" s="263">
        <v>12</v>
      </c>
      <c r="CM16" s="257">
        <v>0</v>
      </c>
      <c r="CN16" s="261">
        <v>0</v>
      </c>
      <c r="CO16" s="258">
        <v>0</v>
      </c>
      <c r="CP16" s="260">
        <v>0</v>
      </c>
      <c r="CQ16" s="261">
        <v>0</v>
      </c>
      <c r="CR16" s="261">
        <v>1</v>
      </c>
      <c r="CS16" s="261">
        <v>0</v>
      </c>
      <c r="CT16" s="261">
        <v>0</v>
      </c>
      <c r="CU16" s="261">
        <v>0</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3</v>
      </c>
      <c r="DU16" s="261">
        <v>13</v>
      </c>
      <c r="DV16" s="258">
        <v>16</v>
      </c>
      <c r="DW16" s="260">
        <v>0</v>
      </c>
      <c r="DX16" s="261">
        <v>27</v>
      </c>
      <c r="DY16" s="261">
        <v>32</v>
      </c>
      <c r="DZ16" s="261">
        <v>23</v>
      </c>
      <c r="EA16" s="261">
        <v>22</v>
      </c>
      <c r="EB16" s="261">
        <v>11</v>
      </c>
      <c r="EC16" s="258">
        <v>115</v>
      </c>
      <c r="ED16" s="263">
        <v>131</v>
      </c>
      <c r="EE16" s="257">
        <v>1</v>
      </c>
      <c r="EF16" s="261">
        <v>0</v>
      </c>
      <c r="EG16" s="258">
        <v>1</v>
      </c>
      <c r="EH16" s="260">
        <v>0</v>
      </c>
      <c r="EI16" s="261">
        <v>10</v>
      </c>
      <c r="EJ16" s="261">
        <v>11</v>
      </c>
      <c r="EK16" s="261">
        <v>5</v>
      </c>
      <c r="EL16" s="261">
        <v>4</v>
      </c>
      <c r="EM16" s="261">
        <v>5</v>
      </c>
      <c r="EN16" s="258">
        <v>35</v>
      </c>
      <c r="EO16" s="263">
        <v>36</v>
      </c>
      <c r="EP16" s="257">
        <v>4</v>
      </c>
      <c r="EQ16" s="261">
        <v>16</v>
      </c>
      <c r="ER16" s="258">
        <v>20</v>
      </c>
      <c r="ES16" s="260">
        <v>0</v>
      </c>
      <c r="ET16" s="261">
        <v>63</v>
      </c>
      <c r="EU16" s="261">
        <v>48</v>
      </c>
      <c r="EV16" s="261">
        <v>33</v>
      </c>
      <c r="EW16" s="261">
        <v>24</v>
      </c>
      <c r="EX16" s="261">
        <v>13</v>
      </c>
      <c r="EY16" s="258">
        <v>181</v>
      </c>
      <c r="EZ16" s="263">
        <v>201</v>
      </c>
    </row>
    <row r="17" spans="2:156" ht="21" customHeight="1" x14ac:dyDescent="0.2">
      <c r="B17" s="472" t="s">
        <v>15</v>
      </c>
      <c r="C17" s="257">
        <v>0</v>
      </c>
      <c r="D17" s="261">
        <v>0</v>
      </c>
      <c r="E17" s="358">
        <v>0</v>
      </c>
      <c r="F17" s="260">
        <v>0</v>
      </c>
      <c r="G17" s="261">
        <v>3</v>
      </c>
      <c r="H17" s="261">
        <v>6</v>
      </c>
      <c r="I17" s="261">
        <v>6</v>
      </c>
      <c r="J17" s="261">
        <v>4</v>
      </c>
      <c r="K17" s="261">
        <v>1</v>
      </c>
      <c r="L17" s="262">
        <v>20</v>
      </c>
      <c r="M17" s="263">
        <v>20</v>
      </c>
      <c r="N17" s="257">
        <v>0</v>
      </c>
      <c r="O17" s="261">
        <v>0</v>
      </c>
      <c r="P17" s="258">
        <v>0</v>
      </c>
      <c r="Q17" s="260">
        <v>0</v>
      </c>
      <c r="R17" s="261">
        <v>0</v>
      </c>
      <c r="S17" s="261">
        <v>0</v>
      </c>
      <c r="T17" s="261">
        <v>0</v>
      </c>
      <c r="U17" s="261">
        <v>1</v>
      </c>
      <c r="V17" s="261">
        <v>0</v>
      </c>
      <c r="W17" s="258">
        <v>1</v>
      </c>
      <c r="X17" s="263">
        <v>1</v>
      </c>
      <c r="Y17" s="257">
        <v>0</v>
      </c>
      <c r="Z17" s="261">
        <v>1</v>
      </c>
      <c r="AA17" s="258">
        <v>1</v>
      </c>
      <c r="AB17" s="260">
        <v>0</v>
      </c>
      <c r="AC17" s="261">
        <v>4</v>
      </c>
      <c r="AD17" s="261">
        <v>6</v>
      </c>
      <c r="AE17" s="261">
        <v>5</v>
      </c>
      <c r="AF17" s="261">
        <v>4</v>
      </c>
      <c r="AG17" s="261">
        <v>2</v>
      </c>
      <c r="AH17" s="258">
        <v>21</v>
      </c>
      <c r="AI17" s="263">
        <v>22</v>
      </c>
      <c r="AJ17" s="257">
        <v>0</v>
      </c>
      <c r="AK17" s="261">
        <v>0</v>
      </c>
      <c r="AL17" s="258">
        <v>0</v>
      </c>
      <c r="AM17" s="260">
        <v>0</v>
      </c>
      <c r="AN17" s="261">
        <v>1</v>
      </c>
      <c r="AO17" s="261">
        <v>2</v>
      </c>
      <c r="AP17" s="261">
        <v>0</v>
      </c>
      <c r="AQ17" s="261">
        <v>0</v>
      </c>
      <c r="AR17" s="261">
        <v>1</v>
      </c>
      <c r="AS17" s="258">
        <v>4</v>
      </c>
      <c r="AT17" s="263">
        <v>4</v>
      </c>
      <c r="AU17" s="257">
        <v>0</v>
      </c>
      <c r="AV17" s="261">
        <v>1</v>
      </c>
      <c r="AW17" s="258">
        <v>1</v>
      </c>
      <c r="AX17" s="260">
        <v>0</v>
      </c>
      <c r="AY17" s="261">
        <v>13</v>
      </c>
      <c r="AZ17" s="261">
        <v>4</v>
      </c>
      <c r="BA17" s="261">
        <v>8</v>
      </c>
      <c r="BB17" s="261">
        <v>3</v>
      </c>
      <c r="BC17" s="261">
        <v>4</v>
      </c>
      <c r="BD17" s="262">
        <v>32</v>
      </c>
      <c r="BE17" s="263">
        <v>33</v>
      </c>
      <c r="BF17" s="257">
        <v>0</v>
      </c>
      <c r="BG17" s="261">
        <v>0</v>
      </c>
      <c r="BH17" s="258">
        <v>0</v>
      </c>
      <c r="BI17" s="260">
        <v>0</v>
      </c>
      <c r="BJ17" s="261">
        <v>6</v>
      </c>
      <c r="BK17" s="261">
        <v>6</v>
      </c>
      <c r="BL17" s="261">
        <v>5</v>
      </c>
      <c r="BM17" s="261">
        <v>1</v>
      </c>
      <c r="BN17" s="261">
        <v>1</v>
      </c>
      <c r="BO17" s="258">
        <v>19</v>
      </c>
      <c r="BP17" s="263">
        <v>19</v>
      </c>
      <c r="BQ17" s="257">
        <v>0</v>
      </c>
      <c r="BR17" s="261">
        <v>0</v>
      </c>
      <c r="BS17" s="258">
        <v>0</v>
      </c>
      <c r="BT17" s="260">
        <v>0</v>
      </c>
      <c r="BU17" s="261">
        <v>1</v>
      </c>
      <c r="BV17" s="261">
        <v>3</v>
      </c>
      <c r="BW17" s="261">
        <v>3</v>
      </c>
      <c r="BX17" s="261">
        <v>1</v>
      </c>
      <c r="BY17" s="261">
        <v>0</v>
      </c>
      <c r="BZ17" s="258">
        <v>8</v>
      </c>
      <c r="CA17" s="263">
        <v>8</v>
      </c>
      <c r="CB17" s="257">
        <v>0</v>
      </c>
      <c r="CC17" s="261">
        <v>1</v>
      </c>
      <c r="CD17" s="258">
        <v>1</v>
      </c>
      <c r="CE17" s="260">
        <v>0</v>
      </c>
      <c r="CF17" s="261">
        <v>1</v>
      </c>
      <c r="CG17" s="261">
        <v>2</v>
      </c>
      <c r="CH17" s="261">
        <v>2</v>
      </c>
      <c r="CI17" s="261">
        <v>2</v>
      </c>
      <c r="CJ17" s="261">
        <v>4</v>
      </c>
      <c r="CK17" s="258">
        <v>11</v>
      </c>
      <c r="CL17" s="263">
        <v>12</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1</v>
      </c>
      <c r="DU17" s="261">
        <v>9</v>
      </c>
      <c r="DV17" s="258">
        <v>10</v>
      </c>
      <c r="DW17" s="260">
        <v>0</v>
      </c>
      <c r="DX17" s="261">
        <v>11</v>
      </c>
      <c r="DY17" s="261">
        <v>16</v>
      </c>
      <c r="DZ17" s="261">
        <v>11</v>
      </c>
      <c r="EA17" s="261">
        <v>8</v>
      </c>
      <c r="EB17" s="261">
        <v>4</v>
      </c>
      <c r="EC17" s="258">
        <v>50</v>
      </c>
      <c r="ED17" s="263">
        <v>60</v>
      </c>
      <c r="EE17" s="257">
        <v>2</v>
      </c>
      <c r="EF17" s="261">
        <v>3</v>
      </c>
      <c r="EG17" s="258">
        <v>5</v>
      </c>
      <c r="EH17" s="260">
        <v>0</v>
      </c>
      <c r="EI17" s="261">
        <v>7</v>
      </c>
      <c r="EJ17" s="261">
        <v>4</v>
      </c>
      <c r="EK17" s="261">
        <v>5</v>
      </c>
      <c r="EL17" s="261">
        <v>0</v>
      </c>
      <c r="EM17" s="261">
        <v>2</v>
      </c>
      <c r="EN17" s="258">
        <v>18</v>
      </c>
      <c r="EO17" s="263">
        <v>23</v>
      </c>
      <c r="EP17" s="257">
        <v>1</v>
      </c>
      <c r="EQ17" s="261">
        <v>11</v>
      </c>
      <c r="ER17" s="258">
        <v>12</v>
      </c>
      <c r="ES17" s="260">
        <v>0</v>
      </c>
      <c r="ET17" s="261">
        <v>25</v>
      </c>
      <c r="EU17" s="261">
        <v>22</v>
      </c>
      <c r="EV17" s="261">
        <v>17</v>
      </c>
      <c r="EW17" s="261">
        <v>12</v>
      </c>
      <c r="EX17" s="261">
        <v>7</v>
      </c>
      <c r="EY17" s="258">
        <v>83</v>
      </c>
      <c r="EZ17" s="263">
        <v>95</v>
      </c>
    </row>
    <row r="18" spans="2:156" ht="21" customHeight="1" x14ac:dyDescent="0.2">
      <c r="B18" s="472" t="s">
        <v>16</v>
      </c>
      <c r="C18" s="257">
        <v>0</v>
      </c>
      <c r="D18" s="261">
        <v>0</v>
      </c>
      <c r="E18" s="358">
        <v>0</v>
      </c>
      <c r="F18" s="260">
        <v>0</v>
      </c>
      <c r="G18" s="261">
        <v>15</v>
      </c>
      <c r="H18" s="261">
        <v>7</v>
      </c>
      <c r="I18" s="261">
        <v>7</v>
      </c>
      <c r="J18" s="261">
        <v>5</v>
      </c>
      <c r="K18" s="261">
        <v>2</v>
      </c>
      <c r="L18" s="262">
        <v>36</v>
      </c>
      <c r="M18" s="263">
        <v>36</v>
      </c>
      <c r="N18" s="257">
        <v>0</v>
      </c>
      <c r="O18" s="261">
        <v>0</v>
      </c>
      <c r="P18" s="258">
        <v>0</v>
      </c>
      <c r="Q18" s="260">
        <v>0</v>
      </c>
      <c r="R18" s="261">
        <v>0</v>
      </c>
      <c r="S18" s="261">
        <v>0</v>
      </c>
      <c r="T18" s="261">
        <v>1</v>
      </c>
      <c r="U18" s="261">
        <v>1</v>
      </c>
      <c r="V18" s="261">
        <v>3</v>
      </c>
      <c r="W18" s="258">
        <v>5</v>
      </c>
      <c r="X18" s="263">
        <v>5</v>
      </c>
      <c r="Y18" s="257">
        <v>4</v>
      </c>
      <c r="Z18" s="261">
        <v>3</v>
      </c>
      <c r="AA18" s="258">
        <v>7</v>
      </c>
      <c r="AB18" s="260">
        <v>0</v>
      </c>
      <c r="AC18" s="261">
        <v>18</v>
      </c>
      <c r="AD18" s="261">
        <v>11</v>
      </c>
      <c r="AE18" s="261">
        <v>9</v>
      </c>
      <c r="AF18" s="261">
        <v>14</v>
      </c>
      <c r="AG18" s="261">
        <v>2</v>
      </c>
      <c r="AH18" s="258">
        <v>54</v>
      </c>
      <c r="AI18" s="263">
        <v>61</v>
      </c>
      <c r="AJ18" s="257">
        <v>0</v>
      </c>
      <c r="AK18" s="261">
        <v>2</v>
      </c>
      <c r="AL18" s="258">
        <v>2</v>
      </c>
      <c r="AM18" s="260">
        <v>0</v>
      </c>
      <c r="AN18" s="261">
        <v>0</v>
      </c>
      <c r="AO18" s="261">
        <v>2</v>
      </c>
      <c r="AP18" s="261">
        <v>1</v>
      </c>
      <c r="AQ18" s="261">
        <v>0</v>
      </c>
      <c r="AR18" s="261">
        <v>0</v>
      </c>
      <c r="AS18" s="258">
        <v>3</v>
      </c>
      <c r="AT18" s="263">
        <v>5</v>
      </c>
      <c r="AU18" s="257">
        <v>3</v>
      </c>
      <c r="AV18" s="261">
        <v>4</v>
      </c>
      <c r="AW18" s="258">
        <v>7</v>
      </c>
      <c r="AX18" s="260">
        <v>0</v>
      </c>
      <c r="AY18" s="261">
        <v>19</v>
      </c>
      <c r="AZ18" s="261">
        <v>14</v>
      </c>
      <c r="BA18" s="261">
        <v>14</v>
      </c>
      <c r="BB18" s="261">
        <v>23</v>
      </c>
      <c r="BC18" s="261">
        <v>11</v>
      </c>
      <c r="BD18" s="262">
        <v>81</v>
      </c>
      <c r="BE18" s="263">
        <v>88</v>
      </c>
      <c r="BF18" s="257">
        <v>0</v>
      </c>
      <c r="BG18" s="261">
        <v>0</v>
      </c>
      <c r="BH18" s="258">
        <v>0</v>
      </c>
      <c r="BI18" s="260">
        <v>0</v>
      </c>
      <c r="BJ18" s="261">
        <v>17</v>
      </c>
      <c r="BK18" s="261">
        <v>24</v>
      </c>
      <c r="BL18" s="261">
        <v>7</v>
      </c>
      <c r="BM18" s="261">
        <v>13</v>
      </c>
      <c r="BN18" s="261">
        <v>1</v>
      </c>
      <c r="BO18" s="258">
        <v>62</v>
      </c>
      <c r="BP18" s="263">
        <v>62</v>
      </c>
      <c r="BQ18" s="257">
        <v>2</v>
      </c>
      <c r="BR18" s="261">
        <v>4</v>
      </c>
      <c r="BS18" s="258">
        <v>6</v>
      </c>
      <c r="BT18" s="260">
        <v>0</v>
      </c>
      <c r="BU18" s="261">
        <v>16</v>
      </c>
      <c r="BV18" s="261">
        <v>28</v>
      </c>
      <c r="BW18" s="261">
        <v>6</v>
      </c>
      <c r="BX18" s="261">
        <v>3</v>
      </c>
      <c r="BY18" s="261">
        <v>0</v>
      </c>
      <c r="BZ18" s="258">
        <v>53</v>
      </c>
      <c r="CA18" s="263">
        <v>59</v>
      </c>
      <c r="CB18" s="257">
        <v>0</v>
      </c>
      <c r="CC18" s="261">
        <v>0</v>
      </c>
      <c r="CD18" s="258">
        <v>0</v>
      </c>
      <c r="CE18" s="260">
        <v>0</v>
      </c>
      <c r="CF18" s="261">
        <v>2</v>
      </c>
      <c r="CG18" s="261">
        <v>3</v>
      </c>
      <c r="CH18" s="261">
        <v>1</v>
      </c>
      <c r="CI18" s="261">
        <v>3</v>
      </c>
      <c r="CJ18" s="261">
        <v>0</v>
      </c>
      <c r="CK18" s="258">
        <v>9</v>
      </c>
      <c r="CL18" s="263">
        <v>9</v>
      </c>
      <c r="CM18" s="257">
        <v>0</v>
      </c>
      <c r="CN18" s="261">
        <v>0</v>
      </c>
      <c r="CO18" s="258">
        <v>0</v>
      </c>
      <c r="CP18" s="260">
        <v>0</v>
      </c>
      <c r="CQ18" s="261">
        <v>0</v>
      </c>
      <c r="CR18" s="261">
        <v>2</v>
      </c>
      <c r="CS18" s="261">
        <v>0</v>
      </c>
      <c r="CT18" s="261">
        <v>1</v>
      </c>
      <c r="CU18" s="261">
        <v>0</v>
      </c>
      <c r="CV18" s="258">
        <v>3</v>
      </c>
      <c r="CW18" s="263">
        <v>3</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1</v>
      </c>
      <c r="DU18" s="261">
        <v>14</v>
      </c>
      <c r="DV18" s="258">
        <v>25</v>
      </c>
      <c r="DW18" s="260">
        <v>0</v>
      </c>
      <c r="DX18" s="261">
        <v>27</v>
      </c>
      <c r="DY18" s="261">
        <v>43</v>
      </c>
      <c r="DZ18" s="261">
        <v>24</v>
      </c>
      <c r="EA18" s="261">
        <v>21</v>
      </c>
      <c r="EB18" s="261">
        <v>5</v>
      </c>
      <c r="EC18" s="258">
        <v>120</v>
      </c>
      <c r="ED18" s="263">
        <v>145</v>
      </c>
      <c r="EE18" s="257">
        <v>3</v>
      </c>
      <c r="EF18" s="261">
        <v>1</v>
      </c>
      <c r="EG18" s="258">
        <v>4</v>
      </c>
      <c r="EH18" s="260">
        <v>0</v>
      </c>
      <c r="EI18" s="261">
        <v>8</v>
      </c>
      <c r="EJ18" s="261">
        <v>11</v>
      </c>
      <c r="EK18" s="261">
        <v>8</v>
      </c>
      <c r="EL18" s="261">
        <v>14</v>
      </c>
      <c r="EM18" s="261">
        <v>4</v>
      </c>
      <c r="EN18" s="258">
        <v>45</v>
      </c>
      <c r="EO18" s="263">
        <v>49</v>
      </c>
      <c r="EP18" s="257">
        <v>17</v>
      </c>
      <c r="EQ18" s="261">
        <v>20</v>
      </c>
      <c r="ER18" s="258">
        <v>37</v>
      </c>
      <c r="ES18" s="260">
        <v>0</v>
      </c>
      <c r="ET18" s="261">
        <v>59</v>
      </c>
      <c r="EU18" s="261">
        <v>65</v>
      </c>
      <c r="EV18" s="261">
        <v>30</v>
      </c>
      <c r="EW18" s="261">
        <v>25</v>
      </c>
      <c r="EX18" s="261">
        <v>5</v>
      </c>
      <c r="EY18" s="258">
        <v>184</v>
      </c>
      <c r="EZ18" s="263">
        <v>221</v>
      </c>
    </row>
    <row r="19" spans="2:156" ht="21" customHeight="1" x14ac:dyDescent="0.2">
      <c r="B19" s="472" t="s">
        <v>17</v>
      </c>
      <c r="C19" s="257">
        <v>0</v>
      </c>
      <c r="D19" s="261">
        <v>0</v>
      </c>
      <c r="E19" s="358">
        <v>0</v>
      </c>
      <c r="F19" s="260">
        <v>0</v>
      </c>
      <c r="G19" s="261">
        <v>11</v>
      </c>
      <c r="H19" s="261">
        <v>17</v>
      </c>
      <c r="I19" s="261">
        <v>13</v>
      </c>
      <c r="J19" s="261">
        <v>4</v>
      </c>
      <c r="K19" s="261">
        <v>7</v>
      </c>
      <c r="L19" s="262">
        <v>52</v>
      </c>
      <c r="M19" s="263">
        <v>52</v>
      </c>
      <c r="N19" s="257">
        <v>0</v>
      </c>
      <c r="O19" s="261">
        <v>0</v>
      </c>
      <c r="P19" s="258">
        <v>0</v>
      </c>
      <c r="Q19" s="260">
        <v>0</v>
      </c>
      <c r="R19" s="261">
        <v>0</v>
      </c>
      <c r="S19" s="261">
        <v>1</v>
      </c>
      <c r="T19" s="261">
        <v>0</v>
      </c>
      <c r="U19" s="261">
        <v>1</v>
      </c>
      <c r="V19" s="261">
        <v>4</v>
      </c>
      <c r="W19" s="258">
        <v>6</v>
      </c>
      <c r="X19" s="263">
        <v>6</v>
      </c>
      <c r="Y19" s="257">
        <v>1</v>
      </c>
      <c r="Z19" s="261">
        <v>3</v>
      </c>
      <c r="AA19" s="258">
        <v>4</v>
      </c>
      <c r="AB19" s="260">
        <v>0</v>
      </c>
      <c r="AC19" s="261">
        <v>9</v>
      </c>
      <c r="AD19" s="261">
        <v>10</v>
      </c>
      <c r="AE19" s="261">
        <v>14</v>
      </c>
      <c r="AF19" s="261">
        <v>7</v>
      </c>
      <c r="AG19" s="261">
        <v>9</v>
      </c>
      <c r="AH19" s="258">
        <v>49</v>
      </c>
      <c r="AI19" s="263">
        <v>53</v>
      </c>
      <c r="AJ19" s="257">
        <v>0</v>
      </c>
      <c r="AK19" s="261">
        <v>2</v>
      </c>
      <c r="AL19" s="258">
        <v>2</v>
      </c>
      <c r="AM19" s="260">
        <v>0</v>
      </c>
      <c r="AN19" s="261">
        <v>0</v>
      </c>
      <c r="AO19" s="261">
        <v>2</v>
      </c>
      <c r="AP19" s="261">
        <v>1</v>
      </c>
      <c r="AQ19" s="261">
        <v>1</v>
      </c>
      <c r="AR19" s="261">
        <v>0</v>
      </c>
      <c r="AS19" s="258">
        <v>4</v>
      </c>
      <c r="AT19" s="263">
        <v>6</v>
      </c>
      <c r="AU19" s="257">
        <v>5</v>
      </c>
      <c r="AV19" s="261">
        <v>5</v>
      </c>
      <c r="AW19" s="258">
        <v>10</v>
      </c>
      <c r="AX19" s="260">
        <v>0</v>
      </c>
      <c r="AY19" s="261">
        <v>10</v>
      </c>
      <c r="AZ19" s="261">
        <v>23</v>
      </c>
      <c r="BA19" s="261">
        <v>25</v>
      </c>
      <c r="BB19" s="261">
        <v>14</v>
      </c>
      <c r="BC19" s="261">
        <v>14</v>
      </c>
      <c r="BD19" s="262">
        <v>86</v>
      </c>
      <c r="BE19" s="263">
        <v>96</v>
      </c>
      <c r="BF19" s="257">
        <v>0</v>
      </c>
      <c r="BG19" s="261">
        <v>0</v>
      </c>
      <c r="BH19" s="258">
        <v>0</v>
      </c>
      <c r="BI19" s="260">
        <v>0</v>
      </c>
      <c r="BJ19" s="261">
        <v>20</v>
      </c>
      <c r="BK19" s="261">
        <v>25</v>
      </c>
      <c r="BL19" s="261">
        <v>12</v>
      </c>
      <c r="BM19" s="261">
        <v>10</v>
      </c>
      <c r="BN19" s="261">
        <v>4</v>
      </c>
      <c r="BO19" s="258">
        <v>71</v>
      </c>
      <c r="BP19" s="263">
        <v>71</v>
      </c>
      <c r="BQ19" s="257">
        <v>4</v>
      </c>
      <c r="BR19" s="261">
        <v>4</v>
      </c>
      <c r="BS19" s="258">
        <v>8</v>
      </c>
      <c r="BT19" s="260">
        <v>0</v>
      </c>
      <c r="BU19" s="261">
        <v>0</v>
      </c>
      <c r="BV19" s="261">
        <v>14</v>
      </c>
      <c r="BW19" s="261">
        <v>5</v>
      </c>
      <c r="BX19" s="261">
        <v>2</v>
      </c>
      <c r="BY19" s="261">
        <v>2</v>
      </c>
      <c r="BZ19" s="258">
        <v>23</v>
      </c>
      <c r="CA19" s="263">
        <v>31</v>
      </c>
      <c r="CB19" s="257">
        <v>0</v>
      </c>
      <c r="CC19" s="261">
        <v>0</v>
      </c>
      <c r="CD19" s="258">
        <v>0</v>
      </c>
      <c r="CE19" s="260">
        <v>0</v>
      </c>
      <c r="CF19" s="261">
        <v>1</v>
      </c>
      <c r="CG19" s="261">
        <v>6</v>
      </c>
      <c r="CH19" s="261">
        <v>5</v>
      </c>
      <c r="CI19" s="261">
        <v>7</v>
      </c>
      <c r="CJ19" s="261">
        <v>1</v>
      </c>
      <c r="CK19" s="258">
        <v>20</v>
      </c>
      <c r="CL19" s="263">
        <v>20</v>
      </c>
      <c r="CM19" s="257">
        <v>0</v>
      </c>
      <c r="CN19" s="261">
        <v>0</v>
      </c>
      <c r="CO19" s="258">
        <v>0</v>
      </c>
      <c r="CP19" s="260">
        <v>0</v>
      </c>
      <c r="CQ19" s="261">
        <v>0</v>
      </c>
      <c r="CR19" s="261">
        <v>2</v>
      </c>
      <c r="CS19" s="261">
        <v>1</v>
      </c>
      <c r="CT19" s="261">
        <v>0</v>
      </c>
      <c r="CU19" s="261">
        <v>0</v>
      </c>
      <c r="CV19" s="258">
        <v>3</v>
      </c>
      <c r="CW19" s="263">
        <v>3</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9</v>
      </c>
      <c r="DU19" s="261">
        <v>26</v>
      </c>
      <c r="DV19" s="258">
        <v>35</v>
      </c>
      <c r="DW19" s="260">
        <v>0</v>
      </c>
      <c r="DX19" s="261">
        <v>26</v>
      </c>
      <c r="DY19" s="261">
        <v>60</v>
      </c>
      <c r="DZ19" s="261">
        <v>39</v>
      </c>
      <c r="EA19" s="261">
        <v>21</v>
      </c>
      <c r="EB19" s="261">
        <v>15</v>
      </c>
      <c r="EC19" s="258">
        <v>161</v>
      </c>
      <c r="ED19" s="263">
        <v>196</v>
      </c>
      <c r="EE19" s="257">
        <v>5</v>
      </c>
      <c r="EF19" s="261">
        <v>1</v>
      </c>
      <c r="EG19" s="258">
        <v>6</v>
      </c>
      <c r="EH19" s="260">
        <v>0</v>
      </c>
      <c r="EI19" s="261">
        <v>6</v>
      </c>
      <c r="EJ19" s="261">
        <v>6</v>
      </c>
      <c r="EK19" s="261">
        <v>7</v>
      </c>
      <c r="EL19" s="261">
        <v>8</v>
      </c>
      <c r="EM19" s="261">
        <v>3</v>
      </c>
      <c r="EN19" s="258">
        <v>30</v>
      </c>
      <c r="EO19" s="263">
        <v>36</v>
      </c>
      <c r="EP19" s="257">
        <v>14</v>
      </c>
      <c r="EQ19" s="261">
        <v>31</v>
      </c>
      <c r="ER19" s="258">
        <v>45</v>
      </c>
      <c r="ES19" s="260">
        <v>0</v>
      </c>
      <c r="ET19" s="261">
        <v>66</v>
      </c>
      <c r="EU19" s="261">
        <v>77</v>
      </c>
      <c r="EV19" s="261">
        <v>44</v>
      </c>
      <c r="EW19" s="261">
        <v>24</v>
      </c>
      <c r="EX19" s="261">
        <v>14</v>
      </c>
      <c r="EY19" s="258">
        <v>225</v>
      </c>
      <c r="EZ19" s="263">
        <v>270</v>
      </c>
    </row>
    <row r="20" spans="2:156" ht="21" customHeight="1" x14ac:dyDescent="0.2">
      <c r="B20" s="472" t="s">
        <v>18</v>
      </c>
      <c r="C20" s="257">
        <v>0</v>
      </c>
      <c r="D20" s="261">
        <v>0</v>
      </c>
      <c r="E20" s="358">
        <v>0</v>
      </c>
      <c r="F20" s="260">
        <v>0</v>
      </c>
      <c r="G20" s="261">
        <v>23</v>
      </c>
      <c r="H20" s="261">
        <v>32</v>
      </c>
      <c r="I20" s="261">
        <v>17</v>
      </c>
      <c r="J20" s="261">
        <v>7</v>
      </c>
      <c r="K20" s="261">
        <v>8</v>
      </c>
      <c r="L20" s="262">
        <v>87</v>
      </c>
      <c r="M20" s="263">
        <v>87</v>
      </c>
      <c r="N20" s="257">
        <v>0</v>
      </c>
      <c r="O20" s="261">
        <v>0</v>
      </c>
      <c r="P20" s="258">
        <v>0</v>
      </c>
      <c r="Q20" s="260">
        <v>0</v>
      </c>
      <c r="R20" s="261">
        <v>0</v>
      </c>
      <c r="S20" s="261">
        <v>0</v>
      </c>
      <c r="T20" s="261">
        <v>1</v>
      </c>
      <c r="U20" s="261">
        <v>1</v>
      </c>
      <c r="V20" s="261">
        <v>2</v>
      </c>
      <c r="W20" s="258">
        <v>4</v>
      </c>
      <c r="X20" s="263">
        <v>4</v>
      </c>
      <c r="Y20" s="257">
        <v>3</v>
      </c>
      <c r="Z20" s="261">
        <v>7</v>
      </c>
      <c r="AA20" s="258">
        <v>10</v>
      </c>
      <c r="AB20" s="260">
        <v>0</v>
      </c>
      <c r="AC20" s="261">
        <v>23</v>
      </c>
      <c r="AD20" s="261">
        <v>20</v>
      </c>
      <c r="AE20" s="261">
        <v>16</v>
      </c>
      <c r="AF20" s="261">
        <v>11</v>
      </c>
      <c r="AG20" s="261">
        <v>3</v>
      </c>
      <c r="AH20" s="258">
        <v>73</v>
      </c>
      <c r="AI20" s="263">
        <v>83</v>
      </c>
      <c r="AJ20" s="257">
        <v>0</v>
      </c>
      <c r="AK20" s="261">
        <v>1</v>
      </c>
      <c r="AL20" s="258">
        <v>1</v>
      </c>
      <c r="AM20" s="260">
        <v>0</v>
      </c>
      <c r="AN20" s="261">
        <v>2</v>
      </c>
      <c r="AO20" s="261">
        <v>4</v>
      </c>
      <c r="AP20" s="261">
        <v>0</v>
      </c>
      <c r="AQ20" s="261">
        <v>2</v>
      </c>
      <c r="AR20" s="261">
        <v>0</v>
      </c>
      <c r="AS20" s="258">
        <v>8</v>
      </c>
      <c r="AT20" s="263">
        <v>9</v>
      </c>
      <c r="AU20" s="257">
        <v>2</v>
      </c>
      <c r="AV20" s="261">
        <v>4</v>
      </c>
      <c r="AW20" s="258">
        <v>6</v>
      </c>
      <c r="AX20" s="260">
        <v>0</v>
      </c>
      <c r="AY20" s="261">
        <v>28</v>
      </c>
      <c r="AZ20" s="261">
        <v>34</v>
      </c>
      <c r="BA20" s="261">
        <v>36</v>
      </c>
      <c r="BB20" s="261">
        <v>25</v>
      </c>
      <c r="BC20" s="261">
        <v>11</v>
      </c>
      <c r="BD20" s="262">
        <v>134</v>
      </c>
      <c r="BE20" s="263">
        <v>140</v>
      </c>
      <c r="BF20" s="257">
        <v>0</v>
      </c>
      <c r="BG20" s="261">
        <v>0</v>
      </c>
      <c r="BH20" s="258">
        <v>0</v>
      </c>
      <c r="BI20" s="260">
        <v>0</v>
      </c>
      <c r="BJ20" s="261">
        <v>44</v>
      </c>
      <c r="BK20" s="261">
        <v>34</v>
      </c>
      <c r="BL20" s="261">
        <v>25</v>
      </c>
      <c r="BM20" s="261">
        <v>10</v>
      </c>
      <c r="BN20" s="261">
        <v>3</v>
      </c>
      <c r="BO20" s="258">
        <v>116</v>
      </c>
      <c r="BP20" s="263">
        <v>116</v>
      </c>
      <c r="BQ20" s="257">
        <v>2</v>
      </c>
      <c r="BR20" s="261">
        <v>10</v>
      </c>
      <c r="BS20" s="258">
        <v>12</v>
      </c>
      <c r="BT20" s="260">
        <v>0</v>
      </c>
      <c r="BU20" s="261">
        <v>12</v>
      </c>
      <c r="BV20" s="261">
        <v>15</v>
      </c>
      <c r="BW20" s="261">
        <v>7</v>
      </c>
      <c r="BX20" s="261">
        <v>1</v>
      </c>
      <c r="BY20" s="261">
        <v>2</v>
      </c>
      <c r="BZ20" s="258">
        <v>37</v>
      </c>
      <c r="CA20" s="263">
        <v>49</v>
      </c>
      <c r="CB20" s="257">
        <v>0</v>
      </c>
      <c r="CC20" s="261">
        <v>1</v>
      </c>
      <c r="CD20" s="258">
        <v>1</v>
      </c>
      <c r="CE20" s="260">
        <v>0</v>
      </c>
      <c r="CF20" s="261">
        <v>0</v>
      </c>
      <c r="CG20" s="261">
        <v>8</v>
      </c>
      <c r="CH20" s="261">
        <v>17</v>
      </c>
      <c r="CI20" s="261">
        <v>3</v>
      </c>
      <c r="CJ20" s="261">
        <v>3</v>
      </c>
      <c r="CK20" s="258">
        <v>31</v>
      </c>
      <c r="CL20" s="263">
        <v>32</v>
      </c>
      <c r="CM20" s="257">
        <v>0</v>
      </c>
      <c r="CN20" s="261">
        <v>0</v>
      </c>
      <c r="CO20" s="258">
        <v>0</v>
      </c>
      <c r="CP20" s="260">
        <v>0</v>
      </c>
      <c r="CQ20" s="261">
        <v>0</v>
      </c>
      <c r="CR20" s="261">
        <v>0</v>
      </c>
      <c r="CS20" s="261">
        <v>1</v>
      </c>
      <c r="CT20" s="261">
        <v>0</v>
      </c>
      <c r="CU20" s="261">
        <v>0</v>
      </c>
      <c r="CV20" s="258">
        <v>1</v>
      </c>
      <c r="CW20" s="263">
        <v>1</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8</v>
      </c>
      <c r="DU20" s="261">
        <v>30</v>
      </c>
      <c r="DV20" s="258">
        <v>38</v>
      </c>
      <c r="DW20" s="260">
        <v>0</v>
      </c>
      <c r="DX20" s="261">
        <v>45</v>
      </c>
      <c r="DY20" s="261">
        <v>56</v>
      </c>
      <c r="DZ20" s="261">
        <v>44</v>
      </c>
      <c r="EA20" s="261">
        <v>27</v>
      </c>
      <c r="EB20" s="261">
        <v>15</v>
      </c>
      <c r="EC20" s="258">
        <v>187</v>
      </c>
      <c r="ED20" s="263">
        <v>225</v>
      </c>
      <c r="EE20" s="257">
        <v>2</v>
      </c>
      <c r="EF20" s="261">
        <v>0</v>
      </c>
      <c r="EG20" s="258">
        <v>2</v>
      </c>
      <c r="EH20" s="260">
        <v>0</v>
      </c>
      <c r="EI20" s="261">
        <v>10</v>
      </c>
      <c r="EJ20" s="261">
        <v>12</v>
      </c>
      <c r="EK20" s="261">
        <v>11</v>
      </c>
      <c r="EL20" s="261">
        <v>10</v>
      </c>
      <c r="EM20" s="261">
        <v>1</v>
      </c>
      <c r="EN20" s="258">
        <v>44</v>
      </c>
      <c r="EO20" s="263">
        <v>46</v>
      </c>
      <c r="EP20" s="257">
        <v>14</v>
      </c>
      <c r="EQ20" s="261">
        <v>37</v>
      </c>
      <c r="ER20" s="258">
        <v>51</v>
      </c>
      <c r="ES20" s="260">
        <v>0</v>
      </c>
      <c r="ET20" s="261">
        <v>102</v>
      </c>
      <c r="EU20" s="261">
        <v>84</v>
      </c>
      <c r="EV20" s="261">
        <v>55</v>
      </c>
      <c r="EW20" s="261">
        <v>24</v>
      </c>
      <c r="EX20" s="261">
        <v>16</v>
      </c>
      <c r="EY20" s="258">
        <v>281</v>
      </c>
      <c r="EZ20" s="263">
        <v>332</v>
      </c>
    </row>
    <row r="21" spans="2:156" ht="21" customHeight="1" x14ac:dyDescent="0.2">
      <c r="B21" s="472" t="s">
        <v>19</v>
      </c>
      <c r="C21" s="257">
        <v>0</v>
      </c>
      <c r="D21" s="261">
        <v>0</v>
      </c>
      <c r="E21" s="358">
        <v>0</v>
      </c>
      <c r="F21" s="260">
        <v>0</v>
      </c>
      <c r="G21" s="261">
        <v>11</v>
      </c>
      <c r="H21" s="261">
        <v>7</v>
      </c>
      <c r="I21" s="261">
        <v>5</v>
      </c>
      <c r="J21" s="261">
        <v>3</v>
      </c>
      <c r="K21" s="261">
        <v>3</v>
      </c>
      <c r="L21" s="262">
        <v>29</v>
      </c>
      <c r="M21" s="263">
        <v>29</v>
      </c>
      <c r="N21" s="257">
        <v>0</v>
      </c>
      <c r="O21" s="261">
        <v>0</v>
      </c>
      <c r="P21" s="258">
        <v>0</v>
      </c>
      <c r="Q21" s="260">
        <v>0</v>
      </c>
      <c r="R21" s="261">
        <v>0</v>
      </c>
      <c r="S21" s="261">
        <v>0</v>
      </c>
      <c r="T21" s="261">
        <v>4</v>
      </c>
      <c r="U21" s="261">
        <v>1</v>
      </c>
      <c r="V21" s="261">
        <v>2</v>
      </c>
      <c r="W21" s="258">
        <v>7</v>
      </c>
      <c r="X21" s="263">
        <v>7</v>
      </c>
      <c r="Y21" s="257">
        <v>2</v>
      </c>
      <c r="Z21" s="261">
        <v>2</v>
      </c>
      <c r="AA21" s="258">
        <v>4</v>
      </c>
      <c r="AB21" s="260">
        <v>0</v>
      </c>
      <c r="AC21" s="261">
        <v>12</v>
      </c>
      <c r="AD21" s="261">
        <v>9</v>
      </c>
      <c r="AE21" s="261">
        <v>8</v>
      </c>
      <c r="AF21" s="261">
        <v>6</v>
      </c>
      <c r="AG21" s="261">
        <v>3</v>
      </c>
      <c r="AH21" s="258">
        <v>38</v>
      </c>
      <c r="AI21" s="263">
        <v>42</v>
      </c>
      <c r="AJ21" s="257">
        <v>0</v>
      </c>
      <c r="AK21" s="261">
        <v>0</v>
      </c>
      <c r="AL21" s="258">
        <v>0</v>
      </c>
      <c r="AM21" s="260">
        <v>0</v>
      </c>
      <c r="AN21" s="261">
        <v>1</v>
      </c>
      <c r="AO21" s="261">
        <v>2</v>
      </c>
      <c r="AP21" s="261">
        <v>0</v>
      </c>
      <c r="AQ21" s="261">
        <v>1</v>
      </c>
      <c r="AR21" s="261">
        <v>0</v>
      </c>
      <c r="AS21" s="258">
        <v>4</v>
      </c>
      <c r="AT21" s="263">
        <v>4</v>
      </c>
      <c r="AU21" s="257">
        <v>5</v>
      </c>
      <c r="AV21" s="261">
        <v>4</v>
      </c>
      <c r="AW21" s="258">
        <v>9</v>
      </c>
      <c r="AX21" s="260">
        <v>0</v>
      </c>
      <c r="AY21" s="261">
        <v>16</v>
      </c>
      <c r="AZ21" s="261">
        <v>16</v>
      </c>
      <c r="BA21" s="261">
        <v>15</v>
      </c>
      <c r="BB21" s="261">
        <v>9</v>
      </c>
      <c r="BC21" s="261">
        <v>7</v>
      </c>
      <c r="BD21" s="262">
        <v>63</v>
      </c>
      <c r="BE21" s="263">
        <v>72</v>
      </c>
      <c r="BF21" s="257">
        <v>0</v>
      </c>
      <c r="BG21" s="261">
        <v>0</v>
      </c>
      <c r="BH21" s="258">
        <v>0</v>
      </c>
      <c r="BI21" s="260">
        <v>0</v>
      </c>
      <c r="BJ21" s="261">
        <v>20</v>
      </c>
      <c r="BK21" s="261">
        <v>13</v>
      </c>
      <c r="BL21" s="261">
        <v>8</v>
      </c>
      <c r="BM21" s="261">
        <v>1</v>
      </c>
      <c r="BN21" s="261">
        <v>0</v>
      </c>
      <c r="BO21" s="258">
        <v>42</v>
      </c>
      <c r="BP21" s="263">
        <v>42</v>
      </c>
      <c r="BQ21" s="257">
        <v>2</v>
      </c>
      <c r="BR21" s="261">
        <v>3</v>
      </c>
      <c r="BS21" s="258">
        <v>5</v>
      </c>
      <c r="BT21" s="260">
        <v>0</v>
      </c>
      <c r="BU21" s="261">
        <v>12</v>
      </c>
      <c r="BV21" s="261">
        <v>6</v>
      </c>
      <c r="BW21" s="261">
        <v>3</v>
      </c>
      <c r="BX21" s="261">
        <v>1</v>
      </c>
      <c r="BY21" s="261">
        <v>0</v>
      </c>
      <c r="BZ21" s="258">
        <v>22</v>
      </c>
      <c r="CA21" s="263">
        <v>27</v>
      </c>
      <c r="CB21" s="257">
        <v>0</v>
      </c>
      <c r="CC21" s="261">
        <v>0</v>
      </c>
      <c r="CD21" s="258">
        <v>0</v>
      </c>
      <c r="CE21" s="260">
        <v>0</v>
      </c>
      <c r="CF21" s="261">
        <v>2</v>
      </c>
      <c r="CG21" s="261">
        <v>4</v>
      </c>
      <c r="CH21" s="261">
        <v>0</v>
      </c>
      <c r="CI21" s="261">
        <v>0</v>
      </c>
      <c r="CJ21" s="261">
        <v>1</v>
      </c>
      <c r="CK21" s="258">
        <v>7</v>
      </c>
      <c r="CL21" s="263">
        <v>7</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4</v>
      </c>
      <c r="DU21" s="261">
        <v>11</v>
      </c>
      <c r="DV21" s="258">
        <v>15</v>
      </c>
      <c r="DW21" s="260">
        <v>0</v>
      </c>
      <c r="DX21" s="261">
        <v>29</v>
      </c>
      <c r="DY21" s="261">
        <v>29</v>
      </c>
      <c r="DZ21" s="261">
        <v>12</v>
      </c>
      <c r="EA21" s="261">
        <v>10</v>
      </c>
      <c r="EB21" s="261">
        <v>8</v>
      </c>
      <c r="EC21" s="258">
        <v>88</v>
      </c>
      <c r="ED21" s="263">
        <v>103</v>
      </c>
      <c r="EE21" s="257">
        <v>1</v>
      </c>
      <c r="EF21" s="261">
        <v>2</v>
      </c>
      <c r="EG21" s="258">
        <v>3</v>
      </c>
      <c r="EH21" s="260">
        <v>0</v>
      </c>
      <c r="EI21" s="261">
        <v>6</v>
      </c>
      <c r="EJ21" s="261">
        <v>8</v>
      </c>
      <c r="EK21" s="261">
        <v>6</v>
      </c>
      <c r="EL21" s="261">
        <v>1</v>
      </c>
      <c r="EM21" s="261">
        <v>0</v>
      </c>
      <c r="EN21" s="258">
        <v>21</v>
      </c>
      <c r="EO21" s="263">
        <v>24</v>
      </c>
      <c r="EP21" s="257">
        <v>7</v>
      </c>
      <c r="EQ21" s="261">
        <v>15</v>
      </c>
      <c r="ER21" s="258">
        <v>22</v>
      </c>
      <c r="ES21" s="260">
        <v>0</v>
      </c>
      <c r="ET21" s="261">
        <v>48</v>
      </c>
      <c r="EU21" s="261">
        <v>40</v>
      </c>
      <c r="EV21" s="261">
        <v>14</v>
      </c>
      <c r="EW21" s="261">
        <v>8</v>
      </c>
      <c r="EX21" s="261">
        <v>7</v>
      </c>
      <c r="EY21" s="258">
        <v>117</v>
      </c>
      <c r="EZ21" s="263">
        <v>139</v>
      </c>
    </row>
    <row r="22" spans="2:156" ht="21" customHeight="1" x14ac:dyDescent="0.2">
      <c r="B22" s="472" t="s">
        <v>20</v>
      </c>
      <c r="C22" s="257">
        <v>0</v>
      </c>
      <c r="D22" s="261">
        <v>0</v>
      </c>
      <c r="E22" s="358">
        <v>0</v>
      </c>
      <c r="F22" s="260">
        <v>0</v>
      </c>
      <c r="G22" s="261">
        <v>21</v>
      </c>
      <c r="H22" s="261">
        <v>23</v>
      </c>
      <c r="I22" s="261">
        <v>8</v>
      </c>
      <c r="J22" s="261">
        <v>6</v>
      </c>
      <c r="K22" s="261">
        <v>6</v>
      </c>
      <c r="L22" s="262">
        <v>64</v>
      </c>
      <c r="M22" s="263">
        <v>64</v>
      </c>
      <c r="N22" s="257">
        <v>0</v>
      </c>
      <c r="O22" s="261">
        <v>0</v>
      </c>
      <c r="P22" s="258">
        <v>0</v>
      </c>
      <c r="Q22" s="260">
        <v>0</v>
      </c>
      <c r="R22" s="261">
        <v>0</v>
      </c>
      <c r="S22" s="261">
        <v>0</v>
      </c>
      <c r="T22" s="261">
        <v>0</v>
      </c>
      <c r="U22" s="261">
        <v>2</v>
      </c>
      <c r="V22" s="261">
        <v>2</v>
      </c>
      <c r="W22" s="258">
        <v>4</v>
      </c>
      <c r="X22" s="263">
        <v>4</v>
      </c>
      <c r="Y22" s="257">
        <v>5</v>
      </c>
      <c r="Z22" s="261">
        <v>2</v>
      </c>
      <c r="AA22" s="258">
        <v>7</v>
      </c>
      <c r="AB22" s="260">
        <v>0</v>
      </c>
      <c r="AC22" s="261">
        <v>21</v>
      </c>
      <c r="AD22" s="261">
        <v>18</v>
      </c>
      <c r="AE22" s="261">
        <v>11</v>
      </c>
      <c r="AF22" s="261">
        <v>5</v>
      </c>
      <c r="AG22" s="261">
        <v>5</v>
      </c>
      <c r="AH22" s="258">
        <v>60</v>
      </c>
      <c r="AI22" s="263">
        <v>67</v>
      </c>
      <c r="AJ22" s="257">
        <v>1</v>
      </c>
      <c r="AK22" s="261">
        <v>2</v>
      </c>
      <c r="AL22" s="258">
        <v>3</v>
      </c>
      <c r="AM22" s="260">
        <v>0</v>
      </c>
      <c r="AN22" s="261">
        <v>9</v>
      </c>
      <c r="AO22" s="261">
        <v>8</v>
      </c>
      <c r="AP22" s="261">
        <v>5</v>
      </c>
      <c r="AQ22" s="261">
        <v>3</v>
      </c>
      <c r="AR22" s="261">
        <v>0</v>
      </c>
      <c r="AS22" s="258">
        <v>25</v>
      </c>
      <c r="AT22" s="263">
        <v>28</v>
      </c>
      <c r="AU22" s="257">
        <v>2</v>
      </c>
      <c r="AV22" s="261">
        <v>4</v>
      </c>
      <c r="AW22" s="258">
        <v>6</v>
      </c>
      <c r="AX22" s="260">
        <v>0</v>
      </c>
      <c r="AY22" s="261">
        <v>14</v>
      </c>
      <c r="AZ22" s="261">
        <v>16</v>
      </c>
      <c r="BA22" s="261">
        <v>26</v>
      </c>
      <c r="BB22" s="261">
        <v>21</v>
      </c>
      <c r="BC22" s="261">
        <v>11</v>
      </c>
      <c r="BD22" s="262">
        <v>88</v>
      </c>
      <c r="BE22" s="263">
        <v>94</v>
      </c>
      <c r="BF22" s="257">
        <v>0</v>
      </c>
      <c r="BG22" s="261">
        <v>0</v>
      </c>
      <c r="BH22" s="258">
        <v>0</v>
      </c>
      <c r="BI22" s="260">
        <v>0</v>
      </c>
      <c r="BJ22" s="261">
        <v>29</v>
      </c>
      <c r="BK22" s="261">
        <v>27</v>
      </c>
      <c r="BL22" s="261">
        <v>11</v>
      </c>
      <c r="BM22" s="261">
        <v>9</v>
      </c>
      <c r="BN22" s="261">
        <v>0</v>
      </c>
      <c r="BO22" s="258">
        <v>76</v>
      </c>
      <c r="BP22" s="263">
        <v>76</v>
      </c>
      <c r="BQ22" s="257">
        <v>4</v>
      </c>
      <c r="BR22" s="261">
        <v>3</v>
      </c>
      <c r="BS22" s="258">
        <v>7</v>
      </c>
      <c r="BT22" s="260">
        <v>0</v>
      </c>
      <c r="BU22" s="261">
        <v>6</v>
      </c>
      <c r="BV22" s="261">
        <v>9</v>
      </c>
      <c r="BW22" s="261">
        <v>6</v>
      </c>
      <c r="BX22" s="261">
        <v>5</v>
      </c>
      <c r="BY22" s="261">
        <v>0</v>
      </c>
      <c r="BZ22" s="258">
        <v>26</v>
      </c>
      <c r="CA22" s="263">
        <v>33</v>
      </c>
      <c r="CB22" s="257">
        <v>0</v>
      </c>
      <c r="CC22" s="261">
        <v>0</v>
      </c>
      <c r="CD22" s="258">
        <v>0</v>
      </c>
      <c r="CE22" s="260">
        <v>0</v>
      </c>
      <c r="CF22" s="261">
        <v>4</v>
      </c>
      <c r="CG22" s="261">
        <v>6</v>
      </c>
      <c r="CH22" s="261">
        <v>4</v>
      </c>
      <c r="CI22" s="261">
        <v>13</v>
      </c>
      <c r="CJ22" s="261">
        <v>1</v>
      </c>
      <c r="CK22" s="258">
        <v>28</v>
      </c>
      <c r="CL22" s="263">
        <v>28</v>
      </c>
      <c r="CM22" s="257">
        <v>0</v>
      </c>
      <c r="CN22" s="261">
        <v>0</v>
      </c>
      <c r="CO22" s="258">
        <v>0</v>
      </c>
      <c r="CP22" s="260">
        <v>0</v>
      </c>
      <c r="CQ22" s="261">
        <v>0</v>
      </c>
      <c r="CR22" s="261">
        <v>0</v>
      </c>
      <c r="CS22" s="261">
        <v>1</v>
      </c>
      <c r="CT22" s="261">
        <v>2</v>
      </c>
      <c r="CU22" s="261">
        <v>0</v>
      </c>
      <c r="CV22" s="258">
        <v>3</v>
      </c>
      <c r="CW22" s="263">
        <v>3</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9</v>
      </c>
      <c r="DU22" s="261">
        <v>20</v>
      </c>
      <c r="DV22" s="258">
        <v>29</v>
      </c>
      <c r="DW22" s="260">
        <v>0</v>
      </c>
      <c r="DX22" s="261">
        <v>38</v>
      </c>
      <c r="DY22" s="261">
        <v>46</v>
      </c>
      <c r="DZ22" s="261">
        <v>27</v>
      </c>
      <c r="EA22" s="261">
        <v>22</v>
      </c>
      <c r="EB22" s="261">
        <v>8</v>
      </c>
      <c r="EC22" s="258">
        <v>141</v>
      </c>
      <c r="ED22" s="263">
        <v>170</v>
      </c>
      <c r="EE22" s="257">
        <v>1</v>
      </c>
      <c r="EF22" s="261">
        <v>2</v>
      </c>
      <c r="EG22" s="258">
        <v>3</v>
      </c>
      <c r="EH22" s="260">
        <v>0</v>
      </c>
      <c r="EI22" s="261">
        <v>5</v>
      </c>
      <c r="EJ22" s="261">
        <v>5</v>
      </c>
      <c r="EK22" s="261">
        <v>7</v>
      </c>
      <c r="EL22" s="261">
        <v>5</v>
      </c>
      <c r="EM22" s="261">
        <v>5</v>
      </c>
      <c r="EN22" s="258">
        <v>27</v>
      </c>
      <c r="EO22" s="263">
        <v>30</v>
      </c>
      <c r="EP22" s="257">
        <v>15</v>
      </c>
      <c r="EQ22" s="261">
        <v>26</v>
      </c>
      <c r="ER22" s="258">
        <v>41</v>
      </c>
      <c r="ES22" s="260">
        <v>0</v>
      </c>
      <c r="ET22" s="261">
        <v>78</v>
      </c>
      <c r="EU22" s="261">
        <v>65</v>
      </c>
      <c r="EV22" s="261">
        <v>32</v>
      </c>
      <c r="EW22" s="261">
        <v>24</v>
      </c>
      <c r="EX22" s="261">
        <v>8</v>
      </c>
      <c r="EY22" s="258">
        <v>207</v>
      </c>
      <c r="EZ22" s="263">
        <v>248</v>
      </c>
    </row>
    <row r="23" spans="2:156" ht="21" customHeight="1" x14ac:dyDescent="0.2">
      <c r="B23" s="472" t="s">
        <v>21</v>
      </c>
      <c r="C23" s="257">
        <v>0</v>
      </c>
      <c r="D23" s="261">
        <v>0</v>
      </c>
      <c r="E23" s="358">
        <v>0</v>
      </c>
      <c r="F23" s="260">
        <v>0</v>
      </c>
      <c r="G23" s="261">
        <v>15</v>
      </c>
      <c r="H23" s="261">
        <v>16</v>
      </c>
      <c r="I23" s="261">
        <v>7</v>
      </c>
      <c r="J23" s="261">
        <v>7</v>
      </c>
      <c r="K23" s="261">
        <v>3</v>
      </c>
      <c r="L23" s="262">
        <v>48</v>
      </c>
      <c r="M23" s="263">
        <v>48</v>
      </c>
      <c r="N23" s="257">
        <v>0</v>
      </c>
      <c r="O23" s="261">
        <v>0</v>
      </c>
      <c r="P23" s="258">
        <v>0</v>
      </c>
      <c r="Q23" s="260">
        <v>0</v>
      </c>
      <c r="R23" s="261">
        <v>0</v>
      </c>
      <c r="S23" s="261">
        <v>0</v>
      </c>
      <c r="T23" s="261">
        <v>0</v>
      </c>
      <c r="U23" s="261">
        <v>1</v>
      </c>
      <c r="V23" s="261">
        <v>4</v>
      </c>
      <c r="W23" s="258">
        <v>5</v>
      </c>
      <c r="X23" s="263">
        <v>5</v>
      </c>
      <c r="Y23" s="257">
        <v>4</v>
      </c>
      <c r="Z23" s="261">
        <v>4</v>
      </c>
      <c r="AA23" s="258">
        <v>8</v>
      </c>
      <c r="AB23" s="260">
        <v>0</v>
      </c>
      <c r="AC23" s="261">
        <v>14</v>
      </c>
      <c r="AD23" s="261">
        <v>23</v>
      </c>
      <c r="AE23" s="261">
        <v>9</v>
      </c>
      <c r="AF23" s="261">
        <v>9</v>
      </c>
      <c r="AG23" s="261">
        <v>7</v>
      </c>
      <c r="AH23" s="258">
        <v>62</v>
      </c>
      <c r="AI23" s="263">
        <v>70</v>
      </c>
      <c r="AJ23" s="257">
        <v>0</v>
      </c>
      <c r="AK23" s="261">
        <v>1</v>
      </c>
      <c r="AL23" s="258">
        <v>1</v>
      </c>
      <c r="AM23" s="260">
        <v>0</v>
      </c>
      <c r="AN23" s="261">
        <v>2</v>
      </c>
      <c r="AO23" s="261">
        <v>3</v>
      </c>
      <c r="AP23" s="261">
        <v>1</v>
      </c>
      <c r="AQ23" s="261">
        <v>1</v>
      </c>
      <c r="AR23" s="261">
        <v>1</v>
      </c>
      <c r="AS23" s="258">
        <v>8</v>
      </c>
      <c r="AT23" s="263">
        <v>9</v>
      </c>
      <c r="AU23" s="257">
        <v>4</v>
      </c>
      <c r="AV23" s="261">
        <v>5</v>
      </c>
      <c r="AW23" s="258">
        <v>9</v>
      </c>
      <c r="AX23" s="260">
        <v>0</v>
      </c>
      <c r="AY23" s="261">
        <v>9</v>
      </c>
      <c r="AZ23" s="261">
        <v>21</v>
      </c>
      <c r="BA23" s="261">
        <v>11</v>
      </c>
      <c r="BB23" s="261">
        <v>16</v>
      </c>
      <c r="BC23" s="261">
        <v>9</v>
      </c>
      <c r="BD23" s="262">
        <v>66</v>
      </c>
      <c r="BE23" s="263">
        <v>75</v>
      </c>
      <c r="BF23" s="257">
        <v>0</v>
      </c>
      <c r="BG23" s="261">
        <v>0</v>
      </c>
      <c r="BH23" s="258">
        <v>0</v>
      </c>
      <c r="BI23" s="260">
        <v>0</v>
      </c>
      <c r="BJ23" s="261">
        <v>20</v>
      </c>
      <c r="BK23" s="261">
        <v>17</v>
      </c>
      <c r="BL23" s="261">
        <v>13</v>
      </c>
      <c r="BM23" s="261">
        <v>4</v>
      </c>
      <c r="BN23" s="261">
        <v>3</v>
      </c>
      <c r="BO23" s="258">
        <v>57</v>
      </c>
      <c r="BP23" s="263">
        <v>57</v>
      </c>
      <c r="BQ23" s="257">
        <v>2</v>
      </c>
      <c r="BR23" s="261">
        <v>0</v>
      </c>
      <c r="BS23" s="258">
        <v>2</v>
      </c>
      <c r="BT23" s="260">
        <v>0</v>
      </c>
      <c r="BU23" s="261">
        <v>6</v>
      </c>
      <c r="BV23" s="261">
        <v>10</v>
      </c>
      <c r="BW23" s="261">
        <v>3</v>
      </c>
      <c r="BX23" s="261">
        <v>0</v>
      </c>
      <c r="BY23" s="261">
        <v>0</v>
      </c>
      <c r="BZ23" s="258">
        <v>19</v>
      </c>
      <c r="CA23" s="263">
        <v>21</v>
      </c>
      <c r="CB23" s="257">
        <v>0</v>
      </c>
      <c r="CC23" s="261">
        <v>0</v>
      </c>
      <c r="CD23" s="258">
        <v>0</v>
      </c>
      <c r="CE23" s="260">
        <v>0</v>
      </c>
      <c r="CF23" s="261">
        <v>1</v>
      </c>
      <c r="CG23" s="261">
        <v>1</v>
      </c>
      <c r="CH23" s="261">
        <v>6</v>
      </c>
      <c r="CI23" s="261">
        <v>4</v>
      </c>
      <c r="CJ23" s="261">
        <v>2</v>
      </c>
      <c r="CK23" s="258">
        <v>14</v>
      </c>
      <c r="CL23" s="263">
        <v>14</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7</v>
      </c>
      <c r="DU23" s="261">
        <v>14</v>
      </c>
      <c r="DV23" s="258">
        <v>21</v>
      </c>
      <c r="DW23" s="260">
        <v>0</v>
      </c>
      <c r="DX23" s="261">
        <v>15</v>
      </c>
      <c r="DY23" s="261">
        <v>44</v>
      </c>
      <c r="DZ23" s="261">
        <v>24</v>
      </c>
      <c r="EA23" s="261">
        <v>15</v>
      </c>
      <c r="EB23" s="261">
        <v>6</v>
      </c>
      <c r="EC23" s="258">
        <v>104</v>
      </c>
      <c r="ED23" s="263">
        <v>125</v>
      </c>
      <c r="EE23" s="257">
        <v>0</v>
      </c>
      <c r="EF23" s="261">
        <v>3</v>
      </c>
      <c r="EG23" s="258">
        <v>3</v>
      </c>
      <c r="EH23" s="260">
        <v>0</v>
      </c>
      <c r="EI23" s="261">
        <v>4</v>
      </c>
      <c r="EJ23" s="261">
        <v>6</v>
      </c>
      <c r="EK23" s="261">
        <v>4</v>
      </c>
      <c r="EL23" s="261">
        <v>5</v>
      </c>
      <c r="EM23" s="261">
        <v>2</v>
      </c>
      <c r="EN23" s="258">
        <v>21</v>
      </c>
      <c r="EO23" s="263">
        <v>24</v>
      </c>
      <c r="EP23" s="257">
        <v>15</v>
      </c>
      <c r="EQ23" s="261">
        <v>17</v>
      </c>
      <c r="ER23" s="258">
        <v>32</v>
      </c>
      <c r="ES23" s="260">
        <v>0</v>
      </c>
      <c r="ET23" s="261">
        <v>52</v>
      </c>
      <c r="EU23" s="261">
        <v>60</v>
      </c>
      <c r="EV23" s="261">
        <v>28</v>
      </c>
      <c r="EW23" s="261">
        <v>15</v>
      </c>
      <c r="EX23" s="261">
        <v>9</v>
      </c>
      <c r="EY23" s="258">
        <v>164</v>
      </c>
      <c r="EZ23" s="263">
        <v>196</v>
      </c>
    </row>
    <row r="24" spans="2:156" ht="21" customHeight="1" x14ac:dyDescent="0.2">
      <c r="B24" s="472" t="s">
        <v>22</v>
      </c>
      <c r="C24" s="257">
        <v>0</v>
      </c>
      <c r="D24" s="261">
        <v>0</v>
      </c>
      <c r="E24" s="358">
        <v>0</v>
      </c>
      <c r="F24" s="260">
        <v>0</v>
      </c>
      <c r="G24" s="261">
        <v>7</v>
      </c>
      <c r="H24" s="261">
        <v>6</v>
      </c>
      <c r="I24" s="261">
        <v>1</v>
      </c>
      <c r="J24" s="261">
        <v>3</v>
      </c>
      <c r="K24" s="261">
        <v>2</v>
      </c>
      <c r="L24" s="262">
        <v>19</v>
      </c>
      <c r="M24" s="263">
        <v>19</v>
      </c>
      <c r="N24" s="257">
        <v>0</v>
      </c>
      <c r="O24" s="261">
        <v>0</v>
      </c>
      <c r="P24" s="258">
        <v>0</v>
      </c>
      <c r="Q24" s="260">
        <v>0</v>
      </c>
      <c r="R24" s="261">
        <v>1</v>
      </c>
      <c r="S24" s="261">
        <v>0</v>
      </c>
      <c r="T24" s="261">
        <v>0</v>
      </c>
      <c r="U24" s="261">
        <v>1</v>
      </c>
      <c r="V24" s="261">
        <v>0</v>
      </c>
      <c r="W24" s="258">
        <v>2</v>
      </c>
      <c r="X24" s="263">
        <v>2</v>
      </c>
      <c r="Y24" s="257">
        <v>0</v>
      </c>
      <c r="Z24" s="261">
        <v>1</v>
      </c>
      <c r="AA24" s="258">
        <v>1</v>
      </c>
      <c r="AB24" s="260">
        <v>0</v>
      </c>
      <c r="AC24" s="261">
        <v>2</v>
      </c>
      <c r="AD24" s="261">
        <v>7</v>
      </c>
      <c r="AE24" s="261">
        <v>5</v>
      </c>
      <c r="AF24" s="261">
        <v>1</v>
      </c>
      <c r="AG24" s="261">
        <v>3</v>
      </c>
      <c r="AH24" s="258">
        <v>18</v>
      </c>
      <c r="AI24" s="263">
        <v>19</v>
      </c>
      <c r="AJ24" s="257">
        <v>0</v>
      </c>
      <c r="AK24" s="261">
        <v>0</v>
      </c>
      <c r="AL24" s="258">
        <v>0</v>
      </c>
      <c r="AM24" s="260">
        <v>0</v>
      </c>
      <c r="AN24" s="261">
        <v>0</v>
      </c>
      <c r="AO24" s="261">
        <v>1</v>
      </c>
      <c r="AP24" s="261">
        <v>0</v>
      </c>
      <c r="AQ24" s="261">
        <v>0</v>
      </c>
      <c r="AR24" s="261">
        <v>0</v>
      </c>
      <c r="AS24" s="258">
        <v>1</v>
      </c>
      <c r="AT24" s="263">
        <v>1</v>
      </c>
      <c r="AU24" s="257">
        <v>2</v>
      </c>
      <c r="AV24" s="261">
        <v>0</v>
      </c>
      <c r="AW24" s="258">
        <v>2</v>
      </c>
      <c r="AX24" s="260">
        <v>0</v>
      </c>
      <c r="AY24" s="261">
        <v>6</v>
      </c>
      <c r="AZ24" s="261">
        <v>8</v>
      </c>
      <c r="BA24" s="261">
        <v>4</v>
      </c>
      <c r="BB24" s="261">
        <v>5</v>
      </c>
      <c r="BC24" s="261">
        <v>3</v>
      </c>
      <c r="BD24" s="262">
        <v>26</v>
      </c>
      <c r="BE24" s="263">
        <v>28</v>
      </c>
      <c r="BF24" s="257">
        <v>0</v>
      </c>
      <c r="BG24" s="261">
        <v>0</v>
      </c>
      <c r="BH24" s="258">
        <v>0</v>
      </c>
      <c r="BI24" s="260">
        <v>0</v>
      </c>
      <c r="BJ24" s="261">
        <v>14</v>
      </c>
      <c r="BK24" s="261">
        <v>5</v>
      </c>
      <c r="BL24" s="261">
        <v>4</v>
      </c>
      <c r="BM24" s="261">
        <v>1</v>
      </c>
      <c r="BN24" s="261">
        <v>3</v>
      </c>
      <c r="BO24" s="258">
        <v>27</v>
      </c>
      <c r="BP24" s="263">
        <v>27</v>
      </c>
      <c r="BQ24" s="257">
        <v>0</v>
      </c>
      <c r="BR24" s="261">
        <v>2</v>
      </c>
      <c r="BS24" s="258">
        <v>2</v>
      </c>
      <c r="BT24" s="260">
        <v>0</v>
      </c>
      <c r="BU24" s="261">
        <v>2</v>
      </c>
      <c r="BV24" s="261">
        <v>3</v>
      </c>
      <c r="BW24" s="261">
        <v>1</v>
      </c>
      <c r="BX24" s="261">
        <v>0</v>
      </c>
      <c r="BY24" s="261">
        <v>2</v>
      </c>
      <c r="BZ24" s="258">
        <v>8</v>
      </c>
      <c r="CA24" s="263">
        <v>10</v>
      </c>
      <c r="CB24" s="257">
        <v>0</v>
      </c>
      <c r="CC24" s="261">
        <v>0</v>
      </c>
      <c r="CD24" s="258">
        <v>0</v>
      </c>
      <c r="CE24" s="260">
        <v>0</v>
      </c>
      <c r="CF24" s="261">
        <v>1</v>
      </c>
      <c r="CG24" s="261">
        <v>1</v>
      </c>
      <c r="CH24" s="261">
        <v>1</v>
      </c>
      <c r="CI24" s="261">
        <v>2</v>
      </c>
      <c r="CJ24" s="261">
        <v>1</v>
      </c>
      <c r="CK24" s="258">
        <v>6</v>
      </c>
      <c r="CL24" s="263">
        <v>6</v>
      </c>
      <c r="CM24" s="257">
        <v>0</v>
      </c>
      <c r="CN24" s="261">
        <v>0</v>
      </c>
      <c r="CO24" s="258">
        <v>0</v>
      </c>
      <c r="CP24" s="260">
        <v>0</v>
      </c>
      <c r="CQ24" s="261">
        <v>0</v>
      </c>
      <c r="CR24" s="261">
        <v>1</v>
      </c>
      <c r="CS24" s="261">
        <v>0</v>
      </c>
      <c r="CT24" s="261">
        <v>0</v>
      </c>
      <c r="CU24" s="261">
        <v>0</v>
      </c>
      <c r="CV24" s="258">
        <v>1</v>
      </c>
      <c r="CW24" s="263">
        <v>1</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1</v>
      </c>
      <c r="DU24" s="261">
        <v>6</v>
      </c>
      <c r="DV24" s="258">
        <v>7</v>
      </c>
      <c r="DW24" s="260">
        <v>0</v>
      </c>
      <c r="DX24" s="261">
        <v>16</v>
      </c>
      <c r="DY24" s="261">
        <v>17</v>
      </c>
      <c r="DZ24" s="261">
        <v>9</v>
      </c>
      <c r="EA24" s="261">
        <v>7</v>
      </c>
      <c r="EB24" s="261">
        <v>6</v>
      </c>
      <c r="EC24" s="258">
        <v>55</v>
      </c>
      <c r="ED24" s="263">
        <v>62</v>
      </c>
      <c r="EE24" s="257">
        <v>1</v>
      </c>
      <c r="EF24" s="261">
        <v>1</v>
      </c>
      <c r="EG24" s="258">
        <v>2</v>
      </c>
      <c r="EH24" s="260">
        <v>0</v>
      </c>
      <c r="EI24" s="261">
        <v>4</v>
      </c>
      <c r="EJ24" s="261">
        <v>2</v>
      </c>
      <c r="EK24" s="261">
        <v>0</v>
      </c>
      <c r="EL24" s="261">
        <v>2</v>
      </c>
      <c r="EM24" s="261">
        <v>0</v>
      </c>
      <c r="EN24" s="258">
        <v>8</v>
      </c>
      <c r="EO24" s="263">
        <v>10</v>
      </c>
      <c r="EP24" s="257">
        <v>1</v>
      </c>
      <c r="EQ24" s="261">
        <v>8</v>
      </c>
      <c r="ER24" s="258">
        <v>9</v>
      </c>
      <c r="ES24" s="260">
        <v>0</v>
      </c>
      <c r="ET24" s="261">
        <v>27</v>
      </c>
      <c r="EU24" s="261">
        <v>23</v>
      </c>
      <c r="EV24" s="261">
        <v>13</v>
      </c>
      <c r="EW24" s="261">
        <v>8</v>
      </c>
      <c r="EX24" s="261">
        <v>7</v>
      </c>
      <c r="EY24" s="258">
        <v>78</v>
      </c>
      <c r="EZ24" s="263">
        <v>87</v>
      </c>
    </row>
    <row r="25" spans="2:156" ht="21" customHeight="1" x14ac:dyDescent="0.2">
      <c r="B25" s="472" t="s">
        <v>23</v>
      </c>
      <c r="C25" s="257">
        <v>0</v>
      </c>
      <c r="D25" s="261">
        <v>0</v>
      </c>
      <c r="E25" s="358">
        <v>0</v>
      </c>
      <c r="F25" s="260">
        <v>0</v>
      </c>
      <c r="G25" s="261">
        <v>6</v>
      </c>
      <c r="H25" s="261">
        <v>10</v>
      </c>
      <c r="I25" s="261">
        <v>5</v>
      </c>
      <c r="J25" s="261">
        <v>4</v>
      </c>
      <c r="K25" s="261">
        <v>2</v>
      </c>
      <c r="L25" s="262">
        <v>27</v>
      </c>
      <c r="M25" s="263">
        <v>27</v>
      </c>
      <c r="N25" s="257">
        <v>0</v>
      </c>
      <c r="O25" s="261">
        <v>0</v>
      </c>
      <c r="P25" s="258">
        <v>0</v>
      </c>
      <c r="Q25" s="260">
        <v>0</v>
      </c>
      <c r="R25" s="261">
        <v>0</v>
      </c>
      <c r="S25" s="261">
        <v>0</v>
      </c>
      <c r="T25" s="261">
        <v>0</v>
      </c>
      <c r="U25" s="261">
        <v>3</v>
      </c>
      <c r="V25" s="261">
        <v>0</v>
      </c>
      <c r="W25" s="258">
        <v>3</v>
      </c>
      <c r="X25" s="263">
        <v>3</v>
      </c>
      <c r="Y25" s="257">
        <v>3</v>
      </c>
      <c r="Z25" s="261">
        <v>4</v>
      </c>
      <c r="AA25" s="258">
        <v>7</v>
      </c>
      <c r="AB25" s="260">
        <v>0</v>
      </c>
      <c r="AC25" s="261">
        <v>5</v>
      </c>
      <c r="AD25" s="261">
        <v>15</v>
      </c>
      <c r="AE25" s="261">
        <v>4</v>
      </c>
      <c r="AF25" s="261">
        <v>4</v>
      </c>
      <c r="AG25" s="261">
        <v>2</v>
      </c>
      <c r="AH25" s="258">
        <v>30</v>
      </c>
      <c r="AI25" s="263">
        <v>37</v>
      </c>
      <c r="AJ25" s="257">
        <v>0</v>
      </c>
      <c r="AK25" s="261">
        <v>1</v>
      </c>
      <c r="AL25" s="258">
        <v>1</v>
      </c>
      <c r="AM25" s="260">
        <v>0</v>
      </c>
      <c r="AN25" s="261">
        <v>0</v>
      </c>
      <c r="AO25" s="261">
        <v>1</v>
      </c>
      <c r="AP25" s="261">
        <v>0</v>
      </c>
      <c r="AQ25" s="261">
        <v>0</v>
      </c>
      <c r="AR25" s="261">
        <v>0</v>
      </c>
      <c r="AS25" s="258">
        <v>1</v>
      </c>
      <c r="AT25" s="263">
        <v>2</v>
      </c>
      <c r="AU25" s="257">
        <v>3</v>
      </c>
      <c r="AV25" s="261">
        <v>0</v>
      </c>
      <c r="AW25" s="258">
        <v>3</v>
      </c>
      <c r="AX25" s="260">
        <v>0</v>
      </c>
      <c r="AY25" s="261">
        <v>13</v>
      </c>
      <c r="AZ25" s="261">
        <v>10</v>
      </c>
      <c r="BA25" s="261">
        <v>7</v>
      </c>
      <c r="BB25" s="261">
        <v>10</v>
      </c>
      <c r="BC25" s="261">
        <v>6</v>
      </c>
      <c r="BD25" s="262">
        <v>46</v>
      </c>
      <c r="BE25" s="263">
        <v>49</v>
      </c>
      <c r="BF25" s="257">
        <v>0</v>
      </c>
      <c r="BG25" s="261">
        <v>0</v>
      </c>
      <c r="BH25" s="258">
        <v>0</v>
      </c>
      <c r="BI25" s="260">
        <v>0</v>
      </c>
      <c r="BJ25" s="261">
        <v>16</v>
      </c>
      <c r="BK25" s="261">
        <v>16</v>
      </c>
      <c r="BL25" s="261">
        <v>7</v>
      </c>
      <c r="BM25" s="261">
        <v>3</v>
      </c>
      <c r="BN25" s="261">
        <v>2</v>
      </c>
      <c r="BO25" s="258">
        <v>44</v>
      </c>
      <c r="BP25" s="263">
        <v>44</v>
      </c>
      <c r="BQ25" s="257">
        <v>0</v>
      </c>
      <c r="BR25" s="261">
        <v>0</v>
      </c>
      <c r="BS25" s="258">
        <v>0</v>
      </c>
      <c r="BT25" s="260">
        <v>0</v>
      </c>
      <c r="BU25" s="261">
        <v>3</v>
      </c>
      <c r="BV25" s="261">
        <v>4</v>
      </c>
      <c r="BW25" s="261">
        <v>3</v>
      </c>
      <c r="BX25" s="261">
        <v>1</v>
      </c>
      <c r="BY25" s="261">
        <v>1</v>
      </c>
      <c r="BZ25" s="258">
        <v>12</v>
      </c>
      <c r="CA25" s="263">
        <v>12</v>
      </c>
      <c r="CB25" s="257">
        <v>0</v>
      </c>
      <c r="CC25" s="261">
        <v>0</v>
      </c>
      <c r="CD25" s="258">
        <v>0</v>
      </c>
      <c r="CE25" s="260">
        <v>0</v>
      </c>
      <c r="CF25" s="261">
        <v>1</v>
      </c>
      <c r="CG25" s="261">
        <v>2</v>
      </c>
      <c r="CH25" s="261">
        <v>2</v>
      </c>
      <c r="CI25" s="261">
        <v>3</v>
      </c>
      <c r="CJ25" s="261">
        <v>1</v>
      </c>
      <c r="CK25" s="258">
        <v>9</v>
      </c>
      <c r="CL25" s="263">
        <v>9</v>
      </c>
      <c r="CM25" s="257">
        <v>1</v>
      </c>
      <c r="CN25" s="261">
        <v>0</v>
      </c>
      <c r="CO25" s="258">
        <v>1</v>
      </c>
      <c r="CP25" s="260">
        <v>0</v>
      </c>
      <c r="CQ25" s="261">
        <v>1</v>
      </c>
      <c r="CR25" s="261">
        <v>0</v>
      </c>
      <c r="CS25" s="261">
        <v>0</v>
      </c>
      <c r="CT25" s="261">
        <v>0</v>
      </c>
      <c r="CU25" s="261">
        <v>1</v>
      </c>
      <c r="CV25" s="258">
        <v>2</v>
      </c>
      <c r="CW25" s="263">
        <v>3</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2</v>
      </c>
      <c r="DU25" s="261">
        <v>10</v>
      </c>
      <c r="DV25" s="258">
        <v>12</v>
      </c>
      <c r="DW25" s="260">
        <v>0</v>
      </c>
      <c r="DX25" s="261">
        <v>12</v>
      </c>
      <c r="DY25" s="261">
        <v>23</v>
      </c>
      <c r="DZ25" s="261">
        <v>9</v>
      </c>
      <c r="EA25" s="261">
        <v>6</v>
      </c>
      <c r="EB25" s="261">
        <v>3</v>
      </c>
      <c r="EC25" s="258">
        <v>53</v>
      </c>
      <c r="ED25" s="263">
        <v>65</v>
      </c>
      <c r="EE25" s="257">
        <v>3</v>
      </c>
      <c r="EF25" s="261">
        <v>0</v>
      </c>
      <c r="EG25" s="258">
        <v>3</v>
      </c>
      <c r="EH25" s="260">
        <v>0</v>
      </c>
      <c r="EI25" s="261">
        <v>8</v>
      </c>
      <c r="EJ25" s="261">
        <v>1</v>
      </c>
      <c r="EK25" s="261">
        <v>0</v>
      </c>
      <c r="EL25" s="261">
        <v>4</v>
      </c>
      <c r="EM25" s="261">
        <v>3</v>
      </c>
      <c r="EN25" s="258">
        <v>16</v>
      </c>
      <c r="EO25" s="263">
        <v>19</v>
      </c>
      <c r="EP25" s="257">
        <v>5</v>
      </c>
      <c r="EQ25" s="261">
        <v>12</v>
      </c>
      <c r="ER25" s="258">
        <v>17</v>
      </c>
      <c r="ES25" s="260">
        <v>0</v>
      </c>
      <c r="ET25" s="261">
        <v>31</v>
      </c>
      <c r="EU25" s="261">
        <v>33</v>
      </c>
      <c r="EV25" s="261">
        <v>14</v>
      </c>
      <c r="EW25" s="261">
        <v>8</v>
      </c>
      <c r="EX25" s="261">
        <v>5</v>
      </c>
      <c r="EY25" s="258">
        <v>91</v>
      </c>
      <c r="EZ25" s="263">
        <v>108</v>
      </c>
    </row>
    <row r="26" spans="2:156" ht="21" customHeight="1" x14ac:dyDescent="0.2">
      <c r="B26" s="472" t="s">
        <v>24</v>
      </c>
      <c r="C26" s="257">
        <v>0</v>
      </c>
      <c r="D26" s="261">
        <v>0</v>
      </c>
      <c r="E26" s="358">
        <v>0</v>
      </c>
      <c r="F26" s="260">
        <v>0</v>
      </c>
      <c r="G26" s="261">
        <v>10</v>
      </c>
      <c r="H26" s="261">
        <v>5</v>
      </c>
      <c r="I26" s="261">
        <v>2</v>
      </c>
      <c r="J26" s="261">
        <v>0</v>
      </c>
      <c r="K26" s="261">
        <v>1</v>
      </c>
      <c r="L26" s="262">
        <v>18</v>
      </c>
      <c r="M26" s="263">
        <v>18</v>
      </c>
      <c r="N26" s="257">
        <v>0</v>
      </c>
      <c r="O26" s="261">
        <v>0</v>
      </c>
      <c r="P26" s="258">
        <v>0</v>
      </c>
      <c r="Q26" s="260">
        <v>0</v>
      </c>
      <c r="R26" s="261">
        <v>0</v>
      </c>
      <c r="S26" s="261">
        <v>0</v>
      </c>
      <c r="T26" s="261">
        <v>1</v>
      </c>
      <c r="U26" s="261">
        <v>1</v>
      </c>
      <c r="V26" s="261">
        <v>1</v>
      </c>
      <c r="W26" s="258">
        <v>3</v>
      </c>
      <c r="X26" s="263">
        <v>3</v>
      </c>
      <c r="Y26" s="257">
        <v>3</v>
      </c>
      <c r="Z26" s="261">
        <v>2</v>
      </c>
      <c r="AA26" s="258">
        <v>5</v>
      </c>
      <c r="AB26" s="260">
        <v>0</v>
      </c>
      <c r="AC26" s="261">
        <v>5</v>
      </c>
      <c r="AD26" s="261">
        <v>6</v>
      </c>
      <c r="AE26" s="261">
        <v>6</v>
      </c>
      <c r="AF26" s="261">
        <v>3</v>
      </c>
      <c r="AG26" s="261">
        <v>1</v>
      </c>
      <c r="AH26" s="258">
        <v>21</v>
      </c>
      <c r="AI26" s="263">
        <v>26</v>
      </c>
      <c r="AJ26" s="257">
        <v>0</v>
      </c>
      <c r="AK26" s="261">
        <v>0</v>
      </c>
      <c r="AL26" s="258">
        <v>0</v>
      </c>
      <c r="AM26" s="260">
        <v>0</v>
      </c>
      <c r="AN26" s="261">
        <v>1</v>
      </c>
      <c r="AO26" s="261">
        <v>2</v>
      </c>
      <c r="AP26" s="261">
        <v>1</v>
      </c>
      <c r="AQ26" s="261">
        <v>0</v>
      </c>
      <c r="AR26" s="261">
        <v>0</v>
      </c>
      <c r="AS26" s="258">
        <v>4</v>
      </c>
      <c r="AT26" s="263">
        <v>4</v>
      </c>
      <c r="AU26" s="257">
        <v>4</v>
      </c>
      <c r="AV26" s="261">
        <v>0</v>
      </c>
      <c r="AW26" s="258">
        <v>4</v>
      </c>
      <c r="AX26" s="260">
        <v>0</v>
      </c>
      <c r="AY26" s="261">
        <v>10</v>
      </c>
      <c r="AZ26" s="261">
        <v>9</v>
      </c>
      <c r="BA26" s="261">
        <v>13</v>
      </c>
      <c r="BB26" s="261">
        <v>8</v>
      </c>
      <c r="BC26" s="261">
        <v>7</v>
      </c>
      <c r="BD26" s="262">
        <v>47</v>
      </c>
      <c r="BE26" s="263">
        <v>51</v>
      </c>
      <c r="BF26" s="257">
        <v>0</v>
      </c>
      <c r="BG26" s="261">
        <v>0</v>
      </c>
      <c r="BH26" s="258">
        <v>0</v>
      </c>
      <c r="BI26" s="260">
        <v>0</v>
      </c>
      <c r="BJ26" s="261">
        <v>13</v>
      </c>
      <c r="BK26" s="261">
        <v>10</v>
      </c>
      <c r="BL26" s="261">
        <v>3</v>
      </c>
      <c r="BM26" s="261">
        <v>0</v>
      </c>
      <c r="BN26" s="261">
        <v>0</v>
      </c>
      <c r="BO26" s="258">
        <v>26</v>
      </c>
      <c r="BP26" s="263">
        <v>26</v>
      </c>
      <c r="BQ26" s="257">
        <v>4</v>
      </c>
      <c r="BR26" s="261">
        <v>1</v>
      </c>
      <c r="BS26" s="258">
        <v>5</v>
      </c>
      <c r="BT26" s="260">
        <v>0</v>
      </c>
      <c r="BU26" s="261">
        <v>2</v>
      </c>
      <c r="BV26" s="261">
        <v>5</v>
      </c>
      <c r="BW26" s="261">
        <v>3</v>
      </c>
      <c r="BX26" s="261">
        <v>2</v>
      </c>
      <c r="BY26" s="261">
        <v>0</v>
      </c>
      <c r="BZ26" s="258">
        <v>12</v>
      </c>
      <c r="CA26" s="263">
        <v>17</v>
      </c>
      <c r="CB26" s="257">
        <v>0</v>
      </c>
      <c r="CC26" s="261">
        <v>0</v>
      </c>
      <c r="CD26" s="258">
        <v>0</v>
      </c>
      <c r="CE26" s="260">
        <v>0</v>
      </c>
      <c r="CF26" s="261">
        <v>0</v>
      </c>
      <c r="CG26" s="261">
        <v>3</v>
      </c>
      <c r="CH26" s="261">
        <v>1</v>
      </c>
      <c r="CI26" s="261">
        <v>1</v>
      </c>
      <c r="CJ26" s="261">
        <v>0</v>
      </c>
      <c r="CK26" s="258">
        <v>5</v>
      </c>
      <c r="CL26" s="263">
        <v>5</v>
      </c>
      <c r="CM26" s="257">
        <v>0</v>
      </c>
      <c r="CN26" s="261">
        <v>0</v>
      </c>
      <c r="CO26" s="258">
        <v>0</v>
      </c>
      <c r="CP26" s="260">
        <v>0</v>
      </c>
      <c r="CQ26" s="261">
        <v>0</v>
      </c>
      <c r="CR26" s="261">
        <v>1</v>
      </c>
      <c r="CS26" s="261">
        <v>0</v>
      </c>
      <c r="CT26" s="261">
        <v>0</v>
      </c>
      <c r="CU26" s="261">
        <v>0</v>
      </c>
      <c r="CV26" s="258">
        <v>1</v>
      </c>
      <c r="CW26" s="263">
        <v>1</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2</v>
      </c>
      <c r="DU26" s="261">
        <v>7</v>
      </c>
      <c r="DV26" s="258">
        <v>19</v>
      </c>
      <c r="DW26" s="260">
        <v>0</v>
      </c>
      <c r="DX26" s="261">
        <v>11</v>
      </c>
      <c r="DY26" s="261">
        <v>18</v>
      </c>
      <c r="DZ26" s="261">
        <v>10</v>
      </c>
      <c r="EA26" s="261">
        <v>4</v>
      </c>
      <c r="EB26" s="261">
        <v>1</v>
      </c>
      <c r="EC26" s="258">
        <v>44</v>
      </c>
      <c r="ED26" s="263">
        <v>63</v>
      </c>
      <c r="EE26" s="257">
        <v>4</v>
      </c>
      <c r="EF26" s="261">
        <v>1</v>
      </c>
      <c r="EG26" s="258">
        <v>5</v>
      </c>
      <c r="EH26" s="260">
        <v>0</v>
      </c>
      <c r="EI26" s="261">
        <v>3</v>
      </c>
      <c r="EJ26" s="261">
        <v>4</v>
      </c>
      <c r="EK26" s="261">
        <v>3</v>
      </c>
      <c r="EL26" s="261">
        <v>4</v>
      </c>
      <c r="EM26" s="261">
        <v>4</v>
      </c>
      <c r="EN26" s="258">
        <v>18</v>
      </c>
      <c r="EO26" s="263">
        <v>23</v>
      </c>
      <c r="EP26" s="257">
        <v>16</v>
      </c>
      <c r="EQ26" s="261">
        <v>8</v>
      </c>
      <c r="ER26" s="258">
        <v>24</v>
      </c>
      <c r="ES26" s="260">
        <v>0</v>
      </c>
      <c r="ET26" s="261">
        <v>28</v>
      </c>
      <c r="EU26" s="261">
        <v>26</v>
      </c>
      <c r="EV26" s="261">
        <v>13</v>
      </c>
      <c r="EW26" s="261">
        <v>5</v>
      </c>
      <c r="EX26" s="261">
        <v>2</v>
      </c>
      <c r="EY26" s="258">
        <v>74</v>
      </c>
      <c r="EZ26" s="263">
        <v>98</v>
      </c>
    </row>
    <row r="27" spans="2:156" ht="21" customHeight="1" x14ac:dyDescent="0.2">
      <c r="B27" s="472" t="s">
        <v>25</v>
      </c>
      <c r="C27" s="257">
        <v>0</v>
      </c>
      <c r="D27" s="261">
        <v>0</v>
      </c>
      <c r="E27" s="358">
        <v>0</v>
      </c>
      <c r="F27" s="260">
        <v>0</v>
      </c>
      <c r="G27" s="261">
        <v>4</v>
      </c>
      <c r="H27" s="261">
        <v>2</v>
      </c>
      <c r="I27" s="261">
        <v>2</v>
      </c>
      <c r="J27" s="261">
        <v>2</v>
      </c>
      <c r="K27" s="261">
        <v>1</v>
      </c>
      <c r="L27" s="262">
        <v>11</v>
      </c>
      <c r="M27" s="263">
        <v>11</v>
      </c>
      <c r="N27" s="257">
        <v>0</v>
      </c>
      <c r="O27" s="261">
        <v>0</v>
      </c>
      <c r="P27" s="258">
        <v>0</v>
      </c>
      <c r="Q27" s="260">
        <v>0</v>
      </c>
      <c r="R27" s="261">
        <v>0</v>
      </c>
      <c r="S27" s="261">
        <v>0</v>
      </c>
      <c r="T27" s="261">
        <v>2</v>
      </c>
      <c r="U27" s="261">
        <v>1</v>
      </c>
      <c r="V27" s="261">
        <v>0</v>
      </c>
      <c r="W27" s="258">
        <v>3</v>
      </c>
      <c r="X27" s="263">
        <v>3</v>
      </c>
      <c r="Y27" s="257">
        <v>0</v>
      </c>
      <c r="Z27" s="261">
        <v>2</v>
      </c>
      <c r="AA27" s="258">
        <v>2</v>
      </c>
      <c r="AB27" s="260">
        <v>0</v>
      </c>
      <c r="AC27" s="261">
        <v>3</v>
      </c>
      <c r="AD27" s="261">
        <v>2</v>
      </c>
      <c r="AE27" s="261">
        <v>2</v>
      </c>
      <c r="AF27" s="261">
        <v>3</v>
      </c>
      <c r="AG27" s="261">
        <v>2</v>
      </c>
      <c r="AH27" s="258">
        <v>12</v>
      </c>
      <c r="AI27" s="263">
        <v>14</v>
      </c>
      <c r="AJ27" s="257">
        <v>0</v>
      </c>
      <c r="AK27" s="261">
        <v>2</v>
      </c>
      <c r="AL27" s="258">
        <v>2</v>
      </c>
      <c r="AM27" s="260">
        <v>0</v>
      </c>
      <c r="AN27" s="261">
        <v>0</v>
      </c>
      <c r="AO27" s="261">
        <v>0</v>
      </c>
      <c r="AP27" s="261">
        <v>1</v>
      </c>
      <c r="AQ27" s="261">
        <v>0</v>
      </c>
      <c r="AR27" s="261">
        <v>0</v>
      </c>
      <c r="AS27" s="258">
        <v>1</v>
      </c>
      <c r="AT27" s="263">
        <v>3</v>
      </c>
      <c r="AU27" s="257">
        <v>0</v>
      </c>
      <c r="AV27" s="261">
        <v>1</v>
      </c>
      <c r="AW27" s="258">
        <v>1</v>
      </c>
      <c r="AX27" s="260">
        <v>0</v>
      </c>
      <c r="AY27" s="261">
        <v>5</v>
      </c>
      <c r="AZ27" s="261">
        <v>2</v>
      </c>
      <c r="BA27" s="261">
        <v>4</v>
      </c>
      <c r="BB27" s="261">
        <v>2</v>
      </c>
      <c r="BC27" s="261">
        <v>3</v>
      </c>
      <c r="BD27" s="262">
        <v>16</v>
      </c>
      <c r="BE27" s="263">
        <v>17</v>
      </c>
      <c r="BF27" s="257">
        <v>0</v>
      </c>
      <c r="BG27" s="261">
        <v>0</v>
      </c>
      <c r="BH27" s="258">
        <v>0</v>
      </c>
      <c r="BI27" s="260">
        <v>0</v>
      </c>
      <c r="BJ27" s="261">
        <v>6</v>
      </c>
      <c r="BK27" s="261">
        <v>1</v>
      </c>
      <c r="BL27" s="261">
        <v>2</v>
      </c>
      <c r="BM27" s="261">
        <v>3</v>
      </c>
      <c r="BN27" s="261">
        <v>0</v>
      </c>
      <c r="BO27" s="258">
        <v>12</v>
      </c>
      <c r="BP27" s="263">
        <v>12</v>
      </c>
      <c r="BQ27" s="257">
        <v>4</v>
      </c>
      <c r="BR27" s="261">
        <v>2</v>
      </c>
      <c r="BS27" s="258">
        <v>6</v>
      </c>
      <c r="BT27" s="260">
        <v>0</v>
      </c>
      <c r="BU27" s="261">
        <v>3</v>
      </c>
      <c r="BV27" s="261">
        <v>4</v>
      </c>
      <c r="BW27" s="261">
        <v>4</v>
      </c>
      <c r="BX27" s="261">
        <v>1</v>
      </c>
      <c r="BY27" s="261">
        <v>1</v>
      </c>
      <c r="BZ27" s="258">
        <v>13</v>
      </c>
      <c r="CA27" s="263">
        <v>19</v>
      </c>
      <c r="CB27" s="257">
        <v>0</v>
      </c>
      <c r="CC27" s="261">
        <v>1</v>
      </c>
      <c r="CD27" s="258">
        <v>1</v>
      </c>
      <c r="CE27" s="260">
        <v>0</v>
      </c>
      <c r="CF27" s="261">
        <v>3</v>
      </c>
      <c r="CG27" s="261">
        <v>2</v>
      </c>
      <c r="CH27" s="261">
        <v>2</v>
      </c>
      <c r="CI27" s="261">
        <v>2</v>
      </c>
      <c r="CJ27" s="261">
        <v>0</v>
      </c>
      <c r="CK27" s="258">
        <v>9</v>
      </c>
      <c r="CL27" s="263">
        <v>10</v>
      </c>
      <c r="CM27" s="257">
        <v>0</v>
      </c>
      <c r="CN27" s="261">
        <v>0</v>
      </c>
      <c r="CO27" s="258">
        <v>0</v>
      </c>
      <c r="CP27" s="260">
        <v>0</v>
      </c>
      <c r="CQ27" s="261">
        <v>0</v>
      </c>
      <c r="CR27" s="261">
        <v>0</v>
      </c>
      <c r="CS27" s="261">
        <v>1</v>
      </c>
      <c r="CT27" s="261">
        <v>0</v>
      </c>
      <c r="CU27" s="261">
        <v>0</v>
      </c>
      <c r="CV27" s="258">
        <v>1</v>
      </c>
      <c r="CW27" s="263">
        <v>1</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4</v>
      </c>
      <c r="DU27" s="261">
        <v>11</v>
      </c>
      <c r="DV27" s="258">
        <v>15</v>
      </c>
      <c r="DW27" s="260">
        <v>0</v>
      </c>
      <c r="DX27" s="261">
        <v>5</v>
      </c>
      <c r="DY27" s="261">
        <v>8</v>
      </c>
      <c r="DZ27" s="261">
        <v>6</v>
      </c>
      <c r="EA27" s="261">
        <v>6</v>
      </c>
      <c r="EB27" s="261">
        <v>2</v>
      </c>
      <c r="EC27" s="258">
        <v>27</v>
      </c>
      <c r="ED27" s="263">
        <v>42</v>
      </c>
      <c r="EE27" s="257">
        <v>0</v>
      </c>
      <c r="EF27" s="261">
        <v>1</v>
      </c>
      <c r="EG27" s="258">
        <v>1</v>
      </c>
      <c r="EH27" s="260">
        <v>0</v>
      </c>
      <c r="EI27" s="261">
        <v>2</v>
      </c>
      <c r="EJ27" s="261">
        <v>1</v>
      </c>
      <c r="EK27" s="261">
        <v>1</v>
      </c>
      <c r="EL27" s="261">
        <v>2</v>
      </c>
      <c r="EM27" s="261">
        <v>1</v>
      </c>
      <c r="EN27" s="258">
        <v>7</v>
      </c>
      <c r="EO27" s="263">
        <v>8</v>
      </c>
      <c r="EP27" s="257">
        <v>7</v>
      </c>
      <c r="EQ27" s="261">
        <v>11</v>
      </c>
      <c r="ER27" s="258">
        <v>18</v>
      </c>
      <c r="ES27" s="260">
        <v>0</v>
      </c>
      <c r="ET27" s="261">
        <v>22</v>
      </c>
      <c r="EU27" s="261">
        <v>9</v>
      </c>
      <c r="EV27" s="261">
        <v>7</v>
      </c>
      <c r="EW27" s="261">
        <v>5</v>
      </c>
      <c r="EX27" s="261">
        <v>3</v>
      </c>
      <c r="EY27" s="258">
        <v>46</v>
      </c>
      <c r="EZ27" s="263">
        <v>64</v>
      </c>
    </row>
    <row r="28" spans="2:156" ht="21" customHeight="1" x14ac:dyDescent="0.2">
      <c r="B28" s="472" t="s">
        <v>26</v>
      </c>
      <c r="C28" s="257">
        <v>0</v>
      </c>
      <c r="D28" s="261">
        <v>0</v>
      </c>
      <c r="E28" s="358">
        <v>0</v>
      </c>
      <c r="F28" s="260">
        <v>0</v>
      </c>
      <c r="G28" s="261">
        <v>6</v>
      </c>
      <c r="H28" s="261">
        <v>8</v>
      </c>
      <c r="I28" s="261">
        <v>9</v>
      </c>
      <c r="J28" s="261">
        <v>1</v>
      </c>
      <c r="K28" s="261">
        <v>2</v>
      </c>
      <c r="L28" s="262">
        <v>26</v>
      </c>
      <c r="M28" s="263">
        <v>26</v>
      </c>
      <c r="N28" s="257">
        <v>0</v>
      </c>
      <c r="O28" s="261">
        <v>0</v>
      </c>
      <c r="P28" s="258">
        <v>0</v>
      </c>
      <c r="Q28" s="260">
        <v>0</v>
      </c>
      <c r="R28" s="261">
        <v>0</v>
      </c>
      <c r="S28" s="261">
        <v>0</v>
      </c>
      <c r="T28" s="261">
        <v>0</v>
      </c>
      <c r="U28" s="261">
        <v>2</v>
      </c>
      <c r="V28" s="261">
        <v>1</v>
      </c>
      <c r="W28" s="258">
        <v>3</v>
      </c>
      <c r="X28" s="263">
        <v>3</v>
      </c>
      <c r="Y28" s="257">
        <v>0</v>
      </c>
      <c r="Z28" s="261">
        <v>0</v>
      </c>
      <c r="AA28" s="258">
        <v>0</v>
      </c>
      <c r="AB28" s="260">
        <v>0</v>
      </c>
      <c r="AC28" s="261">
        <v>3</v>
      </c>
      <c r="AD28" s="261">
        <v>2</v>
      </c>
      <c r="AE28" s="261">
        <v>6</v>
      </c>
      <c r="AF28" s="261">
        <v>2</v>
      </c>
      <c r="AG28" s="261">
        <v>2</v>
      </c>
      <c r="AH28" s="258">
        <v>15</v>
      </c>
      <c r="AI28" s="263">
        <v>15</v>
      </c>
      <c r="AJ28" s="257">
        <v>1</v>
      </c>
      <c r="AK28" s="261">
        <v>0</v>
      </c>
      <c r="AL28" s="258">
        <v>1</v>
      </c>
      <c r="AM28" s="260">
        <v>0</v>
      </c>
      <c r="AN28" s="261">
        <v>1</v>
      </c>
      <c r="AO28" s="261">
        <v>1</v>
      </c>
      <c r="AP28" s="261">
        <v>1</v>
      </c>
      <c r="AQ28" s="261">
        <v>0</v>
      </c>
      <c r="AR28" s="261">
        <v>0</v>
      </c>
      <c r="AS28" s="258">
        <v>3</v>
      </c>
      <c r="AT28" s="263">
        <v>4</v>
      </c>
      <c r="AU28" s="257">
        <v>1</v>
      </c>
      <c r="AV28" s="261">
        <v>0</v>
      </c>
      <c r="AW28" s="258">
        <v>1</v>
      </c>
      <c r="AX28" s="260">
        <v>0</v>
      </c>
      <c r="AY28" s="261">
        <v>2</v>
      </c>
      <c r="AZ28" s="261">
        <v>4</v>
      </c>
      <c r="BA28" s="261">
        <v>8</v>
      </c>
      <c r="BB28" s="261">
        <v>2</v>
      </c>
      <c r="BC28" s="261">
        <v>1</v>
      </c>
      <c r="BD28" s="262">
        <v>17</v>
      </c>
      <c r="BE28" s="263">
        <v>18</v>
      </c>
      <c r="BF28" s="257">
        <v>0</v>
      </c>
      <c r="BG28" s="261">
        <v>0</v>
      </c>
      <c r="BH28" s="258">
        <v>0</v>
      </c>
      <c r="BI28" s="260">
        <v>0</v>
      </c>
      <c r="BJ28" s="261">
        <v>10</v>
      </c>
      <c r="BK28" s="261">
        <v>8</v>
      </c>
      <c r="BL28" s="261">
        <v>2</v>
      </c>
      <c r="BM28" s="261">
        <v>0</v>
      </c>
      <c r="BN28" s="261">
        <v>0</v>
      </c>
      <c r="BO28" s="258">
        <v>20</v>
      </c>
      <c r="BP28" s="263">
        <v>20</v>
      </c>
      <c r="BQ28" s="257">
        <v>0</v>
      </c>
      <c r="BR28" s="261">
        <v>0</v>
      </c>
      <c r="BS28" s="258">
        <v>0</v>
      </c>
      <c r="BT28" s="260">
        <v>0</v>
      </c>
      <c r="BU28" s="261">
        <v>2</v>
      </c>
      <c r="BV28" s="261">
        <v>1</v>
      </c>
      <c r="BW28" s="261">
        <v>1</v>
      </c>
      <c r="BX28" s="261">
        <v>0</v>
      </c>
      <c r="BY28" s="261">
        <v>0</v>
      </c>
      <c r="BZ28" s="258">
        <v>4</v>
      </c>
      <c r="CA28" s="263">
        <v>4</v>
      </c>
      <c r="CB28" s="257">
        <v>0</v>
      </c>
      <c r="CC28" s="261">
        <v>0</v>
      </c>
      <c r="CD28" s="258">
        <v>0</v>
      </c>
      <c r="CE28" s="260">
        <v>0</v>
      </c>
      <c r="CF28" s="261">
        <v>3</v>
      </c>
      <c r="CG28" s="261">
        <v>4</v>
      </c>
      <c r="CH28" s="261">
        <v>0</v>
      </c>
      <c r="CI28" s="261">
        <v>0</v>
      </c>
      <c r="CJ28" s="261">
        <v>1</v>
      </c>
      <c r="CK28" s="258">
        <v>8</v>
      </c>
      <c r="CL28" s="263">
        <v>8</v>
      </c>
      <c r="CM28" s="257">
        <v>0</v>
      </c>
      <c r="CN28" s="261">
        <v>0</v>
      </c>
      <c r="CO28" s="258">
        <v>0</v>
      </c>
      <c r="CP28" s="260">
        <v>0</v>
      </c>
      <c r="CQ28" s="261">
        <v>0</v>
      </c>
      <c r="CR28" s="261">
        <v>0</v>
      </c>
      <c r="CS28" s="261">
        <v>1</v>
      </c>
      <c r="CT28" s="261">
        <v>0</v>
      </c>
      <c r="CU28" s="261">
        <v>0</v>
      </c>
      <c r="CV28" s="258">
        <v>1</v>
      </c>
      <c r="CW28" s="263">
        <v>1</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v>
      </c>
      <c r="DU28" s="261">
        <v>5</v>
      </c>
      <c r="DV28" s="258">
        <v>10</v>
      </c>
      <c r="DW28" s="260">
        <v>0</v>
      </c>
      <c r="DX28" s="261">
        <v>12</v>
      </c>
      <c r="DY28" s="261">
        <v>16</v>
      </c>
      <c r="DZ28" s="261">
        <v>10</v>
      </c>
      <c r="EA28" s="261">
        <v>3</v>
      </c>
      <c r="EB28" s="261">
        <v>2</v>
      </c>
      <c r="EC28" s="258">
        <v>43</v>
      </c>
      <c r="ED28" s="263">
        <v>53</v>
      </c>
      <c r="EE28" s="257">
        <v>1</v>
      </c>
      <c r="EF28" s="261">
        <v>0</v>
      </c>
      <c r="EG28" s="258">
        <v>1</v>
      </c>
      <c r="EH28" s="260">
        <v>0</v>
      </c>
      <c r="EI28" s="261">
        <v>1</v>
      </c>
      <c r="EJ28" s="261">
        <v>2</v>
      </c>
      <c r="EK28" s="261">
        <v>0</v>
      </c>
      <c r="EL28" s="261">
        <v>0</v>
      </c>
      <c r="EM28" s="261">
        <v>0</v>
      </c>
      <c r="EN28" s="258">
        <v>3</v>
      </c>
      <c r="EO28" s="263">
        <v>4</v>
      </c>
      <c r="EP28" s="257">
        <v>6</v>
      </c>
      <c r="EQ28" s="261">
        <v>5</v>
      </c>
      <c r="ER28" s="258">
        <v>11</v>
      </c>
      <c r="ES28" s="260">
        <v>0</v>
      </c>
      <c r="ET28" s="261">
        <v>22</v>
      </c>
      <c r="EU28" s="261">
        <v>23</v>
      </c>
      <c r="EV28" s="261">
        <v>13</v>
      </c>
      <c r="EW28" s="261">
        <v>3</v>
      </c>
      <c r="EX28" s="261">
        <v>2</v>
      </c>
      <c r="EY28" s="258">
        <v>63</v>
      </c>
      <c r="EZ28" s="263">
        <v>74</v>
      </c>
    </row>
    <row r="29" spans="2:156" ht="21" customHeight="1" x14ac:dyDescent="0.2">
      <c r="B29" s="472" t="s">
        <v>27</v>
      </c>
      <c r="C29" s="257">
        <v>0</v>
      </c>
      <c r="D29" s="261">
        <v>0</v>
      </c>
      <c r="E29" s="358">
        <v>0</v>
      </c>
      <c r="F29" s="260">
        <v>0</v>
      </c>
      <c r="G29" s="261">
        <v>3</v>
      </c>
      <c r="H29" s="261">
        <v>5</v>
      </c>
      <c r="I29" s="261">
        <v>5</v>
      </c>
      <c r="J29" s="261">
        <v>3</v>
      </c>
      <c r="K29" s="261">
        <v>2</v>
      </c>
      <c r="L29" s="262">
        <v>18</v>
      </c>
      <c r="M29" s="263">
        <v>18</v>
      </c>
      <c r="N29" s="257">
        <v>0</v>
      </c>
      <c r="O29" s="261">
        <v>0</v>
      </c>
      <c r="P29" s="258">
        <v>0</v>
      </c>
      <c r="Q29" s="260">
        <v>0</v>
      </c>
      <c r="R29" s="261">
        <v>0</v>
      </c>
      <c r="S29" s="261">
        <v>0</v>
      </c>
      <c r="T29" s="261">
        <v>1</v>
      </c>
      <c r="U29" s="261">
        <v>1</v>
      </c>
      <c r="V29" s="261">
        <v>1</v>
      </c>
      <c r="W29" s="258">
        <v>3</v>
      </c>
      <c r="X29" s="263">
        <v>3</v>
      </c>
      <c r="Y29" s="257">
        <v>0</v>
      </c>
      <c r="Z29" s="261">
        <v>5</v>
      </c>
      <c r="AA29" s="258">
        <v>5</v>
      </c>
      <c r="AB29" s="260">
        <v>0</v>
      </c>
      <c r="AC29" s="261">
        <v>4</v>
      </c>
      <c r="AD29" s="261">
        <v>4</v>
      </c>
      <c r="AE29" s="261">
        <v>5</v>
      </c>
      <c r="AF29" s="261">
        <v>3</v>
      </c>
      <c r="AG29" s="261">
        <v>3</v>
      </c>
      <c r="AH29" s="258">
        <v>19</v>
      </c>
      <c r="AI29" s="263">
        <v>24</v>
      </c>
      <c r="AJ29" s="257">
        <v>0</v>
      </c>
      <c r="AK29" s="261">
        <v>0</v>
      </c>
      <c r="AL29" s="258">
        <v>0</v>
      </c>
      <c r="AM29" s="260">
        <v>0</v>
      </c>
      <c r="AN29" s="261">
        <v>0</v>
      </c>
      <c r="AO29" s="261">
        <v>1</v>
      </c>
      <c r="AP29" s="261">
        <v>0</v>
      </c>
      <c r="AQ29" s="261">
        <v>0</v>
      </c>
      <c r="AR29" s="261">
        <v>0</v>
      </c>
      <c r="AS29" s="258">
        <v>1</v>
      </c>
      <c r="AT29" s="263">
        <v>1</v>
      </c>
      <c r="AU29" s="257">
        <v>1</v>
      </c>
      <c r="AV29" s="261">
        <v>2</v>
      </c>
      <c r="AW29" s="258">
        <v>3</v>
      </c>
      <c r="AX29" s="260">
        <v>0</v>
      </c>
      <c r="AY29" s="261">
        <v>4</v>
      </c>
      <c r="AZ29" s="261">
        <v>7</v>
      </c>
      <c r="BA29" s="261">
        <v>6</v>
      </c>
      <c r="BB29" s="261">
        <v>6</v>
      </c>
      <c r="BC29" s="261">
        <v>3</v>
      </c>
      <c r="BD29" s="262">
        <v>26</v>
      </c>
      <c r="BE29" s="263">
        <v>29</v>
      </c>
      <c r="BF29" s="257">
        <v>0</v>
      </c>
      <c r="BG29" s="261">
        <v>0</v>
      </c>
      <c r="BH29" s="258">
        <v>0</v>
      </c>
      <c r="BI29" s="260">
        <v>0</v>
      </c>
      <c r="BJ29" s="261">
        <v>8</v>
      </c>
      <c r="BK29" s="261">
        <v>5</v>
      </c>
      <c r="BL29" s="261">
        <v>8</v>
      </c>
      <c r="BM29" s="261">
        <v>5</v>
      </c>
      <c r="BN29" s="261">
        <v>0</v>
      </c>
      <c r="BO29" s="258">
        <v>26</v>
      </c>
      <c r="BP29" s="263">
        <v>26</v>
      </c>
      <c r="BQ29" s="257">
        <v>0</v>
      </c>
      <c r="BR29" s="261">
        <v>2</v>
      </c>
      <c r="BS29" s="258">
        <v>2</v>
      </c>
      <c r="BT29" s="260">
        <v>0</v>
      </c>
      <c r="BU29" s="261">
        <v>0</v>
      </c>
      <c r="BV29" s="261">
        <v>3</v>
      </c>
      <c r="BW29" s="261">
        <v>2</v>
      </c>
      <c r="BX29" s="261">
        <v>0</v>
      </c>
      <c r="BY29" s="261">
        <v>0</v>
      </c>
      <c r="BZ29" s="258">
        <v>5</v>
      </c>
      <c r="CA29" s="263">
        <v>7</v>
      </c>
      <c r="CB29" s="257">
        <v>0</v>
      </c>
      <c r="CC29" s="261">
        <v>0</v>
      </c>
      <c r="CD29" s="258">
        <v>0</v>
      </c>
      <c r="CE29" s="260">
        <v>0</v>
      </c>
      <c r="CF29" s="261">
        <v>0</v>
      </c>
      <c r="CG29" s="261">
        <v>0</v>
      </c>
      <c r="CH29" s="261">
        <v>4</v>
      </c>
      <c r="CI29" s="261">
        <v>0</v>
      </c>
      <c r="CJ29" s="261">
        <v>2</v>
      </c>
      <c r="CK29" s="258">
        <v>6</v>
      </c>
      <c r="CL29" s="263">
        <v>6</v>
      </c>
      <c r="CM29" s="257">
        <v>0</v>
      </c>
      <c r="CN29" s="261">
        <v>0</v>
      </c>
      <c r="CO29" s="258">
        <v>0</v>
      </c>
      <c r="CP29" s="260">
        <v>0</v>
      </c>
      <c r="CQ29" s="261">
        <v>1</v>
      </c>
      <c r="CR29" s="261">
        <v>0</v>
      </c>
      <c r="CS29" s="261">
        <v>1</v>
      </c>
      <c r="CT29" s="261">
        <v>0</v>
      </c>
      <c r="CU29" s="261">
        <v>0</v>
      </c>
      <c r="CV29" s="258">
        <v>2</v>
      </c>
      <c r="CW29" s="263">
        <v>2</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3</v>
      </c>
      <c r="DU29" s="261">
        <v>19</v>
      </c>
      <c r="DV29" s="258">
        <v>22</v>
      </c>
      <c r="DW29" s="260">
        <v>0</v>
      </c>
      <c r="DX29" s="261">
        <v>3</v>
      </c>
      <c r="DY29" s="261">
        <v>11</v>
      </c>
      <c r="DZ29" s="261">
        <v>14</v>
      </c>
      <c r="EA29" s="261">
        <v>6</v>
      </c>
      <c r="EB29" s="261">
        <v>3</v>
      </c>
      <c r="EC29" s="258">
        <v>37</v>
      </c>
      <c r="ED29" s="263">
        <v>59</v>
      </c>
      <c r="EE29" s="257">
        <v>1</v>
      </c>
      <c r="EF29" s="261">
        <v>0</v>
      </c>
      <c r="EG29" s="258">
        <v>1</v>
      </c>
      <c r="EH29" s="260">
        <v>0</v>
      </c>
      <c r="EI29" s="261">
        <v>2</v>
      </c>
      <c r="EJ29" s="261">
        <v>0</v>
      </c>
      <c r="EK29" s="261">
        <v>0</v>
      </c>
      <c r="EL29" s="261">
        <v>4</v>
      </c>
      <c r="EM29" s="261">
        <v>1</v>
      </c>
      <c r="EN29" s="258">
        <v>7</v>
      </c>
      <c r="EO29" s="263">
        <v>8</v>
      </c>
      <c r="EP29" s="257">
        <v>3</v>
      </c>
      <c r="EQ29" s="261">
        <v>23</v>
      </c>
      <c r="ER29" s="258">
        <v>26</v>
      </c>
      <c r="ES29" s="260">
        <v>0</v>
      </c>
      <c r="ET29" s="261">
        <v>13</v>
      </c>
      <c r="EU29" s="261">
        <v>11</v>
      </c>
      <c r="EV29" s="261">
        <v>14</v>
      </c>
      <c r="EW29" s="261">
        <v>7</v>
      </c>
      <c r="EX29" s="261">
        <v>4</v>
      </c>
      <c r="EY29" s="258">
        <v>49</v>
      </c>
      <c r="EZ29" s="263">
        <v>75</v>
      </c>
    </row>
    <row r="30" spans="2:156" ht="21" customHeight="1" x14ac:dyDescent="0.2">
      <c r="B30" s="472" t="s">
        <v>28</v>
      </c>
      <c r="C30" s="257">
        <v>0</v>
      </c>
      <c r="D30" s="261">
        <v>0</v>
      </c>
      <c r="E30" s="358">
        <v>0</v>
      </c>
      <c r="F30" s="260">
        <v>0</v>
      </c>
      <c r="G30" s="261">
        <v>0</v>
      </c>
      <c r="H30" s="261">
        <v>0</v>
      </c>
      <c r="I30" s="261">
        <v>0</v>
      </c>
      <c r="J30" s="261">
        <v>1</v>
      </c>
      <c r="K30" s="261">
        <v>0</v>
      </c>
      <c r="L30" s="262">
        <v>1</v>
      </c>
      <c r="M30" s="263">
        <v>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2</v>
      </c>
      <c r="AE30" s="261">
        <v>0</v>
      </c>
      <c r="AF30" s="261">
        <v>1</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2</v>
      </c>
      <c r="BA30" s="261">
        <v>0</v>
      </c>
      <c r="BB30" s="261">
        <v>1</v>
      </c>
      <c r="BC30" s="261">
        <v>1</v>
      </c>
      <c r="BD30" s="262">
        <v>7</v>
      </c>
      <c r="BE30" s="263">
        <v>7</v>
      </c>
      <c r="BF30" s="257">
        <v>0</v>
      </c>
      <c r="BG30" s="261">
        <v>0</v>
      </c>
      <c r="BH30" s="258">
        <v>0</v>
      </c>
      <c r="BI30" s="260">
        <v>0</v>
      </c>
      <c r="BJ30" s="261">
        <v>1</v>
      </c>
      <c r="BK30" s="261">
        <v>2</v>
      </c>
      <c r="BL30" s="261">
        <v>0</v>
      </c>
      <c r="BM30" s="261">
        <v>0</v>
      </c>
      <c r="BN30" s="261">
        <v>0</v>
      </c>
      <c r="BO30" s="258">
        <v>3</v>
      </c>
      <c r="BP30" s="263">
        <v>3</v>
      </c>
      <c r="BQ30" s="257">
        <v>0</v>
      </c>
      <c r="BR30" s="261">
        <v>1</v>
      </c>
      <c r="BS30" s="258">
        <v>1</v>
      </c>
      <c r="BT30" s="260">
        <v>0</v>
      </c>
      <c r="BU30" s="261">
        <v>0</v>
      </c>
      <c r="BV30" s="261">
        <v>0</v>
      </c>
      <c r="BW30" s="261">
        <v>1</v>
      </c>
      <c r="BX30" s="261">
        <v>0</v>
      </c>
      <c r="BY30" s="261">
        <v>0</v>
      </c>
      <c r="BZ30" s="258">
        <v>1</v>
      </c>
      <c r="CA30" s="263">
        <v>2</v>
      </c>
      <c r="CB30" s="257">
        <v>0</v>
      </c>
      <c r="CC30" s="261">
        <v>0</v>
      </c>
      <c r="CD30" s="258">
        <v>0</v>
      </c>
      <c r="CE30" s="260">
        <v>0</v>
      </c>
      <c r="CF30" s="261">
        <v>0</v>
      </c>
      <c r="CG30" s="261">
        <v>0</v>
      </c>
      <c r="CH30" s="261">
        <v>0</v>
      </c>
      <c r="CI30" s="261">
        <v>0</v>
      </c>
      <c r="CJ30" s="261">
        <v>1</v>
      </c>
      <c r="CK30" s="258">
        <v>1</v>
      </c>
      <c r="CL30" s="263">
        <v>1</v>
      </c>
      <c r="CM30" s="257">
        <v>0</v>
      </c>
      <c r="CN30" s="261">
        <v>0</v>
      </c>
      <c r="CO30" s="258">
        <v>0</v>
      </c>
      <c r="CP30" s="260">
        <v>0</v>
      </c>
      <c r="CQ30" s="261">
        <v>0</v>
      </c>
      <c r="CR30" s="261">
        <v>0</v>
      </c>
      <c r="CS30" s="261">
        <v>1</v>
      </c>
      <c r="CT30" s="261">
        <v>0</v>
      </c>
      <c r="CU30" s="261">
        <v>0</v>
      </c>
      <c r="CV30" s="258">
        <v>1</v>
      </c>
      <c r="CW30" s="263">
        <v>1</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3</v>
      </c>
      <c r="DY30" s="261">
        <v>5</v>
      </c>
      <c r="DZ30" s="261">
        <v>1</v>
      </c>
      <c r="EA30" s="261">
        <v>0</v>
      </c>
      <c r="EB30" s="261">
        <v>0</v>
      </c>
      <c r="EC30" s="258">
        <v>9</v>
      </c>
      <c r="ED30" s="263">
        <v>10</v>
      </c>
      <c r="EE30" s="257">
        <v>0</v>
      </c>
      <c r="EF30" s="261">
        <v>0</v>
      </c>
      <c r="EG30" s="258">
        <v>0</v>
      </c>
      <c r="EH30" s="260">
        <v>0</v>
      </c>
      <c r="EI30" s="261">
        <v>3</v>
      </c>
      <c r="EJ30" s="261">
        <v>0</v>
      </c>
      <c r="EK30" s="261">
        <v>0</v>
      </c>
      <c r="EL30" s="261">
        <v>0</v>
      </c>
      <c r="EM30" s="261">
        <v>0</v>
      </c>
      <c r="EN30" s="258">
        <v>3</v>
      </c>
      <c r="EO30" s="263">
        <v>3</v>
      </c>
      <c r="EP30" s="257">
        <v>0</v>
      </c>
      <c r="EQ30" s="261">
        <v>1</v>
      </c>
      <c r="ER30" s="258">
        <v>1</v>
      </c>
      <c r="ES30" s="260">
        <v>0</v>
      </c>
      <c r="ET30" s="261">
        <v>7</v>
      </c>
      <c r="EU30" s="261">
        <v>6</v>
      </c>
      <c r="EV30" s="261">
        <v>1</v>
      </c>
      <c r="EW30" s="261">
        <v>1</v>
      </c>
      <c r="EX30" s="261">
        <v>1</v>
      </c>
      <c r="EY30" s="258">
        <v>16</v>
      </c>
      <c r="EZ30" s="263">
        <v>17</v>
      </c>
    </row>
    <row r="31" spans="2:156" ht="21" customHeight="1" x14ac:dyDescent="0.2">
      <c r="B31" s="472" t="s">
        <v>29</v>
      </c>
      <c r="C31" s="257">
        <v>0</v>
      </c>
      <c r="D31" s="261">
        <v>0</v>
      </c>
      <c r="E31" s="358">
        <v>0</v>
      </c>
      <c r="F31" s="260">
        <v>0</v>
      </c>
      <c r="G31" s="261">
        <v>0</v>
      </c>
      <c r="H31" s="261">
        <v>3</v>
      </c>
      <c r="I31" s="261">
        <v>0</v>
      </c>
      <c r="J31" s="261">
        <v>1</v>
      </c>
      <c r="K31" s="261">
        <v>0</v>
      </c>
      <c r="L31" s="262">
        <v>4</v>
      </c>
      <c r="M31" s="263">
        <v>4</v>
      </c>
      <c r="N31" s="257">
        <v>0</v>
      </c>
      <c r="O31" s="261">
        <v>0</v>
      </c>
      <c r="P31" s="258">
        <v>0</v>
      </c>
      <c r="Q31" s="260">
        <v>0</v>
      </c>
      <c r="R31" s="261">
        <v>0</v>
      </c>
      <c r="S31" s="261">
        <v>0</v>
      </c>
      <c r="T31" s="261">
        <v>0</v>
      </c>
      <c r="U31" s="261">
        <v>0</v>
      </c>
      <c r="V31" s="261">
        <v>1</v>
      </c>
      <c r="W31" s="258">
        <v>1</v>
      </c>
      <c r="X31" s="263">
        <v>1</v>
      </c>
      <c r="Y31" s="257">
        <v>0</v>
      </c>
      <c r="Z31" s="261">
        <v>1</v>
      </c>
      <c r="AA31" s="258">
        <v>1</v>
      </c>
      <c r="AB31" s="260">
        <v>0</v>
      </c>
      <c r="AC31" s="261">
        <v>0</v>
      </c>
      <c r="AD31" s="261">
        <v>2</v>
      </c>
      <c r="AE31" s="261">
        <v>0</v>
      </c>
      <c r="AF31" s="261">
        <v>0</v>
      </c>
      <c r="AG31" s="261">
        <v>0</v>
      </c>
      <c r="AH31" s="258">
        <v>2</v>
      </c>
      <c r="AI31" s="263">
        <v>3</v>
      </c>
      <c r="AJ31" s="257">
        <v>0</v>
      </c>
      <c r="AK31" s="261">
        <v>0</v>
      </c>
      <c r="AL31" s="258">
        <v>0</v>
      </c>
      <c r="AM31" s="260">
        <v>0</v>
      </c>
      <c r="AN31" s="261">
        <v>1</v>
      </c>
      <c r="AO31" s="261">
        <v>1</v>
      </c>
      <c r="AP31" s="261">
        <v>0</v>
      </c>
      <c r="AQ31" s="261">
        <v>0</v>
      </c>
      <c r="AR31" s="261">
        <v>0</v>
      </c>
      <c r="AS31" s="258">
        <v>2</v>
      </c>
      <c r="AT31" s="263">
        <v>2</v>
      </c>
      <c r="AU31" s="257">
        <v>0</v>
      </c>
      <c r="AV31" s="261">
        <v>0</v>
      </c>
      <c r="AW31" s="258">
        <v>0</v>
      </c>
      <c r="AX31" s="260">
        <v>0</v>
      </c>
      <c r="AY31" s="261">
        <v>0</v>
      </c>
      <c r="AZ31" s="261">
        <v>3</v>
      </c>
      <c r="BA31" s="261">
        <v>1</v>
      </c>
      <c r="BB31" s="261">
        <v>1</v>
      </c>
      <c r="BC31" s="261">
        <v>1</v>
      </c>
      <c r="BD31" s="262">
        <v>6</v>
      </c>
      <c r="BE31" s="263">
        <v>6</v>
      </c>
      <c r="BF31" s="257">
        <v>0</v>
      </c>
      <c r="BG31" s="261">
        <v>0</v>
      </c>
      <c r="BH31" s="258">
        <v>0</v>
      </c>
      <c r="BI31" s="260">
        <v>0</v>
      </c>
      <c r="BJ31" s="261">
        <v>2</v>
      </c>
      <c r="BK31" s="261">
        <v>4</v>
      </c>
      <c r="BL31" s="261">
        <v>1</v>
      </c>
      <c r="BM31" s="261">
        <v>1</v>
      </c>
      <c r="BN31" s="261">
        <v>0</v>
      </c>
      <c r="BO31" s="258">
        <v>8</v>
      </c>
      <c r="BP31" s="263">
        <v>8</v>
      </c>
      <c r="BQ31" s="257">
        <v>1</v>
      </c>
      <c r="BR31" s="261">
        <v>0</v>
      </c>
      <c r="BS31" s="258">
        <v>1</v>
      </c>
      <c r="BT31" s="260">
        <v>0</v>
      </c>
      <c r="BU31" s="261">
        <v>0</v>
      </c>
      <c r="BV31" s="261">
        <v>0</v>
      </c>
      <c r="BW31" s="261">
        <v>0</v>
      </c>
      <c r="BX31" s="261">
        <v>0</v>
      </c>
      <c r="BY31" s="261">
        <v>0</v>
      </c>
      <c r="BZ31" s="258">
        <v>0</v>
      </c>
      <c r="CA31" s="263">
        <v>1</v>
      </c>
      <c r="CB31" s="257">
        <v>0</v>
      </c>
      <c r="CC31" s="261">
        <v>0</v>
      </c>
      <c r="CD31" s="258">
        <v>0</v>
      </c>
      <c r="CE31" s="260">
        <v>0</v>
      </c>
      <c r="CF31" s="261">
        <v>0</v>
      </c>
      <c r="CG31" s="261">
        <v>0</v>
      </c>
      <c r="CH31" s="261">
        <v>1</v>
      </c>
      <c r="CI31" s="261">
        <v>0</v>
      </c>
      <c r="CJ31" s="261">
        <v>1</v>
      </c>
      <c r="CK31" s="258">
        <v>2</v>
      </c>
      <c r="CL31" s="263">
        <v>2</v>
      </c>
      <c r="CM31" s="257">
        <v>0</v>
      </c>
      <c r="CN31" s="261">
        <v>0</v>
      </c>
      <c r="CO31" s="258">
        <v>0</v>
      </c>
      <c r="CP31" s="260">
        <v>0</v>
      </c>
      <c r="CQ31" s="261">
        <v>0</v>
      </c>
      <c r="CR31" s="261">
        <v>0</v>
      </c>
      <c r="CS31" s="261">
        <v>0</v>
      </c>
      <c r="CT31" s="261">
        <v>0</v>
      </c>
      <c r="CU31" s="261">
        <v>1</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v>
      </c>
      <c r="DU31" s="261">
        <v>0</v>
      </c>
      <c r="DV31" s="258">
        <v>2</v>
      </c>
      <c r="DW31" s="260">
        <v>0</v>
      </c>
      <c r="DX31" s="261">
        <v>1</v>
      </c>
      <c r="DY31" s="261">
        <v>5</v>
      </c>
      <c r="DZ31" s="261">
        <v>1</v>
      </c>
      <c r="EA31" s="261">
        <v>0</v>
      </c>
      <c r="EB31" s="261">
        <v>1</v>
      </c>
      <c r="EC31" s="258">
        <v>8</v>
      </c>
      <c r="ED31" s="263">
        <v>10</v>
      </c>
      <c r="EE31" s="257">
        <v>1</v>
      </c>
      <c r="EF31" s="261">
        <v>0</v>
      </c>
      <c r="EG31" s="258">
        <v>1</v>
      </c>
      <c r="EH31" s="260">
        <v>0</v>
      </c>
      <c r="EI31" s="261">
        <v>0</v>
      </c>
      <c r="EJ31" s="261">
        <v>2</v>
      </c>
      <c r="EK31" s="261">
        <v>0</v>
      </c>
      <c r="EL31" s="261">
        <v>1</v>
      </c>
      <c r="EM31" s="261">
        <v>0</v>
      </c>
      <c r="EN31" s="258">
        <v>3</v>
      </c>
      <c r="EO31" s="263">
        <v>4</v>
      </c>
      <c r="EP31" s="257">
        <v>3</v>
      </c>
      <c r="EQ31" s="261">
        <v>1</v>
      </c>
      <c r="ER31" s="258">
        <v>4</v>
      </c>
      <c r="ES31" s="260">
        <v>0</v>
      </c>
      <c r="ET31" s="261">
        <v>3</v>
      </c>
      <c r="EU31" s="261">
        <v>6</v>
      </c>
      <c r="EV31" s="261">
        <v>1</v>
      </c>
      <c r="EW31" s="261">
        <v>1</v>
      </c>
      <c r="EX31" s="261">
        <v>1</v>
      </c>
      <c r="EY31" s="258">
        <v>12</v>
      </c>
      <c r="EZ31" s="263">
        <v>16</v>
      </c>
    </row>
    <row r="32" spans="2:156" ht="21" customHeight="1" x14ac:dyDescent="0.2">
      <c r="B32" s="472" t="s">
        <v>30</v>
      </c>
      <c r="C32" s="257">
        <v>0</v>
      </c>
      <c r="D32" s="261">
        <v>0</v>
      </c>
      <c r="E32" s="358">
        <v>0</v>
      </c>
      <c r="F32" s="260">
        <v>0</v>
      </c>
      <c r="G32" s="261">
        <v>2</v>
      </c>
      <c r="H32" s="261">
        <v>0</v>
      </c>
      <c r="I32" s="261">
        <v>1</v>
      </c>
      <c r="J32" s="261">
        <v>1</v>
      </c>
      <c r="K32" s="261">
        <v>1</v>
      </c>
      <c r="L32" s="262">
        <v>5</v>
      </c>
      <c r="M32" s="263">
        <v>5</v>
      </c>
      <c r="N32" s="257">
        <v>0</v>
      </c>
      <c r="O32" s="261">
        <v>0</v>
      </c>
      <c r="P32" s="258">
        <v>0</v>
      </c>
      <c r="Q32" s="260">
        <v>0</v>
      </c>
      <c r="R32" s="261">
        <v>0</v>
      </c>
      <c r="S32" s="261">
        <v>0</v>
      </c>
      <c r="T32" s="261">
        <v>0</v>
      </c>
      <c r="U32" s="261">
        <v>0</v>
      </c>
      <c r="V32" s="261">
        <v>0</v>
      </c>
      <c r="W32" s="258">
        <v>0</v>
      </c>
      <c r="X32" s="263">
        <v>0</v>
      </c>
      <c r="Y32" s="257">
        <v>0</v>
      </c>
      <c r="Z32" s="261">
        <v>2</v>
      </c>
      <c r="AA32" s="258">
        <v>2</v>
      </c>
      <c r="AB32" s="260">
        <v>0</v>
      </c>
      <c r="AC32" s="261">
        <v>2</v>
      </c>
      <c r="AD32" s="261">
        <v>0</v>
      </c>
      <c r="AE32" s="261">
        <v>1</v>
      </c>
      <c r="AF32" s="261">
        <v>1</v>
      </c>
      <c r="AG32" s="261">
        <v>1</v>
      </c>
      <c r="AH32" s="258">
        <v>5</v>
      </c>
      <c r="AI32" s="263">
        <v>7</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2</v>
      </c>
      <c r="BB32" s="261">
        <v>2</v>
      </c>
      <c r="BC32" s="261">
        <v>1</v>
      </c>
      <c r="BD32" s="262">
        <v>7</v>
      </c>
      <c r="BE32" s="263">
        <v>7</v>
      </c>
      <c r="BF32" s="257">
        <v>0</v>
      </c>
      <c r="BG32" s="261">
        <v>0</v>
      </c>
      <c r="BH32" s="258">
        <v>0</v>
      </c>
      <c r="BI32" s="260">
        <v>0</v>
      </c>
      <c r="BJ32" s="261">
        <v>0</v>
      </c>
      <c r="BK32" s="261">
        <v>0</v>
      </c>
      <c r="BL32" s="261">
        <v>0</v>
      </c>
      <c r="BM32" s="261">
        <v>1</v>
      </c>
      <c r="BN32" s="261">
        <v>0</v>
      </c>
      <c r="BO32" s="258">
        <v>1</v>
      </c>
      <c r="BP32" s="263">
        <v>1</v>
      </c>
      <c r="BQ32" s="257">
        <v>2</v>
      </c>
      <c r="BR32" s="261">
        <v>0</v>
      </c>
      <c r="BS32" s="258">
        <v>2</v>
      </c>
      <c r="BT32" s="260">
        <v>0</v>
      </c>
      <c r="BU32" s="261">
        <v>0</v>
      </c>
      <c r="BV32" s="261">
        <v>0</v>
      </c>
      <c r="BW32" s="261">
        <v>2</v>
      </c>
      <c r="BX32" s="261">
        <v>0</v>
      </c>
      <c r="BY32" s="261">
        <v>0</v>
      </c>
      <c r="BZ32" s="258">
        <v>2</v>
      </c>
      <c r="CA32" s="263">
        <v>4</v>
      </c>
      <c r="CB32" s="257">
        <v>0</v>
      </c>
      <c r="CC32" s="261">
        <v>0</v>
      </c>
      <c r="CD32" s="258">
        <v>0</v>
      </c>
      <c r="CE32" s="260">
        <v>0</v>
      </c>
      <c r="CF32" s="261">
        <v>0</v>
      </c>
      <c r="CG32" s="261">
        <v>0</v>
      </c>
      <c r="CH32" s="261">
        <v>3</v>
      </c>
      <c r="CI32" s="261">
        <v>1</v>
      </c>
      <c r="CJ32" s="261">
        <v>0</v>
      </c>
      <c r="CK32" s="258">
        <v>4</v>
      </c>
      <c r="CL32" s="263">
        <v>4</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0</v>
      </c>
      <c r="DU32" s="261">
        <v>2</v>
      </c>
      <c r="DV32" s="258">
        <v>2</v>
      </c>
      <c r="DW32" s="260">
        <v>0</v>
      </c>
      <c r="DX32" s="261">
        <v>2</v>
      </c>
      <c r="DY32" s="261">
        <v>0</v>
      </c>
      <c r="DZ32" s="261">
        <v>4</v>
      </c>
      <c r="EA32" s="261">
        <v>1</v>
      </c>
      <c r="EB32" s="261">
        <v>1</v>
      </c>
      <c r="EC32" s="258">
        <v>8</v>
      </c>
      <c r="ED32" s="263">
        <v>10</v>
      </c>
      <c r="EE32" s="257">
        <v>0</v>
      </c>
      <c r="EF32" s="261">
        <v>0</v>
      </c>
      <c r="EG32" s="258">
        <v>0</v>
      </c>
      <c r="EH32" s="260">
        <v>0</v>
      </c>
      <c r="EI32" s="261">
        <v>1</v>
      </c>
      <c r="EJ32" s="261">
        <v>0</v>
      </c>
      <c r="EK32" s="261">
        <v>0</v>
      </c>
      <c r="EL32" s="261">
        <v>0</v>
      </c>
      <c r="EM32" s="261">
        <v>0</v>
      </c>
      <c r="EN32" s="258">
        <v>1</v>
      </c>
      <c r="EO32" s="263">
        <v>1</v>
      </c>
      <c r="EP32" s="257">
        <v>3</v>
      </c>
      <c r="EQ32" s="261">
        <v>3</v>
      </c>
      <c r="ER32" s="258">
        <v>6</v>
      </c>
      <c r="ES32" s="260">
        <v>0</v>
      </c>
      <c r="ET32" s="261">
        <v>4</v>
      </c>
      <c r="EU32" s="261">
        <v>0</v>
      </c>
      <c r="EV32" s="261">
        <v>4</v>
      </c>
      <c r="EW32" s="261">
        <v>1</v>
      </c>
      <c r="EX32" s="261">
        <v>1</v>
      </c>
      <c r="EY32" s="258">
        <v>10</v>
      </c>
      <c r="EZ32" s="263">
        <v>16</v>
      </c>
    </row>
    <row r="33" spans="2:156" ht="21" customHeight="1" x14ac:dyDescent="0.2">
      <c r="B33" s="472" t="s">
        <v>31</v>
      </c>
      <c r="C33" s="257">
        <v>0</v>
      </c>
      <c r="D33" s="261">
        <v>0</v>
      </c>
      <c r="E33" s="358">
        <v>0</v>
      </c>
      <c r="F33" s="260">
        <v>0</v>
      </c>
      <c r="G33" s="261">
        <v>1</v>
      </c>
      <c r="H33" s="261">
        <v>0</v>
      </c>
      <c r="I33" s="261">
        <v>1</v>
      </c>
      <c r="J33" s="261">
        <v>0</v>
      </c>
      <c r="K33" s="261">
        <v>0</v>
      </c>
      <c r="L33" s="262">
        <v>2</v>
      </c>
      <c r="M33" s="263">
        <v>2</v>
      </c>
      <c r="N33" s="257">
        <v>0</v>
      </c>
      <c r="O33" s="261">
        <v>0</v>
      </c>
      <c r="P33" s="258">
        <v>0</v>
      </c>
      <c r="Q33" s="260">
        <v>0</v>
      </c>
      <c r="R33" s="261">
        <v>0</v>
      </c>
      <c r="S33" s="261">
        <v>1</v>
      </c>
      <c r="T33" s="261">
        <v>1</v>
      </c>
      <c r="U33" s="261">
        <v>0</v>
      </c>
      <c r="V33" s="261">
        <v>0</v>
      </c>
      <c r="W33" s="258">
        <v>2</v>
      </c>
      <c r="X33" s="263">
        <v>2</v>
      </c>
      <c r="Y33" s="257">
        <v>1</v>
      </c>
      <c r="Z33" s="261">
        <v>0</v>
      </c>
      <c r="AA33" s="258">
        <v>1</v>
      </c>
      <c r="AB33" s="260">
        <v>0</v>
      </c>
      <c r="AC33" s="261">
        <v>0</v>
      </c>
      <c r="AD33" s="261">
        <v>0</v>
      </c>
      <c r="AE33" s="261">
        <v>2</v>
      </c>
      <c r="AF33" s="261">
        <v>1</v>
      </c>
      <c r="AG33" s="261">
        <v>0</v>
      </c>
      <c r="AH33" s="258">
        <v>3</v>
      </c>
      <c r="AI33" s="263">
        <v>4</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1</v>
      </c>
      <c r="BB33" s="261">
        <v>0</v>
      </c>
      <c r="BC33" s="261">
        <v>1</v>
      </c>
      <c r="BD33" s="262">
        <v>3</v>
      </c>
      <c r="BE33" s="263">
        <v>3</v>
      </c>
      <c r="BF33" s="257">
        <v>0</v>
      </c>
      <c r="BG33" s="261">
        <v>0</v>
      </c>
      <c r="BH33" s="258">
        <v>0</v>
      </c>
      <c r="BI33" s="260">
        <v>0</v>
      </c>
      <c r="BJ33" s="261">
        <v>1</v>
      </c>
      <c r="BK33" s="261">
        <v>2</v>
      </c>
      <c r="BL33" s="261">
        <v>0</v>
      </c>
      <c r="BM33" s="261">
        <v>1</v>
      </c>
      <c r="BN33" s="261">
        <v>0</v>
      </c>
      <c r="BO33" s="258">
        <v>4</v>
      </c>
      <c r="BP33" s="263">
        <v>4</v>
      </c>
      <c r="BQ33" s="257">
        <v>0</v>
      </c>
      <c r="BR33" s="261">
        <v>0</v>
      </c>
      <c r="BS33" s="258">
        <v>0</v>
      </c>
      <c r="BT33" s="260">
        <v>0</v>
      </c>
      <c r="BU33" s="261">
        <v>1</v>
      </c>
      <c r="BV33" s="261">
        <v>1</v>
      </c>
      <c r="BW33" s="261">
        <v>2</v>
      </c>
      <c r="BX33" s="261">
        <v>1</v>
      </c>
      <c r="BY33" s="261">
        <v>0</v>
      </c>
      <c r="BZ33" s="258">
        <v>5</v>
      </c>
      <c r="CA33" s="263">
        <v>5</v>
      </c>
      <c r="CB33" s="257">
        <v>0</v>
      </c>
      <c r="CC33" s="261">
        <v>0</v>
      </c>
      <c r="CD33" s="258">
        <v>0</v>
      </c>
      <c r="CE33" s="260">
        <v>0</v>
      </c>
      <c r="CF33" s="261">
        <v>0</v>
      </c>
      <c r="CG33" s="261">
        <v>0</v>
      </c>
      <c r="CH33" s="261">
        <v>1</v>
      </c>
      <c r="CI33" s="261">
        <v>1</v>
      </c>
      <c r="CJ33" s="261">
        <v>0</v>
      </c>
      <c r="CK33" s="258">
        <v>2</v>
      </c>
      <c r="CL33" s="263">
        <v>2</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2</v>
      </c>
      <c r="DV33" s="258">
        <v>4</v>
      </c>
      <c r="DW33" s="260">
        <v>0</v>
      </c>
      <c r="DX33" s="261">
        <v>2</v>
      </c>
      <c r="DY33" s="261">
        <v>6</v>
      </c>
      <c r="DZ33" s="261">
        <v>4</v>
      </c>
      <c r="EA33" s="261">
        <v>3</v>
      </c>
      <c r="EB33" s="261">
        <v>0</v>
      </c>
      <c r="EC33" s="258">
        <v>15</v>
      </c>
      <c r="ED33" s="263">
        <v>19</v>
      </c>
      <c r="EE33" s="257">
        <v>0</v>
      </c>
      <c r="EF33" s="261">
        <v>0</v>
      </c>
      <c r="EG33" s="258">
        <v>0</v>
      </c>
      <c r="EH33" s="260">
        <v>0</v>
      </c>
      <c r="EI33" s="261">
        <v>0</v>
      </c>
      <c r="EJ33" s="261">
        <v>0</v>
      </c>
      <c r="EK33" s="261">
        <v>1</v>
      </c>
      <c r="EL33" s="261">
        <v>1</v>
      </c>
      <c r="EM33" s="261">
        <v>0</v>
      </c>
      <c r="EN33" s="258">
        <v>2</v>
      </c>
      <c r="EO33" s="263">
        <v>2</v>
      </c>
      <c r="EP33" s="257">
        <v>3</v>
      </c>
      <c r="EQ33" s="261">
        <v>2</v>
      </c>
      <c r="ER33" s="258">
        <v>5</v>
      </c>
      <c r="ES33" s="260">
        <v>0</v>
      </c>
      <c r="ET33" s="261">
        <v>4</v>
      </c>
      <c r="EU33" s="261">
        <v>8</v>
      </c>
      <c r="EV33" s="261">
        <v>4</v>
      </c>
      <c r="EW33" s="261">
        <v>3</v>
      </c>
      <c r="EX33" s="261">
        <v>0</v>
      </c>
      <c r="EY33" s="258">
        <v>19</v>
      </c>
      <c r="EZ33" s="263">
        <v>24</v>
      </c>
    </row>
    <row r="34" spans="2:156" ht="21" customHeight="1" x14ac:dyDescent="0.2">
      <c r="B34" s="472" t="s">
        <v>32</v>
      </c>
      <c r="C34" s="257">
        <v>0</v>
      </c>
      <c r="D34" s="261">
        <v>0</v>
      </c>
      <c r="E34" s="358">
        <v>0</v>
      </c>
      <c r="F34" s="260">
        <v>0</v>
      </c>
      <c r="G34" s="261">
        <v>2</v>
      </c>
      <c r="H34" s="261">
        <v>2</v>
      </c>
      <c r="I34" s="261">
        <v>1</v>
      </c>
      <c r="J34" s="261">
        <v>1</v>
      </c>
      <c r="K34" s="261">
        <v>1</v>
      </c>
      <c r="L34" s="262">
        <v>7</v>
      </c>
      <c r="M34" s="263">
        <v>7</v>
      </c>
      <c r="N34" s="257">
        <v>0</v>
      </c>
      <c r="O34" s="261">
        <v>0</v>
      </c>
      <c r="P34" s="258">
        <v>0</v>
      </c>
      <c r="Q34" s="260">
        <v>0</v>
      </c>
      <c r="R34" s="261">
        <v>0</v>
      </c>
      <c r="S34" s="261">
        <v>0</v>
      </c>
      <c r="T34" s="261">
        <v>0</v>
      </c>
      <c r="U34" s="261">
        <v>0</v>
      </c>
      <c r="V34" s="261">
        <v>1</v>
      </c>
      <c r="W34" s="258">
        <v>1</v>
      </c>
      <c r="X34" s="263">
        <v>1</v>
      </c>
      <c r="Y34" s="257">
        <v>0</v>
      </c>
      <c r="Z34" s="261">
        <v>1</v>
      </c>
      <c r="AA34" s="258">
        <v>1</v>
      </c>
      <c r="AB34" s="260">
        <v>0</v>
      </c>
      <c r="AC34" s="261">
        <v>2</v>
      </c>
      <c r="AD34" s="261">
        <v>3</v>
      </c>
      <c r="AE34" s="261">
        <v>2</v>
      </c>
      <c r="AF34" s="261">
        <v>0</v>
      </c>
      <c r="AG34" s="261">
        <v>0</v>
      </c>
      <c r="AH34" s="258">
        <v>7</v>
      </c>
      <c r="AI34" s="263">
        <v>8</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1</v>
      </c>
      <c r="AZ34" s="261">
        <v>2</v>
      </c>
      <c r="BA34" s="261">
        <v>3</v>
      </c>
      <c r="BB34" s="261">
        <v>2</v>
      </c>
      <c r="BC34" s="261">
        <v>2</v>
      </c>
      <c r="BD34" s="262">
        <v>10</v>
      </c>
      <c r="BE34" s="263">
        <v>10</v>
      </c>
      <c r="BF34" s="257">
        <v>0</v>
      </c>
      <c r="BG34" s="261">
        <v>0</v>
      </c>
      <c r="BH34" s="258">
        <v>0</v>
      </c>
      <c r="BI34" s="260">
        <v>0</v>
      </c>
      <c r="BJ34" s="261">
        <v>1</v>
      </c>
      <c r="BK34" s="261">
        <v>4</v>
      </c>
      <c r="BL34" s="261">
        <v>1</v>
      </c>
      <c r="BM34" s="261">
        <v>0</v>
      </c>
      <c r="BN34" s="261">
        <v>1</v>
      </c>
      <c r="BO34" s="258">
        <v>7</v>
      </c>
      <c r="BP34" s="263">
        <v>7</v>
      </c>
      <c r="BQ34" s="257">
        <v>0</v>
      </c>
      <c r="BR34" s="261">
        <v>0</v>
      </c>
      <c r="BS34" s="258">
        <v>0</v>
      </c>
      <c r="BT34" s="260">
        <v>0</v>
      </c>
      <c r="BU34" s="261">
        <v>1</v>
      </c>
      <c r="BV34" s="261">
        <v>2</v>
      </c>
      <c r="BW34" s="261">
        <v>0</v>
      </c>
      <c r="BX34" s="261">
        <v>0</v>
      </c>
      <c r="BY34" s="261">
        <v>1</v>
      </c>
      <c r="BZ34" s="258">
        <v>4</v>
      </c>
      <c r="CA34" s="263">
        <v>4</v>
      </c>
      <c r="CB34" s="257">
        <v>0</v>
      </c>
      <c r="CC34" s="261">
        <v>0</v>
      </c>
      <c r="CD34" s="258">
        <v>0</v>
      </c>
      <c r="CE34" s="260">
        <v>0</v>
      </c>
      <c r="CF34" s="261">
        <v>0</v>
      </c>
      <c r="CG34" s="261">
        <v>0</v>
      </c>
      <c r="CH34" s="261">
        <v>0</v>
      </c>
      <c r="CI34" s="261">
        <v>0</v>
      </c>
      <c r="CJ34" s="261">
        <v>1</v>
      </c>
      <c r="CK34" s="258">
        <v>1</v>
      </c>
      <c r="CL34" s="263">
        <v>1</v>
      </c>
      <c r="CM34" s="257">
        <v>0</v>
      </c>
      <c r="CN34" s="261">
        <v>0</v>
      </c>
      <c r="CO34" s="258">
        <v>0</v>
      </c>
      <c r="CP34" s="260">
        <v>0</v>
      </c>
      <c r="CQ34" s="261">
        <v>0</v>
      </c>
      <c r="CR34" s="261">
        <v>0</v>
      </c>
      <c r="CS34" s="261">
        <v>1</v>
      </c>
      <c r="CT34" s="261">
        <v>0</v>
      </c>
      <c r="CU34" s="261">
        <v>0</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5</v>
      </c>
      <c r="DY34" s="261">
        <v>9</v>
      </c>
      <c r="DZ34" s="261">
        <v>5</v>
      </c>
      <c r="EA34" s="261">
        <v>1</v>
      </c>
      <c r="EB34" s="261">
        <v>2</v>
      </c>
      <c r="EC34" s="258">
        <v>22</v>
      </c>
      <c r="ED34" s="263">
        <v>25</v>
      </c>
      <c r="EE34" s="257">
        <v>0</v>
      </c>
      <c r="EF34" s="261">
        <v>0</v>
      </c>
      <c r="EG34" s="258">
        <v>0</v>
      </c>
      <c r="EH34" s="260">
        <v>0</v>
      </c>
      <c r="EI34" s="261">
        <v>0</v>
      </c>
      <c r="EJ34" s="261">
        <v>2</v>
      </c>
      <c r="EK34" s="261">
        <v>1</v>
      </c>
      <c r="EL34" s="261">
        <v>1</v>
      </c>
      <c r="EM34" s="261">
        <v>2</v>
      </c>
      <c r="EN34" s="258">
        <v>6</v>
      </c>
      <c r="EO34" s="263">
        <v>6</v>
      </c>
      <c r="EP34" s="257">
        <v>0</v>
      </c>
      <c r="EQ34" s="261">
        <v>3</v>
      </c>
      <c r="ER34" s="258">
        <v>3</v>
      </c>
      <c r="ES34" s="260">
        <v>0</v>
      </c>
      <c r="ET34" s="261">
        <v>7</v>
      </c>
      <c r="EU34" s="261">
        <v>11</v>
      </c>
      <c r="EV34" s="261">
        <v>6</v>
      </c>
      <c r="EW34" s="261">
        <v>1</v>
      </c>
      <c r="EX34" s="261">
        <v>2</v>
      </c>
      <c r="EY34" s="258">
        <v>27</v>
      </c>
      <c r="EZ34" s="263">
        <v>30</v>
      </c>
    </row>
    <row r="35" spans="2:156" ht="21" customHeight="1" x14ac:dyDescent="0.2">
      <c r="B35" s="472" t="s">
        <v>33</v>
      </c>
      <c r="C35" s="257">
        <v>0</v>
      </c>
      <c r="D35" s="261">
        <v>0</v>
      </c>
      <c r="E35" s="358">
        <v>0</v>
      </c>
      <c r="F35" s="260">
        <v>0</v>
      </c>
      <c r="G35" s="261">
        <v>1</v>
      </c>
      <c r="H35" s="261">
        <v>2</v>
      </c>
      <c r="I35" s="261">
        <v>1</v>
      </c>
      <c r="J35" s="261">
        <v>0</v>
      </c>
      <c r="K35" s="261">
        <v>0</v>
      </c>
      <c r="L35" s="262">
        <v>4</v>
      </c>
      <c r="M35" s="263">
        <v>4</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1</v>
      </c>
      <c r="AE35" s="261">
        <v>1</v>
      </c>
      <c r="AF35" s="261">
        <v>0</v>
      </c>
      <c r="AG35" s="261">
        <v>0</v>
      </c>
      <c r="AH35" s="258">
        <v>3</v>
      </c>
      <c r="AI35" s="263">
        <v>3</v>
      </c>
      <c r="AJ35" s="257">
        <v>2</v>
      </c>
      <c r="AK35" s="261">
        <v>1</v>
      </c>
      <c r="AL35" s="258">
        <v>3</v>
      </c>
      <c r="AM35" s="260">
        <v>0</v>
      </c>
      <c r="AN35" s="261">
        <v>1</v>
      </c>
      <c r="AO35" s="261">
        <v>0</v>
      </c>
      <c r="AP35" s="261">
        <v>2</v>
      </c>
      <c r="AQ35" s="261">
        <v>0</v>
      </c>
      <c r="AR35" s="261">
        <v>0</v>
      </c>
      <c r="AS35" s="258">
        <v>3</v>
      </c>
      <c r="AT35" s="263">
        <v>6</v>
      </c>
      <c r="AU35" s="257">
        <v>0</v>
      </c>
      <c r="AV35" s="261">
        <v>0</v>
      </c>
      <c r="AW35" s="258">
        <v>0</v>
      </c>
      <c r="AX35" s="260">
        <v>0</v>
      </c>
      <c r="AY35" s="261">
        <v>1</v>
      </c>
      <c r="AZ35" s="261">
        <v>1</v>
      </c>
      <c r="BA35" s="261">
        <v>1</v>
      </c>
      <c r="BB35" s="261">
        <v>1</v>
      </c>
      <c r="BC35" s="261">
        <v>0</v>
      </c>
      <c r="BD35" s="262">
        <v>4</v>
      </c>
      <c r="BE35" s="263">
        <v>4</v>
      </c>
      <c r="BF35" s="257">
        <v>0</v>
      </c>
      <c r="BG35" s="261">
        <v>0</v>
      </c>
      <c r="BH35" s="258">
        <v>0</v>
      </c>
      <c r="BI35" s="260">
        <v>0</v>
      </c>
      <c r="BJ35" s="261">
        <v>1</v>
      </c>
      <c r="BK35" s="261">
        <v>0</v>
      </c>
      <c r="BL35" s="261">
        <v>0</v>
      </c>
      <c r="BM35" s="261">
        <v>0</v>
      </c>
      <c r="BN35" s="261">
        <v>0</v>
      </c>
      <c r="BO35" s="258">
        <v>1</v>
      </c>
      <c r="BP35" s="263">
        <v>1</v>
      </c>
      <c r="BQ35" s="257">
        <v>0</v>
      </c>
      <c r="BR35" s="261">
        <v>0</v>
      </c>
      <c r="BS35" s="258">
        <v>0</v>
      </c>
      <c r="BT35" s="260">
        <v>0</v>
      </c>
      <c r="BU35" s="261">
        <v>2</v>
      </c>
      <c r="BV35" s="261">
        <v>1</v>
      </c>
      <c r="BW35" s="261">
        <v>0</v>
      </c>
      <c r="BX35" s="261">
        <v>0</v>
      </c>
      <c r="BY35" s="261">
        <v>0</v>
      </c>
      <c r="BZ35" s="258">
        <v>3</v>
      </c>
      <c r="CA35" s="263">
        <v>3</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0</v>
      </c>
      <c r="DV35" s="258">
        <v>1</v>
      </c>
      <c r="DW35" s="260">
        <v>0</v>
      </c>
      <c r="DX35" s="261">
        <v>4</v>
      </c>
      <c r="DY35" s="261">
        <v>2</v>
      </c>
      <c r="DZ35" s="261">
        <v>1</v>
      </c>
      <c r="EA35" s="261">
        <v>0</v>
      </c>
      <c r="EB35" s="261">
        <v>0</v>
      </c>
      <c r="EC35" s="258">
        <v>7</v>
      </c>
      <c r="ED35" s="263">
        <v>8</v>
      </c>
      <c r="EE35" s="257">
        <v>0</v>
      </c>
      <c r="EF35" s="261">
        <v>0</v>
      </c>
      <c r="EG35" s="258">
        <v>0</v>
      </c>
      <c r="EH35" s="260">
        <v>0</v>
      </c>
      <c r="EI35" s="261">
        <v>0</v>
      </c>
      <c r="EJ35" s="261">
        <v>1</v>
      </c>
      <c r="EK35" s="261">
        <v>0</v>
      </c>
      <c r="EL35" s="261">
        <v>1</v>
      </c>
      <c r="EM35" s="261">
        <v>0</v>
      </c>
      <c r="EN35" s="258">
        <v>2</v>
      </c>
      <c r="EO35" s="263">
        <v>2</v>
      </c>
      <c r="EP35" s="257">
        <v>2</v>
      </c>
      <c r="EQ35" s="261">
        <v>1</v>
      </c>
      <c r="ER35" s="258">
        <v>3</v>
      </c>
      <c r="ES35" s="260">
        <v>0</v>
      </c>
      <c r="ET35" s="261">
        <v>5</v>
      </c>
      <c r="EU35" s="261">
        <v>3</v>
      </c>
      <c r="EV35" s="261">
        <v>2</v>
      </c>
      <c r="EW35" s="261">
        <v>0</v>
      </c>
      <c r="EX35" s="261">
        <v>0</v>
      </c>
      <c r="EY35" s="258">
        <v>10</v>
      </c>
      <c r="EZ35" s="263">
        <v>13</v>
      </c>
    </row>
    <row r="36" spans="2:156"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0</v>
      </c>
      <c r="AG36" s="261">
        <v>0</v>
      </c>
      <c r="AH36" s="258">
        <v>2</v>
      </c>
      <c r="AI36" s="263">
        <v>2</v>
      </c>
      <c r="AJ36" s="257">
        <v>0</v>
      </c>
      <c r="AK36" s="261">
        <v>0</v>
      </c>
      <c r="AL36" s="258">
        <v>0</v>
      </c>
      <c r="AM36" s="260">
        <v>0</v>
      </c>
      <c r="AN36" s="261">
        <v>0</v>
      </c>
      <c r="AO36" s="261">
        <v>3</v>
      </c>
      <c r="AP36" s="261">
        <v>0</v>
      </c>
      <c r="AQ36" s="261">
        <v>0</v>
      </c>
      <c r="AR36" s="261">
        <v>0</v>
      </c>
      <c r="AS36" s="258">
        <v>3</v>
      </c>
      <c r="AT36" s="263">
        <v>3</v>
      </c>
      <c r="AU36" s="257">
        <v>0</v>
      </c>
      <c r="AV36" s="261">
        <v>0</v>
      </c>
      <c r="AW36" s="258">
        <v>0</v>
      </c>
      <c r="AX36" s="260">
        <v>0</v>
      </c>
      <c r="AY36" s="261">
        <v>0</v>
      </c>
      <c r="AZ36" s="261">
        <v>2</v>
      </c>
      <c r="BA36" s="261">
        <v>0</v>
      </c>
      <c r="BB36" s="261">
        <v>0</v>
      </c>
      <c r="BC36" s="261">
        <v>2</v>
      </c>
      <c r="BD36" s="262">
        <v>4</v>
      </c>
      <c r="BE36" s="263">
        <v>4</v>
      </c>
      <c r="BF36" s="257">
        <v>0</v>
      </c>
      <c r="BG36" s="261">
        <v>0</v>
      </c>
      <c r="BH36" s="258">
        <v>0</v>
      </c>
      <c r="BI36" s="260">
        <v>0</v>
      </c>
      <c r="BJ36" s="261">
        <v>0</v>
      </c>
      <c r="BK36" s="261">
        <v>2</v>
      </c>
      <c r="BL36" s="261">
        <v>0</v>
      </c>
      <c r="BM36" s="261">
        <v>1</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4</v>
      </c>
      <c r="DZ36" s="261">
        <v>0</v>
      </c>
      <c r="EA36" s="261">
        <v>1</v>
      </c>
      <c r="EB36" s="261">
        <v>0</v>
      </c>
      <c r="EC36" s="258">
        <v>6</v>
      </c>
      <c r="ED36" s="263">
        <v>7</v>
      </c>
      <c r="EE36" s="257">
        <v>0</v>
      </c>
      <c r="EF36" s="261">
        <v>0</v>
      </c>
      <c r="EG36" s="258">
        <v>0</v>
      </c>
      <c r="EH36" s="260">
        <v>0</v>
      </c>
      <c r="EI36" s="261">
        <v>0</v>
      </c>
      <c r="EJ36" s="261">
        <v>1</v>
      </c>
      <c r="EK36" s="261">
        <v>0</v>
      </c>
      <c r="EL36" s="261">
        <v>0</v>
      </c>
      <c r="EM36" s="261">
        <v>2</v>
      </c>
      <c r="EN36" s="258">
        <v>3</v>
      </c>
      <c r="EO36" s="263">
        <v>3</v>
      </c>
      <c r="EP36" s="257">
        <v>0</v>
      </c>
      <c r="EQ36" s="261">
        <v>1</v>
      </c>
      <c r="ER36" s="258">
        <v>1</v>
      </c>
      <c r="ES36" s="260">
        <v>0</v>
      </c>
      <c r="ET36" s="261">
        <v>2</v>
      </c>
      <c r="EU36" s="261">
        <v>6</v>
      </c>
      <c r="EV36" s="261">
        <v>0</v>
      </c>
      <c r="EW36" s="261">
        <v>1</v>
      </c>
      <c r="EX36" s="261">
        <v>0</v>
      </c>
      <c r="EY36" s="258">
        <v>9</v>
      </c>
      <c r="EZ36" s="263">
        <v>10</v>
      </c>
    </row>
    <row r="37" spans="2:156" ht="21" customHeight="1" x14ac:dyDescent="0.2">
      <c r="B37" s="472" t="s">
        <v>35</v>
      </c>
      <c r="C37" s="257">
        <v>0</v>
      </c>
      <c r="D37" s="261">
        <v>0</v>
      </c>
      <c r="E37" s="358">
        <v>0</v>
      </c>
      <c r="F37" s="260">
        <v>0</v>
      </c>
      <c r="G37" s="261">
        <v>4</v>
      </c>
      <c r="H37" s="261">
        <v>2</v>
      </c>
      <c r="I37" s="261">
        <v>0</v>
      </c>
      <c r="J37" s="261">
        <v>1</v>
      </c>
      <c r="K37" s="261">
        <v>1</v>
      </c>
      <c r="L37" s="262">
        <v>8</v>
      </c>
      <c r="M37" s="263">
        <v>8</v>
      </c>
      <c r="N37" s="257">
        <v>0</v>
      </c>
      <c r="O37" s="261">
        <v>0</v>
      </c>
      <c r="P37" s="258">
        <v>0</v>
      </c>
      <c r="Q37" s="260">
        <v>0</v>
      </c>
      <c r="R37" s="261">
        <v>0</v>
      </c>
      <c r="S37" s="261">
        <v>0</v>
      </c>
      <c r="T37" s="261">
        <v>0</v>
      </c>
      <c r="U37" s="261">
        <v>1</v>
      </c>
      <c r="V37" s="261">
        <v>2</v>
      </c>
      <c r="W37" s="258">
        <v>3</v>
      </c>
      <c r="X37" s="263">
        <v>3</v>
      </c>
      <c r="Y37" s="257">
        <v>0</v>
      </c>
      <c r="Z37" s="261">
        <v>0</v>
      </c>
      <c r="AA37" s="258">
        <v>0</v>
      </c>
      <c r="AB37" s="260">
        <v>0</v>
      </c>
      <c r="AC37" s="261">
        <v>2</v>
      </c>
      <c r="AD37" s="261">
        <v>1</v>
      </c>
      <c r="AE37" s="261">
        <v>1</v>
      </c>
      <c r="AF37" s="261">
        <v>0</v>
      </c>
      <c r="AG37" s="261">
        <v>1</v>
      </c>
      <c r="AH37" s="258">
        <v>5</v>
      </c>
      <c r="AI37" s="263">
        <v>5</v>
      </c>
      <c r="AJ37" s="257">
        <v>2</v>
      </c>
      <c r="AK37" s="261">
        <v>0</v>
      </c>
      <c r="AL37" s="258">
        <v>2</v>
      </c>
      <c r="AM37" s="260">
        <v>0</v>
      </c>
      <c r="AN37" s="261">
        <v>2</v>
      </c>
      <c r="AO37" s="261">
        <v>0</v>
      </c>
      <c r="AP37" s="261">
        <v>0</v>
      </c>
      <c r="AQ37" s="261">
        <v>0</v>
      </c>
      <c r="AR37" s="261">
        <v>1</v>
      </c>
      <c r="AS37" s="258">
        <v>3</v>
      </c>
      <c r="AT37" s="263">
        <v>5</v>
      </c>
      <c r="AU37" s="257">
        <v>1</v>
      </c>
      <c r="AV37" s="261">
        <v>1</v>
      </c>
      <c r="AW37" s="258">
        <v>2</v>
      </c>
      <c r="AX37" s="260">
        <v>0</v>
      </c>
      <c r="AY37" s="261">
        <v>11</v>
      </c>
      <c r="AZ37" s="261">
        <v>2</v>
      </c>
      <c r="BA37" s="261">
        <v>1</v>
      </c>
      <c r="BB37" s="261">
        <v>6</v>
      </c>
      <c r="BC37" s="261">
        <v>3</v>
      </c>
      <c r="BD37" s="262">
        <v>23</v>
      </c>
      <c r="BE37" s="263">
        <v>25</v>
      </c>
      <c r="BF37" s="257">
        <v>0</v>
      </c>
      <c r="BG37" s="261">
        <v>0</v>
      </c>
      <c r="BH37" s="258">
        <v>0</v>
      </c>
      <c r="BI37" s="260">
        <v>0</v>
      </c>
      <c r="BJ37" s="261">
        <v>6</v>
      </c>
      <c r="BK37" s="261">
        <v>4</v>
      </c>
      <c r="BL37" s="261">
        <v>2</v>
      </c>
      <c r="BM37" s="261">
        <v>0</v>
      </c>
      <c r="BN37" s="261">
        <v>0</v>
      </c>
      <c r="BO37" s="258">
        <v>12</v>
      </c>
      <c r="BP37" s="263">
        <v>12</v>
      </c>
      <c r="BQ37" s="257">
        <v>1</v>
      </c>
      <c r="BR37" s="261">
        <v>1</v>
      </c>
      <c r="BS37" s="258">
        <v>2</v>
      </c>
      <c r="BT37" s="260">
        <v>0</v>
      </c>
      <c r="BU37" s="261">
        <v>1</v>
      </c>
      <c r="BV37" s="261">
        <v>0</v>
      </c>
      <c r="BW37" s="261">
        <v>0</v>
      </c>
      <c r="BX37" s="261">
        <v>1</v>
      </c>
      <c r="BY37" s="261">
        <v>0</v>
      </c>
      <c r="BZ37" s="258">
        <v>2</v>
      </c>
      <c r="CA37" s="263">
        <v>4</v>
      </c>
      <c r="CB37" s="257">
        <v>0</v>
      </c>
      <c r="CC37" s="261">
        <v>0</v>
      </c>
      <c r="CD37" s="258">
        <v>0</v>
      </c>
      <c r="CE37" s="260">
        <v>0</v>
      </c>
      <c r="CF37" s="261">
        <v>0</v>
      </c>
      <c r="CG37" s="261">
        <v>1</v>
      </c>
      <c r="CH37" s="261">
        <v>0</v>
      </c>
      <c r="CI37" s="261">
        <v>0</v>
      </c>
      <c r="CJ37" s="261">
        <v>0</v>
      </c>
      <c r="CK37" s="258">
        <v>1</v>
      </c>
      <c r="CL37" s="263">
        <v>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1</v>
      </c>
      <c r="DV37" s="258">
        <v>1</v>
      </c>
      <c r="DW37" s="260">
        <v>0</v>
      </c>
      <c r="DX37" s="261">
        <v>9</v>
      </c>
      <c r="DY37" s="261">
        <v>6</v>
      </c>
      <c r="DZ37" s="261">
        <v>3</v>
      </c>
      <c r="EA37" s="261">
        <v>3</v>
      </c>
      <c r="EB37" s="261">
        <v>2</v>
      </c>
      <c r="EC37" s="258">
        <v>23</v>
      </c>
      <c r="ED37" s="263">
        <v>24</v>
      </c>
      <c r="EE37" s="257">
        <v>2</v>
      </c>
      <c r="EF37" s="261">
        <v>1</v>
      </c>
      <c r="EG37" s="258">
        <v>3</v>
      </c>
      <c r="EH37" s="260">
        <v>0</v>
      </c>
      <c r="EI37" s="261">
        <v>5</v>
      </c>
      <c r="EJ37" s="261">
        <v>0</v>
      </c>
      <c r="EK37" s="261">
        <v>0</v>
      </c>
      <c r="EL37" s="261">
        <v>4</v>
      </c>
      <c r="EM37" s="261">
        <v>1</v>
      </c>
      <c r="EN37" s="258">
        <v>10</v>
      </c>
      <c r="EO37" s="263">
        <v>13</v>
      </c>
      <c r="EP37" s="257">
        <v>3</v>
      </c>
      <c r="EQ37" s="261">
        <v>2</v>
      </c>
      <c r="ER37" s="258">
        <v>5</v>
      </c>
      <c r="ES37" s="260">
        <v>0</v>
      </c>
      <c r="ET37" s="261">
        <v>15</v>
      </c>
      <c r="EU37" s="261">
        <v>6</v>
      </c>
      <c r="EV37" s="261">
        <v>4</v>
      </c>
      <c r="EW37" s="261">
        <v>3</v>
      </c>
      <c r="EX37" s="261">
        <v>2</v>
      </c>
      <c r="EY37" s="258">
        <v>30</v>
      </c>
      <c r="EZ37" s="263">
        <v>35</v>
      </c>
    </row>
    <row r="38" spans="2:156" ht="21" customHeight="1" x14ac:dyDescent="0.2">
      <c r="B38" s="472" t="s">
        <v>36</v>
      </c>
      <c r="C38" s="257">
        <v>0</v>
      </c>
      <c r="D38" s="261">
        <v>0</v>
      </c>
      <c r="E38" s="358">
        <v>0</v>
      </c>
      <c r="F38" s="260">
        <v>0</v>
      </c>
      <c r="G38" s="261">
        <v>1</v>
      </c>
      <c r="H38" s="261">
        <v>1</v>
      </c>
      <c r="I38" s="261">
        <v>1</v>
      </c>
      <c r="J38" s="261">
        <v>1</v>
      </c>
      <c r="K38" s="261">
        <v>2</v>
      </c>
      <c r="L38" s="262">
        <v>6</v>
      </c>
      <c r="M38" s="263">
        <v>6</v>
      </c>
      <c r="N38" s="257">
        <v>0</v>
      </c>
      <c r="O38" s="261">
        <v>0</v>
      </c>
      <c r="P38" s="258">
        <v>0</v>
      </c>
      <c r="Q38" s="260">
        <v>0</v>
      </c>
      <c r="R38" s="261">
        <v>0</v>
      </c>
      <c r="S38" s="261">
        <v>0</v>
      </c>
      <c r="T38" s="261">
        <v>0</v>
      </c>
      <c r="U38" s="261">
        <v>1</v>
      </c>
      <c r="V38" s="261">
        <v>0</v>
      </c>
      <c r="W38" s="258">
        <v>1</v>
      </c>
      <c r="X38" s="263">
        <v>1</v>
      </c>
      <c r="Y38" s="257">
        <v>0</v>
      </c>
      <c r="Z38" s="261">
        <v>1</v>
      </c>
      <c r="AA38" s="258">
        <v>1</v>
      </c>
      <c r="AB38" s="260">
        <v>0</v>
      </c>
      <c r="AC38" s="261">
        <v>3</v>
      </c>
      <c r="AD38" s="261">
        <v>0</v>
      </c>
      <c r="AE38" s="261">
        <v>0</v>
      </c>
      <c r="AF38" s="261">
        <v>0</v>
      </c>
      <c r="AG38" s="261">
        <v>1</v>
      </c>
      <c r="AH38" s="258">
        <v>4</v>
      </c>
      <c r="AI38" s="263">
        <v>5</v>
      </c>
      <c r="AJ38" s="257">
        <v>0</v>
      </c>
      <c r="AK38" s="261">
        <v>1</v>
      </c>
      <c r="AL38" s="258">
        <v>1</v>
      </c>
      <c r="AM38" s="260">
        <v>0</v>
      </c>
      <c r="AN38" s="261">
        <v>0</v>
      </c>
      <c r="AO38" s="261">
        <v>1</v>
      </c>
      <c r="AP38" s="261">
        <v>0</v>
      </c>
      <c r="AQ38" s="261">
        <v>0</v>
      </c>
      <c r="AR38" s="261">
        <v>0</v>
      </c>
      <c r="AS38" s="258">
        <v>1</v>
      </c>
      <c r="AT38" s="263">
        <v>2</v>
      </c>
      <c r="AU38" s="257">
        <v>0</v>
      </c>
      <c r="AV38" s="261">
        <v>0</v>
      </c>
      <c r="AW38" s="258">
        <v>0</v>
      </c>
      <c r="AX38" s="260">
        <v>0</v>
      </c>
      <c r="AY38" s="261">
        <v>1</v>
      </c>
      <c r="AZ38" s="261">
        <v>2</v>
      </c>
      <c r="BA38" s="261">
        <v>2</v>
      </c>
      <c r="BB38" s="261">
        <v>2</v>
      </c>
      <c r="BC38" s="261">
        <v>3</v>
      </c>
      <c r="BD38" s="262">
        <v>10</v>
      </c>
      <c r="BE38" s="263">
        <v>10</v>
      </c>
      <c r="BF38" s="257">
        <v>0</v>
      </c>
      <c r="BG38" s="261">
        <v>0</v>
      </c>
      <c r="BH38" s="258">
        <v>0</v>
      </c>
      <c r="BI38" s="260">
        <v>0</v>
      </c>
      <c r="BJ38" s="261">
        <v>2</v>
      </c>
      <c r="BK38" s="261">
        <v>1</v>
      </c>
      <c r="BL38" s="261">
        <v>1</v>
      </c>
      <c r="BM38" s="261">
        <v>0</v>
      </c>
      <c r="BN38" s="261">
        <v>1</v>
      </c>
      <c r="BO38" s="258">
        <v>5</v>
      </c>
      <c r="BP38" s="263">
        <v>5</v>
      </c>
      <c r="BQ38" s="257">
        <v>0</v>
      </c>
      <c r="BR38" s="261">
        <v>1</v>
      </c>
      <c r="BS38" s="258">
        <v>1</v>
      </c>
      <c r="BT38" s="260">
        <v>0</v>
      </c>
      <c r="BU38" s="261">
        <v>0</v>
      </c>
      <c r="BV38" s="261">
        <v>0</v>
      </c>
      <c r="BW38" s="261">
        <v>0</v>
      </c>
      <c r="BX38" s="261">
        <v>1</v>
      </c>
      <c r="BY38" s="261">
        <v>0</v>
      </c>
      <c r="BZ38" s="258">
        <v>1</v>
      </c>
      <c r="CA38" s="263">
        <v>2</v>
      </c>
      <c r="CB38" s="257">
        <v>0</v>
      </c>
      <c r="CC38" s="261">
        <v>0</v>
      </c>
      <c r="CD38" s="258">
        <v>0</v>
      </c>
      <c r="CE38" s="260">
        <v>0</v>
      </c>
      <c r="CF38" s="261">
        <v>0</v>
      </c>
      <c r="CG38" s="261">
        <v>1</v>
      </c>
      <c r="CH38" s="261">
        <v>1</v>
      </c>
      <c r="CI38" s="261">
        <v>0</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3</v>
      </c>
      <c r="DV38" s="258">
        <v>3</v>
      </c>
      <c r="DW38" s="260">
        <v>0</v>
      </c>
      <c r="DX38" s="261">
        <v>3</v>
      </c>
      <c r="DY38" s="261">
        <v>5</v>
      </c>
      <c r="DZ38" s="261">
        <v>1</v>
      </c>
      <c r="EA38" s="261">
        <v>4</v>
      </c>
      <c r="EB38" s="261">
        <v>1</v>
      </c>
      <c r="EC38" s="258">
        <v>14</v>
      </c>
      <c r="ED38" s="263">
        <v>17</v>
      </c>
      <c r="EE38" s="257">
        <v>0</v>
      </c>
      <c r="EF38" s="261">
        <v>0</v>
      </c>
      <c r="EG38" s="258">
        <v>0</v>
      </c>
      <c r="EH38" s="260">
        <v>0</v>
      </c>
      <c r="EI38" s="261">
        <v>1</v>
      </c>
      <c r="EJ38" s="261">
        <v>1</v>
      </c>
      <c r="EK38" s="261">
        <v>1</v>
      </c>
      <c r="EL38" s="261">
        <v>0</v>
      </c>
      <c r="EM38" s="261">
        <v>1</v>
      </c>
      <c r="EN38" s="258">
        <v>4</v>
      </c>
      <c r="EO38" s="263">
        <v>4</v>
      </c>
      <c r="EP38" s="257">
        <v>0</v>
      </c>
      <c r="EQ38" s="261">
        <v>5</v>
      </c>
      <c r="ER38" s="258">
        <v>5</v>
      </c>
      <c r="ES38" s="260">
        <v>0</v>
      </c>
      <c r="ET38" s="261">
        <v>10</v>
      </c>
      <c r="EU38" s="261">
        <v>6</v>
      </c>
      <c r="EV38" s="261">
        <v>3</v>
      </c>
      <c r="EW38" s="261">
        <v>4</v>
      </c>
      <c r="EX38" s="261">
        <v>3</v>
      </c>
      <c r="EY38" s="258">
        <v>26</v>
      </c>
      <c r="EZ38" s="263">
        <v>31</v>
      </c>
    </row>
    <row r="39" spans="2:156"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v>
      </c>
      <c r="AD39" s="268">
        <v>0</v>
      </c>
      <c r="AE39" s="268">
        <v>0</v>
      </c>
      <c r="AF39" s="268">
        <v>0</v>
      </c>
      <c r="AG39" s="268">
        <v>0</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0</v>
      </c>
      <c r="BD39" s="269">
        <v>1</v>
      </c>
      <c r="BE39" s="270">
        <v>1</v>
      </c>
      <c r="BF39" s="264">
        <v>0</v>
      </c>
      <c r="BG39" s="268">
        <v>0</v>
      </c>
      <c r="BH39" s="265">
        <v>0</v>
      </c>
      <c r="BI39" s="267">
        <v>0</v>
      </c>
      <c r="BJ39" s="268">
        <v>0</v>
      </c>
      <c r="BK39" s="268">
        <v>1</v>
      </c>
      <c r="BL39" s="268">
        <v>0</v>
      </c>
      <c r="BM39" s="268">
        <v>0</v>
      </c>
      <c r="BN39" s="268">
        <v>0</v>
      </c>
      <c r="BO39" s="265">
        <v>1</v>
      </c>
      <c r="BP39" s="270">
        <v>1</v>
      </c>
      <c r="BQ39" s="264">
        <v>0</v>
      </c>
      <c r="BR39" s="268">
        <v>1</v>
      </c>
      <c r="BS39" s="265">
        <v>1</v>
      </c>
      <c r="BT39" s="267">
        <v>0</v>
      </c>
      <c r="BU39" s="268">
        <v>0</v>
      </c>
      <c r="BV39" s="268">
        <v>0</v>
      </c>
      <c r="BW39" s="268">
        <v>0</v>
      </c>
      <c r="BX39" s="268">
        <v>0</v>
      </c>
      <c r="BY39" s="268">
        <v>0</v>
      </c>
      <c r="BZ39" s="265">
        <v>0</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1</v>
      </c>
      <c r="DV39" s="265">
        <v>1</v>
      </c>
      <c r="DW39" s="267">
        <v>0</v>
      </c>
      <c r="DX39" s="268">
        <v>0</v>
      </c>
      <c r="DY39" s="268">
        <v>1</v>
      </c>
      <c r="DZ39" s="268">
        <v>0</v>
      </c>
      <c r="EA39" s="268">
        <v>0</v>
      </c>
      <c r="EB39" s="268">
        <v>0</v>
      </c>
      <c r="EC39" s="265">
        <v>1</v>
      </c>
      <c r="ED39" s="270">
        <v>2</v>
      </c>
      <c r="EE39" s="264">
        <v>0</v>
      </c>
      <c r="EF39" s="268">
        <v>0</v>
      </c>
      <c r="EG39" s="265">
        <v>0</v>
      </c>
      <c r="EH39" s="267">
        <v>0</v>
      </c>
      <c r="EI39" s="268">
        <v>0</v>
      </c>
      <c r="EJ39" s="268">
        <v>0</v>
      </c>
      <c r="EK39" s="268">
        <v>0</v>
      </c>
      <c r="EL39" s="268">
        <v>1</v>
      </c>
      <c r="EM39" s="268">
        <v>0</v>
      </c>
      <c r="EN39" s="265">
        <v>1</v>
      </c>
      <c r="EO39" s="270">
        <v>1</v>
      </c>
      <c r="EP39" s="264">
        <v>0</v>
      </c>
      <c r="EQ39" s="268">
        <v>1</v>
      </c>
      <c r="ER39" s="265">
        <v>1</v>
      </c>
      <c r="ES39" s="267">
        <v>0</v>
      </c>
      <c r="ET39" s="268">
        <v>1</v>
      </c>
      <c r="EU39" s="268">
        <v>1</v>
      </c>
      <c r="EV39" s="268">
        <v>0</v>
      </c>
      <c r="EW39" s="268">
        <v>0</v>
      </c>
      <c r="EX39" s="268">
        <v>0</v>
      </c>
      <c r="EY39" s="265">
        <v>2</v>
      </c>
      <c r="EZ39" s="270">
        <v>3</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8</v>
      </c>
      <c r="L1" s="504">
        <f>IF(K1&lt;3,K1+12-2,K1-2)</f>
        <v>6</v>
      </c>
      <c r="M1" s="504"/>
    </row>
    <row r="2" spans="2:156" ht="24" customHeight="1" thickBot="1" x14ac:dyDescent="0.25">
      <c r="B2" s="271" t="s">
        <v>153</v>
      </c>
      <c r="G2" s="234"/>
      <c r="H2" s="235"/>
      <c r="J2" s="326"/>
      <c r="K2" s="326"/>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327" t="s">
        <v>43</v>
      </c>
      <c r="D5" s="243" t="s">
        <v>161</v>
      </c>
      <c r="E5" s="356" t="s">
        <v>45</v>
      </c>
      <c r="F5" s="248" t="s">
        <v>83</v>
      </c>
      <c r="G5" s="243" t="s">
        <v>47</v>
      </c>
      <c r="H5" s="243" t="s">
        <v>48</v>
      </c>
      <c r="I5" s="243" t="s">
        <v>49</v>
      </c>
      <c r="J5" s="243" t="s">
        <v>50</v>
      </c>
      <c r="K5" s="243" t="s">
        <v>51</v>
      </c>
      <c r="L5" s="249" t="s">
        <v>45</v>
      </c>
      <c r="M5" s="506"/>
      <c r="N5" s="327" t="s">
        <v>43</v>
      </c>
      <c r="O5" s="243" t="s">
        <v>44</v>
      </c>
      <c r="P5" s="246" t="s">
        <v>45</v>
      </c>
      <c r="Q5" s="248" t="s">
        <v>83</v>
      </c>
      <c r="R5" s="243" t="s">
        <v>47</v>
      </c>
      <c r="S5" s="243" t="s">
        <v>48</v>
      </c>
      <c r="T5" s="243" t="s">
        <v>49</v>
      </c>
      <c r="U5" s="243" t="s">
        <v>50</v>
      </c>
      <c r="V5" s="243" t="s">
        <v>51</v>
      </c>
      <c r="W5" s="246" t="s">
        <v>45</v>
      </c>
      <c r="X5" s="506"/>
      <c r="Y5" s="327" t="s">
        <v>43</v>
      </c>
      <c r="Z5" s="243" t="s">
        <v>44</v>
      </c>
      <c r="AA5" s="246"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6" t="s">
        <v>45</v>
      </c>
      <c r="AX5" s="248" t="s">
        <v>83</v>
      </c>
      <c r="AY5" s="243" t="s">
        <v>47</v>
      </c>
      <c r="AZ5" s="243" t="s">
        <v>48</v>
      </c>
      <c r="BA5" s="243" t="s">
        <v>49</v>
      </c>
      <c r="BB5" s="243" t="s">
        <v>50</v>
      </c>
      <c r="BC5" s="243" t="s">
        <v>51</v>
      </c>
      <c r="BD5" s="249" t="s">
        <v>45</v>
      </c>
      <c r="BE5" s="506"/>
      <c r="BF5" s="327" t="s">
        <v>43</v>
      </c>
      <c r="BG5" s="243" t="s">
        <v>44</v>
      </c>
      <c r="BH5" s="246" t="s">
        <v>45</v>
      </c>
      <c r="BI5" s="248" t="s">
        <v>83</v>
      </c>
      <c r="BJ5" s="243" t="s">
        <v>47</v>
      </c>
      <c r="BK5" s="243" t="s">
        <v>48</v>
      </c>
      <c r="BL5" s="243" t="s">
        <v>49</v>
      </c>
      <c r="BM5" s="243" t="s">
        <v>50</v>
      </c>
      <c r="BN5" s="243" t="s">
        <v>51</v>
      </c>
      <c r="BO5" s="246" t="s">
        <v>45</v>
      </c>
      <c r="BP5" s="506"/>
      <c r="BQ5" s="327" t="s">
        <v>43</v>
      </c>
      <c r="BR5" s="243" t="s">
        <v>44</v>
      </c>
      <c r="BS5" s="246" t="s">
        <v>45</v>
      </c>
      <c r="BT5" s="248" t="s">
        <v>83</v>
      </c>
      <c r="BU5" s="243" t="s">
        <v>47</v>
      </c>
      <c r="BV5" s="243" t="s">
        <v>48</v>
      </c>
      <c r="BW5" s="243" t="s">
        <v>49</v>
      </c>
      <c r="BX5" s="243" t="s">
        <v>50</v>
      </c>
      <c r="BY5" s="243" t="s">
        <v>51</v>
      </c>
      <c r="BZ5" s="246" t="s">
        <v>45</v>
      </c>
      <c r="CA5" s="506"/>
      <c r="CB5" s="327" t="s">
        <v>43</v>
      </c>
      <c r="CC5" s="243" t="s">
        <v>44</v>
      </c>
      <c r="CD5" s="246" t="s">
        <v>45</v>
      </c>
      <c r="CE5" s="248" t="s">
        <v>83</v>
      </c>
      <c r="CF5" s="243" t="s">
        <v>47</v>
      </c>
      <c r="CG5" s="243" t="s">
        <v>48</v>
      </c>
      <c r="CH5" s="243" t="s">
        <v>49</v>
      </c>
      <c r="CI5" s="243" t="s">
        <v>50</v>
      </c>
      <c r="CJ5" s="243" t="s">
        <v>51</v>
      </c>
      <c r="CK5" s="246" t="s">
        <v>45</v>
      </c>
      <c r="CL5" s="506"/>
      <c r="CM5" s="327" t="s">
        <v>43</v>
      </c>
      <c r="CN5" s="243" t="s">
        <v>44</v>
      </c>
      <c r="CO5" s="246" t="s">
        <v>45</v>
      </c>
      <c r="CP5" s="248" t="s">
        <v>83</v>
      </c>
      <c r="CQ5" s="243" t="s">
        <v>47</v>
      </c>
      <c r="CR5" s="243" t="s">
        <v>48</v>
      </c>
      <c r="CS5" s="243" t="s">
        <v>49</v>
      </c>
      <c r="CT5" s="243" t="s">
        <v>50</v>
      </c>
      <c r="CU5" s="243" t="s">
        <v>51</v>
      </c>
      <c r="CV5" s="246" t="s">
        <v>45</v>
      </c>
      <c r="CW5" s="506"/>
      <c r="CX5" s="327" t="s">
        <v>43</v>
      </c>
      <c r="CY5" s="243" t="s">
        <v>44</v>
      </c>
      <c r="CZ5" s="246" t="s">
        <v>45</v>
      </c>
      <c r="DA5" s="248" t="s">
        <v>83</v>
      </c>
      <c r="DB5" s="243" t="s">
        <v>47</v>
      </c>
      <c r="DC5" s="243" t="s">
        <v>48</v>
      </c>
      <c r="DD5" s="243" t="s">
        <v>49</v>
      </c>
      <c r="DE5" s="243" t="s">
        <v>50</v>
      </c>
      <c r="DF5" s="243" t="s">
        <v>51</v>
      </c>
      <c r="DG5" s="246" t="s">
        <v>45</v>
      </c>
      <c r="DH5" s="506"/>
      <c r="DI5" s="327" t="s">
        <v>43</v>
      </c>
      <c r="DJ5" s="243" t="s">
        <v>44</v>
      </c>
      <c r="DK5" s="246" t="s">
        <v>45</v>
      </c>
      <c r="DL5" s="248" t="s">
        <v>83</v>
      </c>
      <c r="DM5" s="243" t="s">
        <v>47</v>
      </c>
      <c r="DN5" s="243" t="s">
        <v>48</v>
      </c>
      <c r="DO5" s="243" t="s">
        <v>49</v>
      </c>
      <c r="DP5" s="243" t="s">
        <v>50</v>
      </c>
      <c r="DQ5" s="243" t="s">
        <v>51</v>
      </c>
      <c r="DR5" s="246" t="s">
        <v>45</v>
      </c>
      <c r="DS5" s="506"/>
      <c r="DT5" s="327" t="s">
        <v>43</v>
      </c>
      <c r="DU5" s="243" t="s">
        <v>44</v>
      </c>
      <c r="DV5" s="246" t="s">
        <v>45</v>
      </c>
      <c r="DW5" s="248" t="s">
        <v>83</v>
      </c>
      <c r="DX5" s="243" t="s">
        <v>47</v>
      </c>
      <c r="DY5" s="243" t="s">
        <v>48</v>
      </c>
      <c r="DZ5" s="243" t="s">
        <v>49</v>
      </c>
      <c r="EA5" s="243" t="s">
        <v>50</v>
      </c>
      <c r="EB5" s="243" t="s">
        <v>51</v>
      </c>
      <c r="EC5" s="246" t="s">
        <v>45</v>
      </c>
      <c r="ED5" s="506"/>
      <c r="EE5" s="327" t="s">
        <v>43</v>
      </c>
      <c r="EF5" s="243" t="s">
        <v>44</v>
      </c>
      <c r="EG5" s="246" t="s">
        <v>45</v>
      </c>
      <c r="EH5" s="248" t="s">
        <v>83</v>
      </c>
      <c r="EI5" s="243" t="s">
        <v>47</v>
      </c>
      <c r="EJ5" s="243" t="s">
        <v>48</v>
      </c>
      <c r="EK5" s="243" t="s">
        <v>49</v>
      </c>
      <c r="EL5" s="243" t="s">
        <v>50</v>
      </c>
      <c r="EM5" s="243" t="s">
        <v>51</v>
      </c>
      <c r="EN5" s="246" t="s">
        <v>45</v>
      </c>
      <c r="EO5" s="506"/>
      <c r="EP5" s="327"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190</v>
      </c>
      <c r="H6" s="254">
        <v>1290</v>
      </c>
      <c r="I6" s="254">
        <v>701</v>
      </c>
      <c r="J6" s="254">
        <v>592</v>
      </c>
      <c r="K6" s="254">
        <v>452</v>
      </c>
      <c r="L6" s="255">
        <v>4225</v>
      </c>
      <c r="M6" s="256">
        <v>4225</v>
      </c>
      <c r="N6" s="250">
        <v>0</v>
      </c>
      <c r="O6" s="254">
        <v>2</v>
      </c>
      <c r="P6" s="251">
        <v>2</v>
      </c>
      <c r="Q6" s="253">
        <v>0</v>
      </c>
      <c r="R6" s="254">
        <v>12</v>
      </c>
      <c r="S6" s="254">
        <v>39</v>
      </c>
      <c r="T6" s="254">
        <v>50</v>
      </c>
      <c r="U6" s="254">
        <v>136</v>
      </c>
      <c r="V6" s="254">
        <v>240</v>
      </c>
      <c r="W6" s="251">
        <v>477</v>
      </c>
      <c r="X6" s="256">
        <v>479</v>
      </c>
      <c r="Y6" s="250">
        <v>229</v>
      </c>
      <c r="Z6" s="254">
        <v>472</v>
      </c>
      <c r="AA6" s="251">
        <v>701</v>
      </c>
      <c r="AB6" s="253">
        <v>0</v>
      </c>
      <c r="AC6" s="254">
        <v>961</v>
      </c>
      <c r="AD6" s="254">
        <v>1219</v>
      </c>
      <c r="AE6" s="254">
        <v>744</v>
      </c>
      <c r="AF6" s="254">
        <v>626</v>
      </c>
      <c r="AG6" s="254">
        <v>440</v>
      </c>
      <c r="AH6" s="251">
        <v>3990</v>
      </c>
      <c r="AI6" s="256">
        <v>4691</v>
      </c>
      <c r="AJ6" s="250">
        <v>20</v>
      </c>
      <c r="AK6" s="254">
        <v>59</v>
      </c>
      <c r="AL6" s="251">
        <v>79</v>
      </c>
      <c r="AM6" s="253">
        <v>0</v>
      </c>
      <c r="AN6" s="254">
        <v>104</v>
      </c>
      <c r="AO6" s="254">
        <v>156</v>
      </c>
      <c r="AP6" s="254">
        <v>95</v>
      </c>
      <c r="AQ6" s="254">
        <v>87</v>
      </c>
      <c r="AR6" s="254">
        <v>45</v>
      </c>
      <c r="AS6" s="251">
        <v>487</v>
      </c>
      <c r="AT6" s="256">
        <v>566</v>
      </c>
      <c r="AU6" s="250">
        <v>299</v>
      </c>
      <c r="AV6" s="254">
        <v>359</v>
      </c>
      <c r="AW6" s="251">
        <v>658</v>
      </c>
      <c r="AX6" s="253">
        <v>0</v>
      </c>
      <c r="AY6" s="254">
        <v>1268</v>
      </c>
      <c r="AZ6" s="254">
        <v>1601</v>
      </c>
      <c r="BA6" s="254">
        <v>1374</v>
      </c>
      <c r="BB6" s="254">
        <v>1491</v>
      </c>
      <c r="BC6" s="254">
        <v>1053</v>
      </c>
      <c r="BD6" s="255">
        <v>6787</v>
      </c>
      <c r="BE6" s="256">
        <v>7445</v>
      </c>
      <c r="BF6" s="250">
        <v>0</v>
      </c>
      <c r="BG6" s="254">
        <v>0</v>
      </c>
      <c r="BH6" s="251">
        <v>0</v>
      </c>
      <c r="BI6" s="253">
        <v>0</v>
      </c>
      <c r="BJ6" s="254">
        <v>1392</v>
      </c>
      <c r="BK6" s="254">
        <v>1203</v>
      </c>
      <c r="BL6" s="254">
        <v>628</v>
      </c>
      <c r="BM6" s="254">
        <v>342</v>
      </c>
      <c r="BN6" s="254">
        <v>156</v>
      </c>
      <c r="BO6" s="251">
        <v>3721</v>
      </c>
      <c r="BP6" s="256">
        <v>3721</v>
      </c>
      <c r="BQ6" s="250">
        <v>110</v>
      </c>
      <c r="BR6" s="254">
        <v>177</v>
      </c>
      <c r="BS6" s="251">
        <v>287</v>
      </c>
      <c r="BT6" s="253">
        <v>0</v>
      </c>
      <c r="BU6" s="254">
        <v>349</v>
      </c>
      <c r="BV6" s="254">
        <v>489</v>
      </c>
      <c r="BW6" s="254">
        <v>271</v>
      </c>
      <c r="BX6" s="254">
        <v>208</v>
      </c>
      <c r="BY6" s="254">
        <v>81</v>
      </c>
      <c r="BZ6" s="251">
        <v>1398</v>
      </c>
      <c r="CA6" s="256">
        <v>1685</v>
      </c>
      <c r="CB6" s="250">
        <v>5</v>
      </c>
      <c r="CC6" s="254">
        <v>17</v>
      </c>
      <c r="CD6" s="251">
        <v>22</v>
      </c>
      <c r="CE6" s="253">
        <v>0</v>
      </c>
      <c r="CF6" s="254">
        <v>148</v>
      </c>
      <c r="CG6" s="254">
        <v>220</v>
      </c>
      <c r="CH6" s="254">
        <v>247</v>
      </c>
      <c r="CI6" s="254">
        <v>196</v>
      </c>
      <c r="CJ6" s="254">
        <v>89</v>
      </c>
      <c r="CK6" s="251">
        <v>900</v>
      </c>
      <c r="CL6" s="256">
        <v>922</v>
      </c>
      <c r="CM6" s="250">
        <v>1</v>
      </c>
      <c r="CN6" s="254">
        <v>5</v>
      </c>
      <c r="CO6" s="251">
        <v>6</v>
      </c>
      <c r="CP6" s="253">
        <v>0</v>
      </c>
      <c r="CQ6" s="254">
        <v>27</v>
      </c>
      <c r="CR6" s="254">
        <v>55</v>
      </c>
      <c r="CS6" s="254">
        <v>51</v>
      </c>
      <c r="CT6" s="254">
        <v>45</v>
      </c>
      <c r="CU6" s="254">
        <v>26</v>
      </c>
      <c r="CV6" s="251">
        <v>204</v>
      </c>
      <c r="CW6" s="256">
        <v>210</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35</v>
      </c>
      <c r="DU6" s="254">
        <v>1290</v>
      </c>
      <c r="DV6" s="251">
        <v>1925</v>
      </c>
      <c r="DW6" s="253">
        <v>0</v>
      </c>
      <c r="DX6" s="254">
        <v>1678</v>
      </c>
      <c r="DY6" s="254">
        <v>2805</v>
      </c>
      <c r="DZ6" s="254">
        <v>1668</v>
      </c>
      <c r="EA6" s="254">
        <v>1305</v>
      </c>
      <c r="EB6" s="254">
        <v>807</v>
      </c>
      <c r="EC6" s="251">
        <v>8263</v>
      </c>
      <c r="ED6" s="256">
        <v>10188</v>
      </c>
      <c r="EE6" s="250">
        <v>198</v>
      </c>
      <c r="EF6" s="254">
        <v>152</v>
      </c>
      <c r="EG6" s="251">
        <v>350</v>
      </c>
      <c r="EH6" s="253">
        <v>0</v>
      </c>
      <c r="EI6" s="254">
        <v>620</v>
      </c>
      <c r="EJ6" s="254">
        <v>668</v>
      </c>
      <c r="EK6" s="254">
        <v>565</v>
      </c>
      <c r="EL6" s="254">
        <v>695</v>
      </c>
      <c r="EM6" s="254">
        <v>382</v>
      </c>
      <c r="EN6" s="251">
        <v>2930</v>
      </c>
      <c r="EO6" s="256">
        <v>3280</v>
      </c>
      <c r="EP6" s="250">
        <v>915</v>
      </c>
      <c r="EQ6" s="254">
        <v>1692</v>
      </c>
      <c r="ER6" s="251">
        <v>2607</v>
      </c>
      <c r="ES6" s="253">
        <v>0</v>
      </c>
      <c r="ET6" s="254">
        <v>3869</v>
      </c>
      <c r="EU6" s="254">
        <v>3959</v>
      </c>
      <c r="EV6" s="254">
        <v>2041</v>
      </c>
      <c r="EW6" s="254">
        <v>1411</v>
      </c>
      <c r="EX6" s="254">
        <v>836</v>
      </c>
      <c r="EY6" s="251">
        <v>12116</v>
      </c>
      <c r="EZ6" s="256">
        <v>14723</v>
      </c>
    </row>
    <row r="7" spans="2:156" ht="21" customHeight="1" x14ac:dyDescent="0.2">
      <c r="B7" s="471" t="s">
        <v>5</v>
      </c>
      <c r="C7" s="257">
        <v>0</v>
      </c>
      <c r="D7" s="261">
        <v>0</v>
      </c>
      <c r="E7" s="358">
        <v>0</v>
      </c>
      <c r="F7" s="260">
        <v>0</v>
      </c>
      <c r="G7" s="261">
        <v>458</v>
      </c>
      <c r="H7" s="261">
        <v>692</v>
      </c>
      <c r="I7" s="261">
        <v>306</v>
      </c>
      <c r="J7" s="261">
        <v>259</v>
      </c>
      <c r="K7" s="261">
        <v>193</v>
      </c>
      <c r="L7" s="262">
        <v>1908</v>
      </c>
      <c r="M7" s="263">
        <v>1908</v>
      </c>
      <c r="N7" s="257">
        <v>0</v>
      </c>
      <c r="O7" s="261">
        <v>2</v>
      </c>
      <c r="P7" s="258">
        <v>2</v>
      </c>
      <c r="Q7" s="260">
        <v>0</v>
      </c>
      <c r="R7" s="261">
        <v>3</v>
      </c>
      <c r="S7" s="261">
        <v>13</v>
      </c>
      <c r="T7" s="261">
        <v>27</v>
      </c>
      <c r="U7" s="261">
        <v>54</v>
      </c>
      <c r="V7" s="261">
        <v>108</v>
      </c>
      <c r="W7" s="258">
        <v>205</v>
      </c>
      <c r="X7" s="263">
        <v>207</v>
      </c>
      <c r="Y7" s="257">
        <v>119</v>
      </c>
      <c r="Z7" s="261">
        <v>243</v>
      </c>
      <c r="AA7" s="258">
        <v>362</v>
      </c>
      <c r="AB7" s="260">
        <v>0</v>
      </c>
      <c r="AC7" s="261">
        <v>346</v>
      </c>
      <c r="AD7" s="261">
        <v>672</v>
      </c>
      <c r="AE7" s="261">
        <v>355</v>
      </c>
      <c r="AF7" s="261">
        <v>295</v>
      </c>
      <c r="AG7" s="261">
        <v>201</v>
      </c>
      <c r="AH7" s="258">
        <v>1869</v>
      </c>
      <c r="AI7" s="263">
        <v>2231</v>
      </c>
      <c r="AJ7" s="257">
        <v>7</v>
      </c>
      <c r="AK7" s="261">
        <v>39</v>
      </c>
      <c r="AL7" s="258">
        <v>46</v>
      </c>
      <c r="AM7" s="260">
        <v>0</v>
      </c>
      <c r="AN7" s="261">
        <v>34</v>
      </c>
      <c r="AO7" s="261">
        <v>73</v>
      </c>
      <c r="AP7" s="261">
        <v>37</v>
      </c>
      <c r="AQ7" s="261">
        <v>40</v>
      </c>
      <c r="AR7" s="261">
        <v>16</v>
      </c>
      <c r="AS7" s="258">
        <v>200</v>
      </c>
      <c r="AT7" s="263">
        <v>246</v>
      </c>
      <c r="AU7" s="257">
        <v>133</v>
      </c>
      <c r="AV7" s="261">
        <v>194</v>
      </c>
      <c r="AW7" s="258">
        <v>327</v>
      </c>
      <c r="AX7" s="260">
        <v>0</v>
      </c>
      <c r="AY7" s="261">
        <v>503</v>
      </c>
      <c r="AZ7" s="261">
        <v>801</v>
      </c>
      <c r="BA7" s="261">
        <v>621</v>
      </c>
      <c r="BB7" s="261">
        <v>680</v>
      </c>
      <c r="BC7" s="261">
        <v>461</v>
      </c>
      <c r="BD7" s="262">
        <v>3066</v>
      </c>
      <c r="BE7" s="263">
        <v>3393</v>
      </c>
      <c r="BF7" s="257">
        <v>0</v>
      </c>
      <c r="BG7" s="261">
        <v>0</v>
      </c>
      <c r="BH7" s="258">
        <v>0</v>
      </c>
      <c r="BI7" s="260">
        <v>0</v>
      </c>
      <c r="BJ7" s="261">
        <v>480</v>
      </c>
      <c r="BK7" s="261">
        <v>508</v>
      </c>
      <c r="BL7" s="261">
        <v>252</v>
      </c>
      <c r="BM7" s="261">
        <v>123</v>
      </c>
      <c r="BN7" s="261">
        <v>66</v>
      </c>
      <c r="BO7" s="258">
        <v>1429</v>
      </c>
      <c r="BP7" s="263">
        <v>1429</v>
      </c>
      <c r="BQ7" s="257">
        <v>51</v>
      </c>
      <c r="BR7" s="261">
        <v>91</v>
      </c>
      <c r="BS7" s="258">
        <v>142</v>
      </c>
      <c r="BT7" s="260">
        <v>0</v>
      </c>
      <c r="BU7" s="261">
        <v>120</v>
      </c>
      <c r="BV7" s="261">
        <v>238</v>
      </c>
      <c r="BW7" s="261">
        <v>124</v>
      </c>
      <c r="BX7" s="261">
        <v>88</v>
      </c>
      <c r="BY7" s="261">
        <v>43</v>
      </c>
      <c r="BZ7" s="258">
        <v>613</v>
      </c>
      <c r="CA7" s="263">
        <v>755</v>
      </c>
      <c r="CB7" s="257">
        <v>2</v>
      </c>
      <c r="CC7" s="261">
        <v>5</v>
      </c>
      <c r="CD7" s="258">
        <v>7</v>
      </c>
      <c r="CE7" s="260">
        <v>0</v>
      </c>
      <c r="CF7" s="261">
        <v>51</v>
      </c>
      <c r="CG7" s="261">
        <v>92</v>
      </c>
      <c r="CH7" s="261">
        <v>100</v>
      </c>
      <c r="CI7" s="261">
        <v>77</v>
      </c>
      <c r="CJ7" s="261">
        <v>38</v>
      </c>
      <c r="CK7" s="258">
        <v>358</v>
      </c>
      <c r="CL7" s="263">
        <v>365</v>
      </c>
      <c r="CM7" s="257">
        <v>1</v>
      </c>
      <c r="CN7" s="261">
        <v>5</v>
      </c>
      <c r="CO7" s="258">
        <v>6</v>
      </c>
      <c r="CP7" s="260">
        <v>0</v>
      </c>
      <c r="CQ7" s="261">
        <v>10</v>
      </c>
      <c r="CR7" s="261">
        <v>32</v>
      </c>
      <c r="CS7" s="261">
        <v>34</v>
      </c>
      <c r="CT7" s="261">
        <v>25</v>
      </c>
      <c r="CU7" s="261">
        <v>16</v>
      </c>
      <c r="CV7" s="258">
        <v>117</v>
      </c>
      <c r="CW7" s="263">
        <v>123</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39</v>
      </c>
      <c r="DU7" s="261">
        <v>590</v>
      </c>
      <c r="DV7" s="258">
        <v>829</v>
      </c>
      <c r="DW7" s="260">
        <v>0</v>
      </c>
      <c r="DX7" s="261">
        <v>517</v>
      </c>
      <c r="DY7" s="261">
        <v>1334</v>
      </c>
      <c r="DZ7" s="261">
        <v>711</v>
      </c>
      <c r="EA7" s="261">
        <v>563</v>
      </c>
      <c r="EB7" s="261">
        <v>353</v>
      </c>
      <c r="EC7" s="258">
        <v>3478</v>
      </c>
      <c r="ED7" s="263">
        <v>4307</v>
      </c>
      <c r="EE7" s="257">
        <v>90</v>
      </c>
      <c r="EF7" s="261">
        <v>75</v>
      </c>
      <c r="EG7" s="258">
        <v>165</v>
      </c>
      <c r="EH7" s="260">
        <v>0</v>
      </c>
      <c r="EI7" s="261">
        <v>263</v>
      </c>
      <c r="EJ7" s="261">
        <v>348</v>
      </c>
      <c r="EK7" s="261">
        <v>269</v>
      </c>
      <c r="EL7" s="261">
        <v>326</v>
      </c>
      <c r="EM7" s="261">
        <v>173</v>
      </c>
      <c r="EN7" s="258">
        <v>1379</v>
      </c>
      <c r="EO7" s="263">
        <v>1544</v>
      </c>
      <c r="EP7" s="257">
        <v>379</v>
      </c>
      <c r="EQ7" s="261">
        <v>813</v>
      </c>
      <c r="ER7" s="258">
        <v>1192</v>
      </c>
      <c r="ES7" s="260">
        <v>0</v>
      </c>
      <c r="ET7" s="261">
        <v>1391</v>
      </c>
      <c r="EU7" s="261">
        <v>1906</v>
      </c>
      <c r="EV7" s="261">
        <v>896</v>
      </c>
      <c r="EW7" s="261">
        <v>610</v>
      </c>
      <c r="EX7" s="261">
        <v>373</v>
      </c>
      <c r="EY7" s="258">
        <v>5176</v>
      </c>
      <c r="EZ7" s="263">
        <v>6368</v>
      </c>
    </row>
    <row r="8" spans="2:156" ht="21" customHeight="1" x14ac:dyDescent="0.2">
      <c r="B8" s="472" t="s">
        <v>6</v>
      </c>
      <c r="C8" s="257">
        <v>0</v>
      </c>
      <c r="D8" s="261">
        <v>0</v>
      </c>
      <c r="E8" s="358">
        <v>0</v>
      </c>
      <c r="F8" s="260">
        <v>0</v>
      </c>
      <c r="G8" s="261">
        <v>228</v>
      </c>
      <c r="H8" s="261">
        <v>180</v>
      </c>
      <c r="I8" s="261">
        <v>109</v>
      </c>
      <c r="J8" s="261">
        <v>98</v>
      </c>
      <c r="K8" s="261">
        <v>75</v>
      </c>
      <c r="L8" s="262">
        <v>690</v>
      </c>
      <c r="M8" s="263">
        <v>690</v>
      </c>
      <c r="N8" s="257">
        <v>0</v>
      </c>
      <c r="O8" s="261">
        <v>0</v>
      </c>
      <c r="P8" s="258">
        <v>0</v>
      </c>
      <c r="Q8" s="260">
        <v>0</v>
      </c>
      <c r="R8" s="261">
        <v>2</v>
      </c>
      <c r="S8" s="261">
        <v>7</v>
      </c>
      <c r="T8" s="261">
        <v>8</v>
      </c>
      <c r="U8" s="261">
        <v>24</v>
      </c>
      <c r="V8" s="261">
        <v>36</v>
      </c>
      <c r="W8" s="258">
        <v>77</v>
      </c>
      <c r="X8" s="263">
        <v>77</v>
      </c>
      <c r="Y8" s="257">
        <v>30</v>
      </c>
      <c r="Z8" s="261">
        <v>83</v>
      </c>
      <c r="AA8" s="258">
        <v>113</v>
      </c>
      <c r="AB8" s="260">
        <v>0</v>
      </c>
      <c r="AC8" s="261">
        <v>213</v>
      </c>
      <c r="AD8" s="261">
        <v>185</v>
      </c>
      <c r="AE8" s="261">
        <v>133</v>
      </c>
      <c r="AF8" s="261">
        <v>109</v>
      </c>
      <c r="AG8" s="261">
        <v>71</v>
      </c>
      <c r="AH8" s="258">
        <v>711</v>
      </c>
      <c r="AI8" s="263">
        <v>824</v>
      </c>
      <c r="AJ8" s="257">
        <v>3</v>
      </c>
      <c r="AK8" s="261">
        <v>1</v>
      </c>
      <c r="AL8" s="258">
        <v>4</v>
      </c>
      <c r="AM8" s="260">
        <v>0</v>
      </c>
      <c r="AN8" s="261">
        <v>14</v>
      </c>
      <c r="AO8" s="261">
        <v>19</v>
      </c>
      <c r="AP8" s="261">
        <v>18</v>
      </c>
      <c r="AQ8" s="261">
        <v>12</v>
      </c>
      <c r="AR8" s="261">
        <v>8</v>
      </c>
      <c r="AS8" s="258">
        <v>71</v>
      </c>
      <c r="AT8" s="263">
        <v>75</v>
      </c>
      <c r="AU8" s="257">
        <v>40</v>
      </c>
      <c r="AV8" s="261">
        <v>62</v>
      </c>
      <c r="AW8" s="258">
        <v>102</v>
      </c>
      <c r="AX8" s="260">
        <v>0</v>
      </c>
      <c r="AY8" s="261">
        <v>257</v>
      </c>
      <c r="AZ8" s="261">
        <v>269</v>
      </c>
      <c r="BA8" s="261">
        <v>245</v>
      </c>
      <c r="BB8" s="261">
        <v>258</v>
      </c>
      <c r="BC8" s="261">
        <v>194</v>
      </c>
      <c r="BD8" s="262">
        <v>1223</v>
      </c>
      <c r="BE8" s="263">
        <v>1325</v>
      </c>
      <c r="BF8" s="257">
        <v>0</v>
      </c>
      <c r="BG8" s="261">
        <v>0</v>
      </c>
      <c r="BH8" s="258">
        <v>0</v>
      </c>
      <c r="BI8" s="260">
        <v>0</v>
      </c>
      <c r="BJ8" s="261">
        <v>279</v>
      </c>
      <c r="BK8" s="261">
        <v>189</v>
      </c>
      <c r="BL8" s="261">
        <v>100</v>
      </c>
      <c r="BM8" s="261">
        <v>56</v>
      </c>
      <c r="BN8" s="261">
        <v>26</v>
      </c>
      <c r="BO8" s="258">
        <v>650</v>
      </c>
      <c r="BP8" s="263">
        <v>650</v>
      </c>
      <c r="BQ8" s="257">
        <v>11</v>
      </c>
      <c r="BR8" s="261">
        <v>17</v>
      </c>
      <c r="BS8" s="258">
        <v>28</v>
      </c>
      <c r="BT8" s="260">
        <v>0</v>
      </c>
      <c r="BU8" s="261">
        <v>56</v>
      </c>
      <c r="BV8" s="261">
        <v>55</v>
      </c>
      <c r="BW8" s="261">
        <v>38</v>
      </c>
      <c r="BX8" s="261">
        <v>36</v>
      </c>
      <c r="BY8" s="261">
        <v>9</v>
      </c>
      <c r="BZ8" s="258">
        <v>194</v>
      </c>
      <c r="CA8" s="263">
        <v>222</v>
      </c>
      <c r="CB8" s="257">
        <v>0</v>
      </c>
      <c r="CC8" s="261">
        <v>1</v>
      </c>
      <c r="CD8" s="258">
        <v>1</v>
      </c>
      <c r="CE8" s="260">
        <v>0</v>
      </c>
      <c r="CF8" s="261">
        <v>21</v>
      </c>
      <c r="CG8" s="261">
        <v>27</v>
      </c>
      <c r="CH8" s="261">
        <v>39</v>
      </c>
      <c r="CI8" s="261">
        <v>28</v>
      </c>
      <c r="CJ8" s="261">
        <v>10</v>
      </c>
      <c r="CK8" s="258">
        <v>125</v>
      </c>
      <c r="CL8" s="263">
        <v>126</v>
      </c>
      <c r="CM8" s="257">
        <v>0</v>
      </c>
      <c r="CN8" s="261">
        <v>0</v>
      </c>
      <c r="CO8" s="258">
        <v>0</v>
      </c>
      <c r="CP8" s="260">
        <v>0</v>
      </c>
      <c r="CQ8" s="261">
        <v>7</v>
      </c>
      <c r="CR8" s="261">
        <v>8</v>
      </c>
      <c r="CS8" s="261">
        <v>5</v>
      </c>
      <c r="CT8" s="261">
        <v>9</v>
      </c>
      <c r="CU8" s="261">
        <v>3</v>
      </c>
      <c r="CV8" s="258">
        <v>32</v>
      </c>
      <c r="CW8" s="263">
        <v>32</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0</v>
      </c>
      <c r="DU8" s="261">
        <v>195</v>
      </c>
      <c r="DV8" s="258">
        <v>305</v>
      </c>
      <c r="DW8" s="260">
        <v>0</v>
      </c>
      <c r="DX8" s="261">
        <v>334</v>
      </c>
      <c r="DY8" s="261">
        <v>410</v>
      </c>
      <c r="DZ8" s="261">
        <v>289</v>
      </c>
      <c r="EA8" s="261">
        <v>222</v>
      </c>
      <c r="EB8" s="261">
        <v>132</v>
      </c>
      <c r="EC8" s="258">
        <v>1387</v>
      </c>
      <c r="ED8" s="263">
        <v>1692</v>
      </c>
      <c r="EE8" s="257">
        <v>25</v>
      </c>
      <c r="EF8" s="261">
        <v>21</v>
      </c>
      <c r="EG8" s="258">
        <v>46</v>
      </c>
      <c r="EH8" s="260">
        <v>0</v>
      </c>
      <c r="EI8" s="261">
        <v>112</v>
      </c>
      <c r="EJ8" s="261">
        <v>98</v>
      </c>
      <c r="EK8" s="261">
        <v>90</v>
      </c>
      <c r="EL8" s="261">
        <v>105</v>
      </c>
      <c r="EM8" s="261">
        <v>71</v>
      </c>
      <c r="EN8" s="258">
        <v>476</v>
      </c>
      <c r="EO8" s="263">
        <v>522</v>
      </c>
      <c r="EP8" s="257">
        <v>142</v>
      </c>
      <c r="EQ8" s="261">
        <v>244</v>
      </c>
      <c r="ER8" s="258">
        <v>386</v>
      </c>
      <c r="ES8" s="260">
        <v>0</v>
      </c>
      <c r="ET8" s="261">
        <v>734</v>
      </c>
      <c r="EU8" s="261">
        <v>573</v>
      </c>
      <c r="EV8" s="261">
        <v>339</v>
      </c>
      <c r="EW8" s="261">
        <v>242</v>
      </c>
      <c r="EX8" s="261">
        <v>137</v>
      </c>
      <c r="EY8" s="258">
        <v>2025</v>
      </c>
      <c r="EZ8" s="263">
        <v>2411</v>
      </c>
    </row>
    <row r="9" spans="2:156" ht="21" customHeight="1" x14ac:dyDescent="0.2">
      <c r="B9" s="472" t="s">
        <v>14</v>
      </c>
      <c r="C9" s="257">
        <v>0</v>
      </c>
      <c r="D9" s="261">
        <v>0</v>
      </c>
      <c r="E9" s="358">
        <v>0</v>
      </c>
      <c r="F9" s="260">
        <v>0</v>
      </c>
      <c r="G9" s="261">
        <v>55</v>
      </c>
      <c r="H9" s="261">
        <v>72</v>
      </c>
      <c r="I9" s="261">
        <v>49</v>
      </c>
      <c r="J9" s="261">
        <v>34</v>
      </c>
      <c r="K9" s="261">
        <v>28</v>
      </c>
      <c r="L9" s="262">
        <v>238</v>
      </c>
      <c r="M9" s="263">
        <v>238</v>
      </c>
      <c r="N9" s="257">
        <v>0</v>
      </c>
      <c r="O9" s="261">
        <v>0</v>
      </c>
      <c r="P9" s="258">
        <v>0</v>
      </c>
      <c r="Q9" s="260">
        <v>0</v>
      </c>
      <c r="R9" s="261">
        <v>0</v>
      </c>
      <c r="S9" s="261">
        <v>7</v>
      </c>
      <c r="T9" s="261">
        <v>3</v>
      </c>
      <c r="U9" s="261">
        <v>13</v>
      </c>
      <c r="V9" s="261">
        <v>13</v>
      </c>
      <c r="W9" s="258">
        <v>36</v>
      </c>
      <c r="X9" s="263">
        <v>36</v>
      </c>
      <c r="Y9" s="257">
        <v>5</v>
      </c>
      <c r="Z9" s="261">
        <v>24</v>
      </c>
      <c r="AA9" s="258">
        <v>29</v>
      </c>
      <c r="AB9" s="260">
        <v>0</v>
      </c>
      <c r="AC9" s="261">
        <v>31</v>
      </c>
      <c r="AD9" s="261">
        <v>70</v>
      </c>
      <c r="AE9" s="261">
        <v>46</v>
      </c>
      <c r="AF9" s="261">
        <v>40</v>
      </c>
      <c r="AG9" s="261">
        <v>34</v>
      </c>
      <c r="AH9" s="258">
        <v>221</v>
      </c>
      <c r="AI9" s="263">
        <v>250</v>
      </c>
      <c r="AJ9" s="257">
        <v>0</v>
      </c>
      <c r="AK9" s="261">
        <v>4</v>
      </c>
      <c r="AL9" s="258">
        <v>4</v>
      </c>
      <c r="AM9" s="260">
        <v>0</v>
      </c>
      <c r="AN9" s="261">
        <v>3</v>
      </c>
      <c r="AO9" s="261">
        <v>7</v>
      </c>
      <c r="AP9" s="261">
        <v>5</v>
      </c>
      <c r="AQ9" s="261">
        <v>2</v>
      </c>
      <c r="AR9" s="261">
        <v>1</v>
      </c>
      <c r="AS9" s="258">
        <v>18</v>
      </c>
      <c r="AT9" s="263">
        <v>22</v>
      </c>
      <c r="AU9" s="257">
        <v>13</v>
      </c>
      <c r="AV9" s="261">
        <v>19</v>
      </c>
      <c r="AW9" s="258">
        <v>32</v>
      </c>
      <c r="AX9" s="260">
        <v>0</v>
      </c>
      <c r="AY9" s="261">
        <v>67</v>
      </c>
      <c r="AZ9" s="261">
        <v>81</v>
      </c>
      <c r="BA9" s="261">
        <v>88</v>
      </c>
      <c r="BB9" s="261">
        <v>78</v>
      </c>
      <c r="BC9" s="261">
        <v>60</v>
      </c>
      <c r="BD9" s="262">
        <v>374</v>
      </c>
      <c r="BE9" s="263">
        <v>406</v>
      </c>
      <c r="BF9" s="257">
        <v>0</v>
      </c>
      <c r="BG9" s="261">
        <v>0</v>
      </c>
      <c r="BH9" s="258">
        <v>0</v>
      </c>
      <c r="BI9" s="260">
        <v>0</v>
      </c>
      <c r="BJ9" s="261">
        <v>98</v>
      </c>
      <c r="BK9" s="261">
        <v>83</v>
      </c>
      <c r="BL9" s="261">
        <v>68</v>
      </c>
      <c r="BM9" s="261">
        <v>26</v>
      </c>
      <c r="BN9" s="261">
        <v>15</v>
      </c>
      <c r="BO9" s="258">
        <v>290</v>
      </c>
      <c r="BP9" s="263">
        <v>290</v>
      </c>
      <c r="BQ9" s="257">
        <v>4</v>
      </c>
      <c r="BR9" s="261">
        <v>4</v>
      </c>
      <c r="BS9" s="258">
        <v>8</v>
      </c>
      <c r="BT9" s="260">
        <v>0</v>
      </c>
      <c r="BU9" s="261">
        <v>9</v>
      </c>
      <c r="BV9" s="261">
        <v>20</v>
      </c>
      <c r="BW9" s="261">
        <v>12</v>
      </c>
      <c r="BX9" s="261">
        <v>11</v>
      </c>
      <c r="BY9" s="261">
        <v>0</v>
      </c>
      <c r="BZ9" s="258">
        <v>52</v>
      </c>
      <c r="CA9" s="263">
        <v>60</v>
      </c>
      <c r="CB9" s="257">
        <v>0</v>
      </c>
      <c r="CC9" s="261">
        <v>2</v>
      </c>
      <c r="CD9" s="258">
        <v>2</v>
      </c>
      <c r="CE9" s="260">
        <v>0</v>
      </c>
      <c r="CF9" s="261">
        <v>11</v>
      </c>
      <c r="CG9" s="261">
        <v>16</v>
      </c>
      <c r="CH9" s="261">
        <v>14</v>
      </c>
      <c r="CI9" s="261">
        <v>14</v>
      </c>
      <c r="CJ9" s="261">
        <v>9</v>
      </c>
      <c r="CK9" s="258">
        <v>64</v>
      </c>
      <c r="CL9" s="263">
        <v>66</v>
      </c>
      <c r="CM9" s="257">
        <v>0</v>
      </c>
      <c r="CN9" s="261">
        <v>0</v>
      </c>
      <c r="CO9" s="258">
        <v>0</v>
      </c>
      <c r="CP9" s="260">
        <v>0</v>
      </c>
      <c r="CQ9" s="261">
        <v>0</v>
      </c>
      <c r="CR9" s="261">
        <v>2</v>
      </c>
      <c r="CS9" s="261">
        <v>1</v>
      </c>
      <c r="CT9" s="261">
        <v>1</v>
      </c>
      <c r="CU9" s="261">
        <v>0</v>
      </c>
      <c r="CV9" s="258">
        <v>4</v>
      </c>
      <c r="CW9" s="263">
        <v>4</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6</v>
      </c>
      <c r="DU9" s="261">
        <v>86</v>
      </c>
      <c r="DV9" s="258">
        <v>122</v>
      </c>
      <c r="DW9" s="260">
        <v>0</v>
      </c>
      <c r="DX9" s="261">
        <v>81</v>
      </c>
      <c r="DY9" s="261">
        <v>187</v>
      </c>
      <c r="DZ9" s="261">
        <v>130</v>
      </c>
      <c r="EA9" s="261">
        <v>80</v>
      </c>
      <c r="EB9" s="261">
        <v>50</v>
      </c>
      <c r="EC9" s="258">
        <v>528</v>
      </c>
      <c r="ED9" s="263">
        <v>650</v>
      </c>
      <c r="EE9" s="257">
        <v>9</v>
      </c>
      <c r="EF9" s="261">
        <v>10</v>
      </c>
      <c r="EG9" s="258">
        <v>19</v>
      </c>
      <c r="EH9" s="260">
        <v>0</v>
      </c>
      <c r="EI9" s="261">
        <v>35</v>
      </c>
      <c r="EJ9" s="261">
        <v>27</v>
      </c>
      <c r="EK9" s="261">
        <v>35</v>
      </c>
      <c r="EL9" s="261">
        <v>29</v>
      </c>
      <c r="EM9" s="261">
        <v>17</v>
      </c>
      <c r="EN9" s="258">
        <v>143</v>
      </c>
      <c r="EO9" s="263">
        <v>162</v>
      </c>
      <c r="EP9" s="257">
        <v>43</v>
      </c>
      <c r="EQ9" s="261">
        <v>109</v>
      </c>
      <c r="ER9" s="258">
        <v>152</v>
      </c>
      <c r="ES9" s="260">
        <v>0</v>
      </c>
      <c r="ET9" s="261">
        <v>207</v>
      </c>
      <c r="EU9" s="261">
        <v>268</v>
      </c>
      <c r="EV9" s="261">
        <v>152</v>
      </c>
      <c r="EW9" s="261">
        <v>84</v>
      </c>
      <c r="EX9" s="261">
        <v>52</v>
      </c>
      <c r="EY9" s="258">
        <v>763</v>
      </c>
      <c r="EZ9" s="263">
        <v>915</v>
      </c>
    </row>
    <row r="10" spans="2:156" ht="21" customHeight="1" x14ac:dyDescent="0.2">
      <c r="B10" s="472" t="s">
        <v>7</v>
      </c>
      <c r="C10" s="257">
        <v>0</v>
      </c>
      <c r="D10" s="261">
        <v>0</v>
      </c>
      <c r="E10" s="358">
        <v>0</v>
      </c>
      <c r="F10" s="260">
        <v>0</v>
      </c>
      <c r="G10" s="261">
        <v>58</v>
      </c>
      <c r="H10" s="261">
        <v>31</v>
      </c>
      <c r="I10" s="261">
        <v>21</v>
      </c>
      <c r="J10" s="261">
        <v>17</v>
      </c>
      <c r="K10" s="261">
        <v>15</v>
      </c>
      <c r="L10" s="262">
        <v>142</v>
      </c>
      <c r="M10" s="263">
        <v>142</v>
      </c>
      <c r="N10" s="257">
        <v>0</v>
      </c>
      <c r="O10" s="261">
        <v>0</v>
      </c>
      <c r="P10" s="258">
        <v>0</v>
      </c>
      <c r="Q10" s="260">
        <v>0</v>
      </c>
      <c r="R10" s="261">
        <v>1</v>
      </c>
      <c r="S10" s="261">
        <v>1</v>
      </c>
      <c r="T10" s="261">
        <v>2</v>
      </c>
      <c r="U10" s="261">
        <v>3</v>
      </c>
      <c r="V10" s="261">
        <v>9</v>
      </c>
      <c r="W10" s="258">
        <v>16</v>
      </c>
      <c r="X10" s="263">
        <v>16</v>
      </c>
      <c r="Y10" s="257">
        <v>0</v>
      </c>
      <c r="Z10" s="261">
        <v>0</v>
      </c>
      <c r="AA10" s="258">
        <v>0</v>
      </c>
      <c r="AB10" s="260">
        <v>0</v>
      </c>
      <c r="AC10" s="261">
        <v>41</v>
      </c>
      <c r="AD10" s="261">
        <v>26</v>
      </c>
      <c r="AE10" s="261">
        <v>19</v>
      </c>
      <c r="AF10" s="261">
        <v>15</v>
      </c>
      <c r="AG10" s="261">
        <v>11</v>
      </c>
      <c r="AH10" s="258">
        <v>112</v>
      </c>
      <c r="AI10" s="263">
        <v>112</v>
      </c>
      <c r="AJ10" s="257">
        <v>1</v>
      </c>
      <c r="AK10" s="261">
        <v>0</v>
      </c>
      <c r="AL10" s="258">
        <v>1</v>
      </c>
      <c r="AM10" s="260">
        <v>0</v>
      </c>
      <c r="AN10" s="261">
        <v>5</v>
      </c>
      <c r="AO10" s="261">
        <v>5</v>
      </c>
      <c r="AP10" s="261">
        <v>0</v>
      </c>
      <c r="AQ10" s="261">
        <v>3</v>
      </c>
      <c r="AR10" s="261">
        <v>0</v>
      </c>
      <c r="AS10" s="258">
        <v>13</v>
      </c>
      <c r="AT10" s="263">
        <v>14</v>
      </c>
      <c r="AU10" s="257">
        <v>11</v>
      </c>
      <c r="AV10" s="261">
        <v>6</v>
      </c>
      <c r="AW10" s="258">
        <v>17</v>
      </c>
      <c r="AX10" s="260">
        <v>0</v>
      </c>
      <c r="AY10" s="261">
        <v>61</v>
      </c>
      <c r="AZ10" s="261">
        <v>46</v>
      </c>
      <c r="BA10" s="261">
        <v>41</v>
      </c>
      <c r="BB10" s="261">
        <v>49</v>
      </c>
      <c r="BC10" s="261">
        <v>29</v>
      </c>
      <c r="BD10" s="262">
        <v>226</v>
      </c>
      <c r="BE10" s="263">
        <v>243</v>
      </c>
      <c r="BF10" s="257">
        <v>0</v>
      </c>
      <c r="BG10" s="261">
        <v>0</v>
      </c>
      <c r="BH10" s="258">
        <v>0</v>
      </c>
      <c r="BI10" s="260">
        <v>0</v>
      </c>
      <c r="BJ10" s="261">
        <v>75</v>
      </c>
      <c r="BK10" s="261">
        <v>41</v>
      </c>
      <c r="BL10" s="261">
        <v>20</v>
      </c>
      <c r="BM10" s="261">
        <v>12</v>
      </c>
      <c r="BN10" s="261">
        <v>3</v>
      </c>
      <c r="BO10" s="258">
        <v>151</v>
      </c>
      <c r="BP10" s="263">
        <v>151</v>
      </c>
      <c r="BQ10" s="257">
        <v>2</v>
      </c>
      <c r="BR10" s="261">
        <v>3</v>
      </c>
      <c r="BS10" s="258">
        <v>5</v>
      </c>
      <c r="BT10" s="260">
        <v>0</v>
      </c>
      <c r="BU10" s="261">
        <v>14</v>
      </c>
      <c r="BV10" s="261">
        <v>7</v>
      </c>
      <c r="BW10" s="261">
        <v>7</v>
      </c>
      <c r="BX10" s="261">
        <v>7</v>
      </c>
      <c r="BY10" s="261">
        <v>2</v>
      </c>
      <c r="BZ10" s="258">
        <v>37</v>
      </c>
      <c r="CA10" s="263">
        <v>42</v>
      </c>
      <c r="CB10" s="257">
        <v>0</v>
      </c>
      <c r="CC10" s="261">
        <v>0</v>
      </c>
      <c r="CD10" s="258">
        <v>0</v>
      </c>
      <c r="CE10" s="260">
        <v>0</v>
      </c>
      <c r="CF10" s="261">
        <v>9</v>
      </c>
      <c r="CG10" s="261">
        <v>14</v>
      </c>
      <c r="CH10" s="261">
        <v>7</v>
      </c>
      <c r="CI10" s="261">
        <v>7</v>
      </c>
      <c r="CJ10" s="261">
        <v>4</v>
      </c>
      <c r="CK10" s="258">
        <v>41</v>
      </c>
      <c r="CL10" s="263">
        <v>41</v>
      </c>
      <c r="CM10" s="257">
        <v>0</v>
      </c>
      <c r="CN10" s="261">
        <v>0</v>
      </c>
      <c r="CO10" s="258">
        <v>0</v>
      </c>
      <c r="CP10" s="260">
        <v>0</v>
      </c>
      <c r="CQ10" s="261">
        <v>1</v>
      </c>
      <c r="CR10" s="261">
        <v>1</v>
      </c>
      <c r="CS10" s="261">
        <v>0</v>
      </c>
      <c r="CT10" s="261">
        <v>0</v>
      </c>
      <c r="CU10" s="261">
        <v>0</v>
      </c>
      <c r="CV10" s="258">
        <v>2</v>
      </c>
      <c r="CW10" s="263">
        <v>2</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3</v>
      </c>
      <c r="DU10" s="261">
        <v>29</v>
      </c>
      <c r="DV10" s="258">
        <v>42</v>
      </c>
      <c r="DW10" s="260">
        <v>0</v>
      </c>
      <c r="DX10" s="261">
        <v>89</v>
      </c>
      <c r="DY10" s="261">
        <v>91</v>
      </c>
      <c r="DZ10" s="261">
        <v>53</v>
      </c>
      <c r="EA10" s="261">
        <v>35</v>
      </c>
      <c r="EB10" s="261">
        <v>23</v>
      </c>
      <c r="EC10" s="258">
        <v>291</v>
      </c>
      <c r="ED10" s="263">
        <v>333</v>
      </c>
      <c r="EE10" s="257">
        <v>9</v>
      </c>
      <c r="EF10" s="261">
        <v>4</v>
      </c>
      <c r="EG10" s="258">
        <v>13</v>
      </c>
      <c r="EH10" s="260">
        <v>0</v>
      </c>
      <c r="EI10" s="261">
        <v>25</v>
      </c>
      <c r="EJ10" s="261">
        <v>23</v>
      </c>
      <c r="EK10" s="261">
        <v>18</v>
      </c>
      <c r="EL10" s="261">
        <v>27</v>
      </c>
      <c r="EM10" s="261">
        <v>9</v>
      </c>
      <c r="EN10" s="258">
        <v>102</v>
      </c>
      <c r="EO10" s="263">
        <v>115</v>
      </c>
      <c r="EP10" s="257">
        <v>16</v>
      </c>
      <c r="EQ10" s="261">
        <v>31</v>
      </c>
      <c r="ER10" s="258">
        <v>47</v>
      </c>
      <c r="ES10" s="260">
        <v>0</v>
      </c>
      <c r="ET10" s="261">
        <v>192</v>
      </c>
      <c r="EU10" s="261">
        <v>131</v>
      </c>
      <c r="EV10" s="261">
        <v>65</v>
      </c>
      <c r="EW10" s="261">
        <v>38</v>
      </c>
      <c r="EX10" s="261">
        <v>26</v>
      </c>
      <c r="EY10" s="258">
        <v>452</v>
      </c>
      <c r="EZ10" s="263">
        <v>499</v>
      </c>
    </row>
    <row r="11" spans="2:156" ht="21" customHeight="1" x14ac:dyDescent="0.2">
      <c r="B11" s="472" t="s">
        <v>8</v>
      </c>
      <c r="C11" s="257">
        <v>0</v>
      </c>
      <c r="D11" s="261">
        <v>0</v>
      </c>
      <c r="E11" s="358">
        <v>0</v>
      </c>
      <c r="F11" s="260">
        <v>0</v>
      </c>
      <c r="G11" s="261">
        <v>24</v>
      </c>
      <c r="H11" s="261">
        <v>22</v>
      </c>
      <c r="I11" s="261">
        <v>17</v>
      </c>
      <c r="J11" s="261">
        <v>8</v>
      </c>
      <c r="K11" s="261">
        <v>8</v>
      </c>
      <c r="L11" s="262">
        <v>79</v>
      </c>
      <c r="M11" s="263">
        <v>79</v>
      </c>
      <c r="N11" s="257">
        <v>0</v>
      </c>
      <c r="O11" s="261">
        <v>0</v>
      </c>
      <c r="P11" s="258">
        <v>0</v>
      </c>
      <c r="Q11" s="260">
        <v>0</v>
      </c>
      <c r="R11" s="261">
        <v>0</v>
      </c>
      <c r="S11" s="261">
        <v>0</v>
      </c>
      <c r="T11" s="261">
        <v>1</v>
      </c>
      <c r="U11" s="261">
        <v>5</v>
      </c>
      <c r="V11" s="261">
        <v>4</v>
      </c>
      <c r="W11" s="258">
        <v>10</v>
      </c>
      <c r="X11" s="263">
        <v>10</v>
      </c>
      <c r="Y11" s="257">
        <v>4</v>
      </c>
      <c r="Z11" s="261">
        <v>5</v>
      </c>
      <c r="AA11" s="258">
        <v>9</v>
      </c>
      <c r="AB11" s="260">
        <v>0</v>
      </c>
      <c r="AC11" s="261">
        <v>17</v>
      </c>
      <c r="AD11" s="261">
        <v>16</v>
      </c>
      <c r="AE11" s="261">
        <v>7</v>
      </c>
      <c r="AF11" s="261">
        <v>15</v>
      </c>
      <c r="AG11" s="261">
        <v>11</v>
      </c>
      <c r="AH11" s="258">
        <v>66</v>
      </c>
      <c r="AI11" s="263">
        <v>75</v>
      </c>
      <c r="AJ11" s="257">
        <v>0</v>
      </c>
      <c r="AK11" s="261">
        <v>1</v>
      </c>
      <c r="AL11" s="258">
        <v>1</v>
      </c>
      <c r="AM11" s="260">
        <v>0</v>
      </c>
      <c r="AN11" s="261">
        <v>4</v>
      </c>
      <c r="AO11" s="261">
        <v>8</v>
      </c>
      <c r="AP11" s="261">
        <v>3</v>
      </c>
      <c r="AQ11" s="261">
        <v>3</v>
      </c>
      <c r="AR11" s="261">
        <v>1</v>
      </c>
      <c r="AS11" s="258">
        <v>19</v>
      </c>
      <c r="AT11" s="263">
        <v>20</v>
      </c>
      <c r="AU11" s="257">
        <v>5</v>
      </c>
      <c r="AV11" s="261">
        <v>3</v>
      </c>
      <c r="AW11" s="258">
        <v>8</v>
      </c>
      <c r="AX11" s="260">
        <v>0</v>
      </c>
      <c r="AY11" s="261">
        <v>18</v>
      </c>
      <c r="AZ11" s="261">
        <v>21</v>
      </c>
      <c r="BA11" s="261">
        <v>17</v>
      </c>
      <c r="BB11" s="261">
        <v>30</v>
      </c>
      <c r="BC11" s="261">
        <v>17</v>
      </c>
      <c r="BD11" s="262">
        <v>103</v>
      </c>
      <c r="BE11" s="263">
        <v>111</v>
      </c>
      <c r="BF11" s="257">
        <v>0</v>
      </c>
      <c r="BG11" s="261">
        <v>0</v>
      </c>
      <c r="BH11" s="258">
        <v>0</v>
      </c>
      <c r="BI11" s="260">
        <v>0</v>
      </c>
      <c r="BJ11" s="261">
        <v>25</v>
      </c>
      <c r="BK11" s="261">
        <v>27</v>
      </c>
      <c r="BL11" s="261">
        <v>8</v>
      </c>
      <c r="BM11" s="261">
        <v>10</v>
      </c>
      <c r="BN11" s="261">
        <v>3</v>
      </c>
      <c r="BO11" s="258">
        <v>73</v>
      </c>
      <c r="BP11" s="263">
        <v>73</v>
      </c>
      <c r="BQ11" s="257">
        <v>0</v>
      </c>
      <c r="BR11" s="261">
        <v>4</v>
      </c>
      <c r="BS11" s="258">
        <v>4</v>
      </c>
      <c r="BT11" s="260">
        <v>0</v>
      </c>
      <c r="BU11" s="261">
        <v>9</v>
      </c>
      <c r="BV11" s="261">
        <v>11</v>
      </c>
      <c r="BW11" s="261">
        <v>12</v>
      </c>
      <c r="BX11" s="261">
        <v>5</v>
      </c>
      <c r="BY11" s="261">
        <v>4</v>
      </c>
      <c r="BZ11" s="258">
        <v>41</v>
      </c>
      <c r="CA11" s="263">
        <v>45</v>
      </c>
      <c r="CB11" s="257">
        <v>0</v>
      </c>
      <c r="CC11" s="261">
        <v>1</v>
      </c>
      <c r="CD11" s="258">
        <v>1</v>
      </c>
      <c r="CE11" s="260">
        <v>0</v>
      </c>
      <c r="CF11" s="261">
        <v>3</v>
      </c>
      <c r="CG11" s="261">
        <v>5</v>
      </c>
      <c r="CH11" s="261">
        <v>6</v>
      </c>
      <c r="CI11" s="261">
        <v>8</v>
      </c>
      <c r="CJ11" s="261">
        <v>0</v>
      </c>
      <c r="CK11" s="258">
        <v>22</v>
      </c>
      <c r="CL11" s="263">
        <v>23</v>
      </c>
      <c r="CM11" s="257">
        <v>0</v>
      </c>
      <c r="CN11" s="261">
        <v>0</v>
      </c>
      <c r="CO11" s="258">
        <v>0</v>
      </c>
      <c r="CP11" s="260">
        <v>0</v>
      </c>
      <c r="CQ11" s="261">
        <v>0</v>
      </c>
      <c r="CR11" s="261">
        <v>0</v>
      </c>
      <c r="CS11" s="261">
        <v>0</v>
      </c>
      <c r="CT11" s="261">
        <v>1</v>
      </c>
      <c r="CU11" s="261">
        <v>0</v>
      </c>
      <c r="CV11" s="258">
        <v>1</v>
      </c>
      <c r="CW11" s="263">
        <v>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5</v>
      </c>
      <c r="DU11" s="261">
        <v>19</v>
      </c>
      <c r="DV11" s="258">
        <v>34</v>
      </c>
      <c r="DW11" s="260">
        <v>0</v>
      </c>
      <c r="DX11" s="261">
        <v>51</v>
      </c>
      <c r="DY11" s="261">
        <v>62</v>
      </c>
      <c r="DZ11" s="261">
        <v>34</v>
      </c>
      <c r="EA11" s="261">
        <v>30</v>
      </c>
      <c r="EB11" s="261">
        <v>17</v>
      </c>
      <c r="EC11" s="258">
        <v>194</v>
      </c>
      <c r="ED11" s="263">
        <v>228</v>
      </c>
      <c r="EE11" s="257">
        <v>7</v>
      </c>
      <c r="EF11" s="261">
        <v>2</v>
      </c>
      <c r="EG11" s="258">
        <v>9</v>
      </c>
      <c r="EH11" s="260">
        <v>0</v>
      </c>
      <c r="EI11" s="261">
        <v>12</v>
      </c>
      <c r="EJ11" s="261">
        <v>9</v>
      </c>
      <c r="EK11" s="261">
        <v>6</v>
      </c>
      <c r="EL11" s="261">
        <v>13</v>
      </c>
      <c r="EM11" s="261">
        <v>6</v>
      </c>
      <c r="EN11" s="258">
        <v>46</v>
      </c>
      <c r="EO11" s="263">
        <v>55</v>
      </c>
      <c r="EP11" s="257">
        <v>19</v>
      </c>
      <c r="EQ11" s="261">
        <v>26</v>
      </c>
      <c r="ER11" s="258">
        <v>45</v>
      </c>
      <c r="ES11" s="260">
        <v>0</v>
      </c>
      <c r="ET11" s="261">
        <v>107</v>
      </c>
      <c r="EU11" s="261">
        <v>83</v>
      </c>
      <c r="EV11" s="261">
        <v>40</v>
      </c>
      <c r="EW11" s="261">
        <v>32</v>
      </c>
      <c r="EX11" s="261">
        <v>16</v>
      </c>
      <c r="EY11" s="258">
        <v>278</v>
      </c>
      <c r="EZ11" s="263">
        <v>323</v>
      </c>
    </row>
    <row r="12" spans="2:156" ht="21" customHeight="1" x14ac:dyDescent="0.2">
      <c r="B12" s="472" t="s">
        <v>9</v>
      </c>
      <c r="C12" s="257">
        <v>0</v>
      </c>
      <c r="D12" s="261">
        <v>0</v>
      </c>
      <c r="E12" s="358">
        <v>0</v>
      </c>
      <c r="F12" s="260">
        <v>0</v>
      </c>
      <c r="G12" s="261">
        <v>69</v>
      </c>
      <c r="H12" s="261">
        <v>53</v>
      </c>
      <c r="I12" s="261">
        <v>33</v>
      </c>
      <c r="J12" s="261">
        <v>41</v>
      </c>
      <c r="K12" s="261">
        <v>27</v>
      </c>
      <c r="L12" s="262">
        <v>223</v>
      </c>
      <c r="M12" s="263">
        <v>223</v>
      </c>
      <c r="N12" s="257">
        <v>0</v>
      </c>
      <c r="O12" s="261">
        <v>0</v>
      </c>
      <c r="P12" s="258">
        <v>0</v>
      </c>
      <c r="Q12" s="260">
        <v>0</v>
      </c>
      <c r="R12" s="261">
        <v>1</v>
      </c>
      <c r="S12" s="261">
        <v>2</v>
      </c>
      <c r="T12" s="261">
        <v>1</v>
      </c>
      <c r="U12" s="261">
        <v>7</v>
      </c>
      <c r="V12" s="261">
        <v>14</v>
      </c>
      <c r="W12" s="258">
        <v>25</v>
      </c>
      <c r="X12" s="263">
        <v>25</v>
      </c>
      <c r="Y12" s="257">
        <v>9</v>
      </c>
      <c r="Z12" s="261">
        <v>14</v>
      </c>
      <c r="AA12" s="258">
        <v>23</v>
      </c>
      <c r="AB12" s="260">
        <v>0</v>
      </c>
      <c r="AC12" s="261">
        <v>60</v>
      </c>
      <c r="AD12" s="261">
        <v>34</v>
      </c>
      <c r="AE12" s="261">
        <v>33</v>
      </c>
      <c r="AF12" s="261">
        <v>23</v>
      </c>
      <c r="AG12" s="261">
        <v>18</v>
      </c>
      <c r="AH12" s="258">
        <v>168</v>
      </c>
      <c r="AI12" s="263">
        <v>191</v>
      </c>
      <c r="AJ12" s="257">
        <v>0</v>
      </c>
      <c r="AK12" s="261">
        <v>2</v>
      </c>
      <c r="AL12" s="258">
        <v>2</v>
      </c>
      <c r="AM12" s="260">
        <v>0</v>
      </c>
      <c r="AN12" s="261">
        <v>5</v>
      </c>
      <c r="AO12" s="261">
        <v>10</v>
      </c>
      <c r="AP12" s="261">
        <v>8</v>
      </c>
      <c r="AQ12" s="261">
        <v>6</v>
      </c>
      <c r="AR12" s="261">
        <v>3</v>
      </c>
      <c r="AS12" s="258">
        <v>32</v>
      </c>
      <c r="AT12" s="263">
        <v>34</v>
      </c>
      <c r="AU12" s="257">
        <v>15</v>
      </c>
      <c r="AV12" s="261">
        <v>8</v>
      </c>
      <c r="AW12" s="258">
        <v>23</v>
      </c>
      <c r="AX12" s="260">
        <v>0</v>
      </c>
      <c r="AY12" s="261">
        <v>65</v>
      </c>
      <c r="AZ12" s="261">
        <v>56</v>
      </c>
      <c r="BA12" s="261">
        <v>64</v>
      </c>
      <c r="BB12" s="261">
        <v>69</v>
      </c>
      <c r="BC12" s="261">
        <v>45</v>
      </c>
      <c r="BD12" s="262">
        <v>299</v>
      </c>
      <c r="BE12" s="263">
        <v>322</v>
      </c>
      <c r="BF12" s="257">
        <v>0</v>
      </c>
      <c r="BG12" s="261">
        <v>0</v>
      </c>
      <c r="BH12" s="258">
        <v>0</v>
      </c>
      <c r="BI12" s="260">
        <v>0</v>
      </c>
      <c r="BJ12" s="261">
        <v>62</v>
      </c>
      <c r="BK12" s="261">
        <v>35</v>
      </c>
      <c r="BL12" s="261">
        <v>22</v>
      </c>
      <c r="BM12" s="261">
        <v>21</v>
      </c>
      <c r="BN12" s="261">
        <v>3</v>
      </c>
      <c r="BO12" s="258">
        <v>143</v>
      </c>
      <c r="BP12" s="263">
        <v>143</v>
      </c>
      <c r="BQ12" s="257">
        <v>8</v>
      </c>
      <c r="BR12" s="261">
        <v>9</v>
      </c>
      <c r="BS12" s="258">
        <v>17</v>
      </c>
      <c r="BT12" s="260">
        <v>0</v>
      </c>
      <c r="BU12" s="261">
        <v>12</v>
      </c>
      <c r="BV12" s="261">
        <v>17</v>
      </c>
      <c r="BW12" s="261">
        <v>6</v>
      </c>
      <c r="BX12" s="261">
        <v>14</v>
      </c>
      <c r="BY12" s="261">
        <v>1</v>
      </c>
      <c r="BZ12" s="258">
        <v>50</v>
      </c>
      <c r="CA12" s="263">
        <v>67</v>
      </c>
      <c r="CB12" s="257">
        <v>1</v>
      </c>
      <c r="CC12" s="261">
        <v>1</v>
      </c>
      <c r="CD12" s="258">
        <v>2</v>
      </c>
      <c r="CE12" s="260">
        <v>0</v>
      </c>
      <c r="CF12" s="261">
        <v>3</v>
      </c>
      <c r="CG12" s="261">
        <v>9</v>
      </c>
      <c r="CH12" s="261">
        <v>8</v>
      </c>
      <c r="CI12" s="261">
        <v>11</v>
      </c>
      <c r="CJ12" s="261">
        <v>5</v>
      </c>
      <c r="CK12" s="258">
        <v>36</v>
      </c>
      <c r="CL12" s="263">
        <v>38</v>
      </c>
      <c r="CM12" s="257">
        <v>0</v>
      </c>
      <c r="CN12" s="261">
        <v>0</v>
      </c>
      <c r="CO12" s="258">
        <v>0</v>
      </c>
      <c r="CP12" s="260">
        <v>0</v>
      </c>
      <c r="CQ12" s="261">
        <v>0</v>
      </c>
      <c r="CR12" s="261">
        <v>4</v>
      </c>
      <c r="CS12" s="261">
        <v>2</v>
      </c>
      <c r="CT12" s="261">
        <v>2</v>
      </c>
      <c r="CU12" s="261">
        <v>1</v>
      </c>
      <c r="CV12" s="258">
        <v>9</v>
      </c>
      <c r="CW12" s="263">
        <v>9</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2</v>
      </c>
      <c r="DU12" s="261">
        <v>38</v>
      </c>
      <c r="DV12" s="258">
        <v>70</v>
      </c>
      <c r="DW12" s="260">
        <v>0</v>
      </c>
      <c r="DX12" s="261">
        <v>94</v>
      </c>
      <c r="DY12" s="261">
        <v>100</v>
      </c>
      <c r="DZ12" s="261">
        <v>66</v>
      </c>
      <c r="EA12" s="261">
        <v>60</v>
      </c>
      <c r="EB12" s="261">
        <v>34</v>
      </c>
      <c r="EC12" s="258">
        <v>354</v>
      </c>
      <c r="ED12" s="263">
        <v>424</v>
      </c>
      <c r="EE12" s="257">
        <v>8</v>
      </c>
      <c r="EF12" s="261">
        <v>7</v>
      </c>
      <c r="EG12" s="258">
        <v>15</v>
      </c>
      <c r="EH12" s="260">
        <v>0</v>
      </c>
      <c r="EI12" s="261">
        <v>31</v>
      </c>
      <c r="EJ12" s="261">
        <v>17</v>
      </c>
      <c r="EK12" s="261">
        <v>22</v>
      </c>
      <c r="EL12" s="261">
        <v>31</v>
      </c>
      <c r="EM12" s="261">
        <v>16</v>
      </c>
      <c r="EN12" s="258">
        <v>117</v>
      </c>
      <c r="EO12" s="263">
        <v>132</v>
      </c>
      <c r="EP12" s="257">
        <v>42</v>
      </c>
      <c r="EQ12" s="261">
        <v>50</v>
      </c>
      <c r="ER12" s="258">
        <v>92</v>
      </c>
      <c r="ES12" s="260">
        <v>0</v>
      </c>
      <c r="ET12" s="261">
        <v>195</v>
      </c>
      <c r="EU12" s="261">
        <v>136</v>
      </c>
      <c r="EV12" s="261">
        <v>74</v>
      </c>
      <c r="EW12" s="261">
        <v>69</v>
      </c>
      <c r="EX12" s="261">
        <v>35</v>
      </c>
      <c r="EY12" s="258">
        <v>509</v>
      </c>
      <c r="EZ12" s="263">
        <v>601</v>
      </c>
    </row>
    <row r="13" spans="2:156" ht="21" customHeight="1" x14ac:dyDescent="0.2">
      <c r="B13" s="472" t="s">
        <v>10</v>
      </c>
      <c r="C13" s="257">
        <v>0</v>
      </c>
      <c r="D13" s="261">
        <v>0</v>
      </c>
      <c r="E13" s="358">
        <v>0</v>
      </c>
      <c r="F13" s="260">
        <v>0</v>
      </c>
      <c r="G13" s="261">
        <v>100</v>
      </c>
      <c r="H13" s="261">
        <v>47</v>
      </c>
      <c r="I13" s="261">
        <v>29</v>
      </c>
      <c r="J13" s="261">
        <v>29</v>
      </c>
      <c r="K13" s="261">
        <v>25</v>
      </c>
      <c r="L13" s="262">
        <v>230</v>
      </c>
      <c r="M13" s="263">
        <v>230</v>
      </c>
      <c r="N13" s="257">
        <v>0</v>
      </c>
      <c r="O13" s="261">
        <v>0</v>
      </c>
      <c r="P13" s="258">
        <v>0</v>
      </c>
      <c r="Q13" s="260">
        <v>0</v>
      </c>
      <c r="R13" s="261">
        <v>2</v>
      </c>
      <c r="S13" s="261">
        <v>1</v>
      </c>
      <c r="T13" s="261">
        <v>2</v>
      </c>
      <c r="U13" s="261">
        <v>2</v>
      </c>
      <c r="V13" s="261">
        <v>9</v>
      </c>
      <c r="W13" s="258">
        <v>16</v>
      </c>
      <c r="X13" s="263">
        <v>16</v>
      </c>
      <c r="Y13" s="257">
        <v>16</v>
      </c>
      <c r="Z13" s="261">
        <v>31</v>
      </c>
      <c r="AA13" s="258">
        <v>47</v>
      </c>
      <c r="AB13" s="260">
        <v>0</v>
      </c>
      <c r="AC13" s="261">
        <v>72</v>
      </c>
      <c r="AD13" s="261">
        <v>40</v>
      </c>
      <c r="AE13" s="261">
        <v>19</v>
      </c>
      <c r="AF13" s="261">
        <v>17</v>
      </c>
      <c r="AG13" s="261">
        <v>15</v>
      </c>
      <c r="AH13" s="258">
        <v>163</v>
      </c>
      <c r="AI13" s="263">
        <v>210</v>
      </c>
      <c r="AJ13" s="257">
        <v>5</v>
      </c>
      <c r="AK13" s="261">
        <v>3</v>
      </c>
      <c r="AL13" s="258">
        <v>8</v>
      </c>
      <c r="AM13" s="260">
        <v>0</v>
      </c>
      <c r="AN13" s="261">
        <v>9</v>
      </c>
      <c r="AO13" s="261">
        <v>12</v>
      </c>
      <c r="AP13" s="261">
        <v>5</v>
      </c>
      <c r="AQ13" s="261">
        <v>1</v>
      </c>
      <c r="AR13" s="261">
        <v>3</v>
      </c>
      <c r="AS13" s="258">
        <v>30</v>
      </c>
      <c r="AT13" s="263">
        <v>38</v>
      </c>
      <c r="AU13" s="257">
        <v>29</v>
      </c>
      <c r="AV13" s="261">
        <v>26</v>
      </c>
      <c r="AW13" s="258">
        <v>55</v>
      </c>
      <c r="AX13" s="260">
        <v>0</v>
      </c>
      <c r="AY13" s="261">
        <v>98</v>
      </c>
      <c r="AZ13" s="261">
        <v>79</v>
      </c>
      <c r="BA13" s="261">
        <v>60</v>
      </c>
      <c r="BB13" s="261">
        <v>64</v>
      </c>
      <c r="BC13" s="261">
        <v>63</v>
      </c>
      <c r="BD13" s="262">
        <v>364</v>
      </c>
      <c r="BE13" s="263">
        <v>419</v>
      </c>
      <c r="BF13" s="257">
        <v>0</v>
      </c>
      <c r="BG13" s="261">
        <v>0</v>
      </c>
      <c r="BH13" s="258">
        <v>0</v>
      </c>
      <c r="BI13" s="260">
        <v>0</v>
      </c>
      <c r="BJ13" s="261">
        <v>114</v>
      </c>
      <c r="BK13" s="261">
        <v>67</v>
      </c>
      <c r="BL13" s="261">
        <v>30</v>
      </c>
      <c r="BM13" s="261">
        <v>16</v>
      </c>
      <c r="BN13" s="261">
        <v>7</v>
      </c>
      <c r="BO13" s="258">
        <v>234</v>
      </c>
      <c r="BP13" s="263">
        <v>234</v>
      </c>
      <c r="BQ13" s="257">
        <v>3</v>
      </c>
      <c r="BR13" s="261">
        <v>6</v>
      </c>
      <c r="BS13" s="258">
        <v>9</v>
      </c>
      <c r="BT13" s="260">
        <v>0</v>
      </c>
      <c r="BU13" s="261">
        <v>29</v>
      </c>
      <c r="BV13" s="261">
        <v>18</v>
      </c>
      <c r="BW13" s="261">
        <v>7</v>
      </c>
      <c r="BX13" s="261">
        <v>2</v>
      </c>
      <c r="BY13" s="261">
        <v>1</v>
      </c>
      <c r="BZ13" s="258">
        <v>57</v>
      </c>
      <c r="CA13" s="263">
        <v>66</v>
      </c>
      <c r="CB13" s="257">
        <v>0</v>
      </c>
      <c r="CC13" s="261">
        <v>3</v>
      </c>
      <c r="CD13" s="258">
        <v>3</v>
      </c>
      <c r="CE13" s="260">
        <v>0</v>
      </c>
      <c r="CF13" s="261">
        <v>13</v>
      </c>
      <c r="CG13" s="261">
        <v>11</v>
      </c>
      <c r="CH13" s="261">
        <v>16</v>
      </c>
      <c r="CI13" s="261">
        <v>9</v>
      </c>
      <c r="CJ13" s="261">
        <v>4</v>
      </c>
      <c r="CK13" s="258">
        <v>53</v>
      </c>
      <c r="CL13" s="263">
        <v>56</v>
      </c>
      <c r="CM13" s="257">
        <v>0</v>
      </c>
      <c r="CN13" s="261">
        <v>0</v>
      </c>
      <c r="CO13" s="258">
        <v>0</v>
      </c>
      <c r="CP13" s="260">
        <v>0</v>
      </c>
      <c r="CQ13" s="261">
        <v>2</v>
      </c>
      <c r="CR13" s="261">
        <v>2</v>
      </c>
      <c r="CS13" s="261">
        <v>0</v>
      </c>
      <c r="CT13" s="261">
        <v>0</v>
      </c>
      <c r="CU13" s="261">
        <v>1</v>
      </c>
      <c r="CV13" s="258">
        <v>5</v>
      </c>
      <c r="CW13" s="263">
        <v>5</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55</v>
      </c>
      <c r="DU13" s="261">
        <v>93</v>
      </c>
      <c r="DV13" s="258">
        <v>148</v>
      </c>
      <c r="DW13" s="260">
        <v>0</v>
      </c>
      <c r="DX13" s="261">
        <v>146</v>
      </c>
      <c r="DY13" s="261">
        <v>115</v>
      </c>
      <c r="DZ13" s="261">
        <v>54</v>
      </c>
      <c r="EA13" s="261">
        <v>52</v>
      </c>
      <c r="EB13" s="261">
        <v>40</v>
      </c>
      <c r="EC13" s="258">
        <v>407</v>
      </c>
      <c r="ED13" s="263">
        <v>555</v>
      </c>
      <c r="EE13" s="257">
        <v>13</v>
      </c>
      <c r="EF13" s="261">
        <v>8</v>
      </c>
      <c r="EG13" s="258">
        <v>21</v>
      </c>
      <c r="EH13" s="260">
        <v>0</v>
      </c>
      <c r="EI13" s="261">
        <v>31</v>
      </c>
      <c r="EJ13" s="261">
        <v>32</v>
      </c>
      <c r="EK13" s="261">
        <v>19</v>
      </c>
      <c r="EL13" s="261">
        <v>27</v>
      </c>
      <c r="EM13" s="261">
        <v>24</v>
      </c>
      <c r="EN13" s="258">
        <v>133</v>
      </c>
      <c r="EO13" s="263">
        <v>154</v>
      </c>
      <c r="EP13" s="257">
        <v>75</v>
      </c>
      <c r="EQ13" s="261">
        <v>111</v>
      </c>
      <c r="ER13" s="258">
        <v>186</v>
      </c>
      <c r="ES13" s="260">
        <v>0</v>
      </c>
      <c r="ET13" s="261">
        <v>260</v>
      </c>
      <c r="EU13" s="261">
        <v>148</v>
      </c>
      <c r="EV13" s="261">
        <v>72</v>
      </c>
      <c r="EW13" s="261">
        <v>56</v>
      </c>
      <c r="EX13" s="261">
        <v>36</v>
      </c>
      <c r="EY13" s="258">
        <v>572</v>
      </c>
      <c r="EZ13" s="263">
        <v>758</v>
      </c>
    </row>
    <row r="14" spans="2:156" ht="21" customHeight="1" x14ac:dyDescent="0.2">
      <c r="B14" s="472" t="s">
        <v>11</v>
      </c>
      <c r="C14" s="257">
        <v>0</v>
      </c>
      <c r="D14" s="261">
        <v>0</v>
      </c>
      <c r="E14" s="358">
        <v>0</v>
      </c>
      <c r="F14" s="260">
        <v>0</v>
      </c>
      <c r="G14" s="261">
        <v>14</v>
      </c>
      <c r="H14" s="261">
        <v>11</v>
      </c>
      <c r="I14" s="261">
        <v>10</v>
      </c>
      <c r="J14" s="261">
        <v>12</v>
      </c>
      <c r="K14" s="261">
        <v>5</v>
      </c>
      <c r="L14" s="262">
        <v>52</v>
      </c>
      <c r="M14" s="263">
        <v>52</v>
      </c>
      <c r="N14" s="257">
        <v>0</v>
      </c>
      <c r="O14" s="261">
        <v>0</v>
      </c>
      <c r="P14" s="258">
        <v>0</v>
      </c>
      <c r="Q14" s="260">
        <v>0</v>
      </c>
      <c r="R14" s="261">
        <v>0</v>
      </c>
      <c r="S14" s="261">
        <v>0</v>
      </c>
      <c r="T14" s="261">
        <v>0</v>
      </c>
      <c r="U14" s="261">
        <v>4</v>
      </c>
      <c r="V14" s="261">
        <v>4</v>
      </c>
      <c r="W14" s="258">
        <v>8</v>
      </c>
      <c r="X14" s="263">
        <v>8</v>
      </c>
      <c r="Y14" s="257">
        <v>4</v>
      </c>
      <c r="Z14" s="261">
        <v>1</v>
      </c>
      <c r="AA14" s="258">
        <v>5</v>
      </c>
      <c r="AB14" s="260">
        <v>0</v>
      </c>
      <c r="AC14" s="261">
        <v>21</v>
      </c>
      <c r="AD14" s="261">
        <v>15</v>
      </c>
      <c r="AE14" s="261">
        <v>11</v>
      </c>
      <c r="AF14" s="261">
        <v>12</v>
      </c>
      <c r="AG14" s="261">
        <v>5</v>
      </c>
      <c r="AH14" s="258">
        <v>64</v>
      </c>
      <c r="AI14" s="263">
        <v>69</v>
      </c>
      <c r="AJ14" s="257">
        <v>0</v>
      </c>
      <c r="AK14" s="261">
        <v>1</v>
      </c>
      <c r="AL14" s="258">
        <v>1</v>
      </c>
      <c r="AM14" s="260">
        <v>0</v>
      </c>
      <c r="AN14" s="261">
        <v>1</v>
      </c>
      <c r="AO14" s="261">
        <v>2</v>
      </c>
      <c r="AP14" s="261">
        <v>0</v>
      </c>
      <c r="AQ14" s="261">
        <v>1</v>
      </c>
      <c r="AR14" s="261">
        <v>1</v>
      </c>
      <c r="AS14" s="258">
        <v>5</v>
      </c>
      <c r="AT14" s="263">
        <v>6</v>
      </c>
      <c r="AU14" s="257">
        <v>3</v>
      </c>
      <c r="AV14" s="261">
        <v>1</v>
      </c>
      <c r="AW14" s="258">
        <v>4</v>
      </c>
      <c r="AX14" s="260">
        <v>0</v>
      </c>
      <c r="AY14" s="261">
        <v>23</v>
      </c>
      <c r="AZ14" s="261">
        <v>23</v>
      </c>
      <c r="BA14" s="261">
        <v>20</v>
      </c>
      <c r="BB14" s="261">
        <v>29</v>
      </c>
      <c r="BC14" s="261">
        <v>14</v>
      </c>
      <c r="BD14" s="262">
        <v>109</v>
      </c>
      <c r="BE14" s="263">
        <v>113</v>
      </c>
      <c r="BF14" s="257">
        <v>0</v>
      </c>
      <c r="BG14" s="261">
        <v>0</v>
      </c>
      <c r="BH14" s="258">
        <v>0</v>
      </c>
      <c r="BI14" s="260">
        <v>0</v>
      </c>
      <c r="BJ14" s="261">
        <v>19</v>
      </c>
      <c r="BK14" s="261">
        <v>16</v>
      </c>
      <c r="BL14" s="261">
        <v>11</v>
      </c>
      <c r="BM14" s="261">
        <v>11</v>
      </c>
      <c r="BN14" s="261">
        <v>3</v>
      </c>
      <c r="BO14" s="258">
        <v>60</v>
      </c>
      <c r="BP14" s="263">
        <v>60</v>
      </c>
      <c r="BQ14" s="257">
        <v>2</v>
      </c>
      <c r="BR14" s="261">
        <v>4</v>
      </c>
      <c r="BS14" s="258">
        <v>6</v>
      </c>
      <c r="BT14" s="260">
        <v>0</v>
      </c>
      <c r="BU14" s="261">
        <v>13</v>
      </c>
      <c r="BV14" s="261">
        <v>10</v>
      </c>
      <c r="BW14" s="261">
        <v>6</v>
      </c>
      <c r="BX14" s="261">
        <v>3</v>
      </c>
      <c r="BY14" s="261">
        <v>1</v>
      </c>
      <c r="BZ14" s="258">
        <v>33</v>
      </c>
      <c r="CA14" s="263">
        <v>39</v>
      </c>
      <c r="CB14" s="257">
        <v>0</v>
      </c>
      <c r="CC14" s="261">
        <v>0</v>
      </c>
      <c r="CD14" s="258">
        <v>0</v>
      </c>
      <c r="CE14" s="260">
        <v>0</v>
      </c>
      <c r="CF14" s="261">
        <v>5</v>
      </c>
      <c r="CG14" s="261">
        <v>5</v>
      </c>
      <c r="CH14" s="261">
        <v>5</v>
      </c>
      <c r="CI14" s="261">
        <v>3</v>
      </c>
      <c r="CJ14" s="261">
        <v>3</v>
      </c>
      <c r="CK14" s="258">
        <v>21</v>
      </c>
      <c r="CL14" s="263">
        <v>21</v>
      </c>
      <c r="CM14" s="257">
        <v>0</v>
      </c>
      <c r="CN14" s="261">
        <v>0</v>
      </c>
      <c r="CO14" s="258">
        <v>0</v>
      </c>
      <c r="CP14" s="260">
        <v>0</v>
      </c>
      <c r="CQ14" s="261">
        <v>0</v>
      </c>
      <c r="CR14" s="261">
        <v>0</v>
      </c>
      <c r="CS14" s="261">
        <v>2</v>
      </c>
      <c r="CT14" s="261">
        <v>1</v>
      </c>
      <c r="CU14" s="261">
        <v>3</v>
      </c>
      <c r="CV14" s="258">
        <v>6</v>
      </c>
      <c r="CW14" s="263">
        <v>6</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1</v>
      </c>
      <c r="DU14" s="261">
        <v>18</v>
      </c>
      <c r="DV14" s="258">
        <v>29</v>
      </c>
      <c r="DW14" s="260">
        <v>0</v>
      </c>
      <c r="DX14" s="261">
        <v>42</v>
      </c>
      <c r="DY14" s="261">
        <v>39</v>
      </c>
      <c r="DZ14" s="261">
        <v>31</v>
      </c>
      <c r="EA14" s="261">
        <v>30</v>
      </c>
      <c r="EB14" s="261">
        <v>10</v>
      </c>
      <c r="EC14" s="258">
        <v>152</v>
      </c>
      <c r="ED14" s="263">
        <v>181</v>
      </c>
      <c r="EE14" s="257">
        <v>2</v>
      </c>
      <c r="EF14" s="261">
        <v>1</v>
      </c>
      <c r="EG14" s="258">
        <v>3</v>
      </c>
      <c r="EH14" s="260">
        <v>0</v>
      </c>
      <c r="EI14" s="261">
        <v>21</v>
      </c>
      <c r="EJ14" s="261">
        <v>7</v>
      </c>
      <c r="EK14" s="261">
        <v>15</v>
      </c>
      <c r="EL14" s="261">
        <v>13</v>
      </c>
      <c r="EM14" s="261">
        <v>7</v>
      </c>
      <c r="EN14" s="258">
        <v>63</v>
      </c>
      <c r="EO14" s="263">
        <v>66</v>
      </c>
      <c r="EP14" s="257">
        <v>17</v>
      </c>
      <c r="EQ14" s="261">
        <v>21</v>
      </c>
      <c r="ER14" s="258">
        <v>38</v>
      </c>
      <c r="ES14" s="260">
        <v>0</v>
      </c>
      <c r="ET14" s="261">
        <v>87</v>
      </c>
      <c r="EU14" s="261">
        <v>50</v>
      </c>
      <c r="EV14" s="261">
        <v>32</v>
      </c>
      <c r="EW14" s="261">
        <v>31</v>
      </c>
      <c r="EX14" s="261">
        <v>12</v>
      </c>
      <c r="EY14" s="258">
        <v>212</v>
      </c>
      <c r="EZ14" s="263">
        <v>250</v>
      </c>
    </row>
    <row r="15" spans="2:156" ht="21" customHeight="1" x14ac:dyDescent="0.2">
      <c r="B15" s="472" t="s">
        <v>12</v>
      </c>
      <c r="C15" s="257">
        <v>0</v>
      </c>
      <c r="D15" s="261">
        <v>0</v>
      </c>
      <c r="E15" s="358">
        <v>0</v>
      </c>
      <c r="F15" s="260">
        <v>0</v>
      </c>
      <c r="G15" s="261">
        <v>42</v>
      </c>
      <c r="H15" s="261">
        <v>30</v>
      </c>
      <c r="I15" s="261">
        <v>28</v>
      </c>
      <c r="J15" s="261">
        <v>17</v>
      </c>
      <c r="K15" s="261">
        <v>17</v>
      </c>
      <c r="L15" s="262">
        <v>134</v>
      </c>
      <c r="M15" s="263">
        <v>134</v>
      </c>
      <c r="N15" s="257">
        <v>0</v>
      </c>
      <c r="O15" s="261">
        <v>0</v>
      </c>
      <c r="P15" s="258">
        <v>0</v>
      </c>
      <c r="Q15" s="260">
        <v>0</v>
      </c>
      <c r="R15" s="261">
        <v>0</v>
      </c>
      <c r="S15" s="261">
        <v>2</v>
      </c>
      <c r="T15" s="261">
        <v>1</v>
      </c>
      <c r="U15" s="261">
        <v>1</v>
      </c>
      <c r="V15" s="261">
        <v>10</v>
      </c>
      <c r="W15" s="258">
        <v>14</v>
      </c>
      <c r="X15" s="263">
        <v>14</v>
      </c>
      <c r="Y15" s="257">
        <v>8</v>
      </c>
      <c r="Z15" s="261">
        <v>22</v>
      </c>
      <c r="AA15" s="258">
        <v>30</v>
      </c>
      <c r="AB15" s="260">
        <v>0</v>
      </c>
      <c r="AC15" s="261">
        <v>26</v>
      </c>
      <c r="AD15" s="261">
        <v>17</v>
      </c>
      <c r="AE15" s="261">
        <v>17</v>
      </c>
      <c r="AF15" s="261">
        <v>14</v>
      </c>
      <c r="AG15" s="261">
        <v>11</v>
      </c>
      <c r="AH15" s="258">
        <v>85</v>
      </c>
      <c r="AI15" s="263">
        <v>115</v>
      </c>
      <c r="AJ15" s="257">
        <v>0</v>
      </c>
      <c r="AK15" s="261">
        <v>2</v>
      </c>
      <c r="AL15" s="258">
        <v>2</v>
      </c>
      <c r="AM15" s="260">
        <v>0</v>
      </c>
      <c r="AN15" s="261">
        <v>3</v>
      </c>
      <c r="AO15" s="261">
        <v>0</v>
      </c>
      <c r="AP15" s="261">
        <v>3</v>
      </c>
      <c r="AQ15" s="261">
        <v>3</v>
      </c>
      <c r="AR15" s="261">
        <v>0</v>
      </c>
      <c r="AS15" s="258">
        <v>9</v>
      </c>
      <c r="AT15" s="263">
        <v>11</v>
      </c>
      <c r="AU15" s="257">
        <v>8</v>
      </c>
      <c r="AV15" s="261">
        <v>9</v>
      </c>
      <c r="AW15" s="258">
        <v>17</v>
      </c>
      <c r="AX15" s="260">
        <v>0</v>
      </c>
      <c r="AY15" s="261">
        <v>21</v>
      </c>
      <c r="AZ15" s="261">
        <v>19</v>
      </c>
      <c r="BA15" s="261">
        <v>25</v>
      </c>
      <c r="BB15" s="261">
        <v>35</v>
      </c>
      <c r="BC15" s="261">
        <v>18</v>
      </c>
      <c r="BD15" s="262">
        <v>118</v>
      </c>
      <c r="BE15" s="263">
        <v>135</v>
      </c>
      <c r="BF15" s="257">
        <v>0</v>
      </c>
      <c r="BG15" s="261">
        <v>0</v>
      </c>
      <c r="BH15" s="258">
        <v>0</v>
      </c>
      <c r="BI15" s="260">
        <v>0</v>
      </c>
      <c r="BJ15" s="261">
        <v>45</v>
      </c>
      <c r="BK15" s="261">
        <v>33</v>
      </c>
      <c r="BL15" s="261">
        <v>10</v>
      </c>
      <c r="BM15" s="261">
        <v>10</v>
      </c>
      <c r="BN15" s="261">
        <v>6</v>
      </c>
      <c r="BO15" s="258">
        <v>104</v>
      </c>
      <c r="BP15" s="263">
        <v>104</v>
      </c>
      <c r="BQ15" s="257">
        <v>14</v>
      </c>
      <c r="BR15" s="261">
        <v>8</v>
      </c>
      <c r="BS15" s="258">
        <v>22</v>
      </c>
      <c r="BT15" s="260">
        <v>0</v>
      </c>
      <c r="BU15" s="261">
        <v>14</v>
      </c>
      <c r="BV15" s="261">
        <v>11</v>
      </c>
      <c r="BW15" s="261">
        <v>9</v>
      </c>
      <c r="BX15" s="261">
        <v>6</v>
      </c>
      <c r="BY15" s="261">
        <v>1</v>
      </c>
      <c r="BZ15" s="258">
        <v>41</v>
      </c>
      <c r="CA15" s="263">
        <v>63</v>
      </c>
      <c r="CB15" s="257">
        <v>1</v>
      </c>
      <c r="CC15" s="261">
        <v>0</v>
      </c>
      <c r="CD15" s="258">
        <v>1</v>
      </c>
      <c r="CE15" s="260">
        <v>0</v>
      </c>
      <c r="CF15" s="261">
        <v>8</v>
      </c>
      <c r="CG15" s="261">
        <v>6</v>
      </c>
      <c r="CH15" s="261">
        <v>12</v>
      </c>
      <c r="CI15" s="261">
        <v>4</v>
      </c>
      <c r="CJ15" s="261">
        <v>3</v>
      </c>
      <c r="CK15" s="258">
        <v>33</v>
      </c>
      <c r="CL15" s="263">
        <v>34</v>
      </c>
      <c r="CM15" s="257">
        <v>0</v>
      </c>
      <c r="CN15" s="261">
        <v>0</v>
      </c>
      <c r="CO15" s="258">
        <v>0</v>
      </c>
      <c r="CP15" s="260">
        <v>0</v>
      </c>
      <c r="CQ15" s="261">
        <v>1</v>
      </c>
      <c r="CR15" s="261">
        <v>0</v>
      </c>
      <c r="CS15" s="261">
        <v>0</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1</v>
      </c>
      <c r="DU15" s="261">
        <v>49</v>
      </c>
      <c r="DV15" s="258">
        <v>70</v>
      </c>
      <c r="DW15" s="260">
        <v>0</v>
      </c>
      <c r="DX15" s="261">
        <v>47</v>
      </c>
      <c r="DY15" s="261">
        <v>63</v>
      </c>
      <c r="DZ15" s="261">
        <v>45</v>
      </c>
      <c r="EA15" s="261">
        <v>48</v>
      </c>
      <c r="EB15" s="261">
        <v>20</v>
      </c>
      <c r="EC15" s="258">
        <v>223</v>
      </c>
      <c r="ED15" s="263">
        <v>293</v>
      </c>
      <c r="EE15" s="257">
        <v>6</v>
      </c>
      <c r="EF15" s="261">
        <v>5</v>
      </c>
      <c r="EG15" s="258">
        <v>11</v>
      </c>
      <c r="EH15" s="260">
        <v>0</v>
      </c>
      <c r="EI15" s="261">
        <v>6</v>
      </c>
      <c r="EJ15" s="261">
        <v>6</v>
      </c>
      <c r="EK15" s="261">
        <v>10</v>
      </c>
      <c r="EL15" s="261">
        <v>14</v>
      </c>
      <c r="EM15" s="261">
        <v>6</v>
      </c>
      <c r="EN15" s="258">
        <v>42</v>
      </c>
      <c r="EO15" s="263">
        <v>53</v>
      </c>
      <c r="EP15" s="257">
        <v>41</v>
      </c>
      <c r="EQ15" s="261">
        <v>60</v>
      </c>
      <c r="ER15" s="258">
        <v>101</v>
      </c>
      <c r="ES15" s="260">
        <v>0</v>
      </c>
      <c r="ET15" s="261">
        <v>121</v>
      </c>
      <c r="EU15" s="261">
        <v>80</v>
      </c>
      <c r="EV15" s="261">
        <v>52</v>
      </c>
      <c r="EW15" s="261">
        <v>44</v>
      </c>
      <c r="EX15" s="261">
        <v>21</v>
      </c>
      <c r="EY15" s="258">
        <v>318</v>
      </c>
      <c r="EZ15" s="263">
        <v>419</v>
      </c>
    </row>
    <row r="16" spans="2:156" ht="21" customHeight="1" x14ac:dyDescent="0.2">
      <c r="B16" s="472" t="s">
        <v>13</v>
      </c>
      <c r="C16" s="257">
        <v>0</v>
      </c>
      <c r="D16" s="261">
        <v>0</v>
      </c>
      <c r="E16" s="358">
        <v>0</v>
      </c>
      <c r="F16" s="260">
        <v>0</v>
      </c>
      <c r="G16" s="261">
        <v>18</v>
      </c>
      <c r="H16" s="261">
        <v>26</v>
      </c>
      <c r="I16" s="261">
        <v>14</v>
      </c>
      <c r="J16" s="261">
        <v>9</v>
      </c>
      <c r="K16" s="261">
        <v>13</v>
      </c>
      <c r="L16" s="262">
        <v>80</v>
      </c>
      <c r="M16" s="263">
        <v>80</v>
      </c>
      <c r="N16" s="257">
        <v>0</v>
      </c>
      <c r="O16" s="261">
        <v>0</v>
      </c>
      <c r="P16" s="258">
        <v>0</v>
      </c>
      <c r="Q16" s="260">
        <v>0</v>
      </c>
      <c r="R16" s="261">
        <v>0</v>
      </c>
      <c r="S16" s="261">
        <v>0</v>
      </c>
      <c r="T16" s="261">
        <v>0</v>
      </c>
      <c r="U16" s="261">
        <v>2</v>
      </c>
      <c r="V16" s="261">
        <v>0</v>
      </c>
      <c r="W16" s="258">
        <v>2</v>
      </c>
      <c r="X16" s="263">
        <v>2</v>
      </c>
      <c r="Y16" s="257">
        <v>3</v>
      </c>
      <c r="Z16" s="261">
        <v>4</v>
      </c>
      <c r="AA16" s="258">
        <v>7</v>
      </c>
      <c r="AB16" s="260">
        <v>0</v>
      </c>
      <c r="AC16" s="261">
        <v>13</v>
      </c>
      <c r="AD16" s="261">
        <v>14</v>
      </c>
      <c r="AE16" s="261">
        <v>7</v>
      </c>
      <c r="AF16" s="261">
        <v>10</v>
      </c>
      <c r="AG16" s="261">
        <v>7</v>
      </c>
      <c r="AH16" s="258">
        <v>51</v>
      </c>
      <c r="AI16" s="263">
        <v>58</v>
      </c>
      <c r="AJ16" s="257">
        <v>0</v>
      </c>
      <c r="AK16" s="261">
        <v>0</v>
      </c>
      <c r="AL16" s="258">
        <v>0</v>
      </c>
      <c r="AM16" s="260">
        <v>0</v>
      </c>
      <c r="AN16" s="261">
        <v>1</v>
      </c>
      <c r="AO16" s="261">
        <v>4</v>
      </c>
      <c r="AP16" s="261">
        <v>0</v>
      </c>
      <c r="AQ16" s="261">
        <v>2</v>
      </c>
      <c r="AR16" s="261">
        <v>4</v>
      </c>
      <c r="AS16" s="258">
        <v>11</v>
      </c>
      <c r="AT16" s="263">
        <v>11</v>
      </c>
      <c r="AU16" s="257">
        <v>6</v>
      </c>
      <c r="AV16" s="261">
        <v>4</v>
      </c>
      <c r="AW16" s="258">
        <v>10</v>
      </c>
      <c r="AX16" s="260">
        <v>0</v>
      </c>
      <c r="AY16" s="261">
        <v>20</v>
      </c>
      <c r="AZ16" s="261">
        <v>25</v>
      </c>
      <c r="BA16" s="261">
        <v>22</v>
      </c>
      <c r="BB16" s="261">
        <v>18</v>
      </c>
      <c r="BC16" s="261">
        <v>20</v>
      </c>
      <c r="BD16" s="262">
        <v>105</v>
      </c>
      <c r="BE16" s="263">
        <v>115</v>
      </c>
      <c r="BF16" s="257">
        <v>0</v>
      </c>
      <c r="BG16" s="261">
        <v>0</v>
      </c>
      <c r="BH16" s="258">
        <v>0</v>
      </c>
      <c r="BI16" s="260">
        <v>0</v>
      </c>
      <c r="BJ16" s="261">
        <v>18</v>
      </c>
      <c r="BK16" s="261">
        <v>19</v>
      </c>
      <c r="BL16" s="261">
        <v>9</v>
      </c>
      <c r="BM16" s="261">
        <v>2</v>
      </c>
      <c r="BN16" s="261">
        <v>1</v>
      </c>
      <c r="BO16" s="258">
        <v>49</v>
      </c>
      <c r="BP16" s="263">
        <v>49</v>
      </c>
      <c r="BQ16" s="257">
        <v>0</v>
      </c>
      <c r="BR16" s="261">
        <v>0</v>
      </c>
      <c r="BS16" s="258">
        <v>0</v>
      </c>
      <c r="BT16" s="260">
        <v>0</v>
      </c>
      <c r="BU16" s="261">
        <v>2</v>
      </c>
      <c r="BV16" s="261">
        <v>2</v>
      </c>
      <c r="BW16" s="261">
        <v>3</v>
      </c>
      <c r="BX16" s="261">
        <v>2</v>
      </c>
      <c r="BY16" s="261">
        <v>1</v>
      </c>
      <c r="BZ16" s="258">
        <v>10</v>
      </c>
      <c r="CA16" s="263">
        <v>10</v>
      </c>
      <c r="CB16" s="257">
        <v>0</v>
      </c>
      <c r="CC16" s="261">
        <v>0</v>
      </c>
      <c r="CD16" s="258">
        <v>0</v>
      </c>
      <c r="CE16" s="260">
        <v>0</v>
      </c>
      <c r="CF16" s="261">
        <v>1</v>
      </c>
      <c r="CG16" s="261">
        <v>3</v>
      </c>
      <c r="CH16" s="261">
        <v>2</v>
      </c>
      <c r="CI16" s="261">
        <v>1</v>
      </c>
      <c r="CJ16" s="261">
        <v>0</v>
      </c>
      <c r="CK16" s="258">
        <v>7</v>
      </c>
      <c r="CL16" s="263">
        <v>7</v>
      </c>
      <c r="CM16" s="257">
        <v>0</v>
      </c>
      <c r="CN16" s="261">
        <v>0</v>
      </c>
      <c r="CO16" s="258">
        <v>0</v>
      </c>
      <c r="CP16" s="260">
        <v>0</v>
      </c>
      <c r="CQ16" s="261">
        <v>1</v>
      </c>
      <c r="CR16" s="261">
        <v>0</v>
      </c>
      <c r="CS16" s="261">
        <v>0</v>
      </c>
      <c r="CT16" s="261">
        <v>1</v>
      </c>
      <c r="CU16" s="261">
        <v>0</v>
      </c>
      <c r="CV16" s="258">
        <v>2</v>
      </c>
      <c r="CW16" s="263">
        <v>2</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5</v>
      </c>
      <c r="DU16" s="261">
        <v>13</v>
      </c>
      <c r="DV16" s="258">
        <v>18</v>
      </c>
      <c r="DW16" s="260">
        <v>0</v>
      </c>
      <c r="DX16" s="261">
        <v>21</v>
      </c>
      <c r="DY16" s="261">
        <v>35</v>
      </c>
      <c r="DZ16" s="261">
        <v>18</v>
      </c>
      <c r="EA16" s="261">
        <v>12</v>
      </c>
      <c r="EB16" s="261">
        <v>15</v>
      </c>
      <c r="EC16" s="258">
        <v>101</v>
      </c>
      <c r="ED16" s="263">
        <v>119</v>
      </c>
      <c r="EE16" s="257">
        <v>4</v>
      </c>
      <c r="EF16" s="261">
        <v>3</v>
      </c>
      <c r="EG16" s="258">
        <v>7</v>
      </c>
      <c r="EH16" s="260">
        <v>0</v>
      </c>
      <c r="EI16" s="261">
        <v>10</v>
      </c>
      <c r="EJ16" s="261">
        <v>8</v>
      </c>
      <c r="EK16" s="261">
        <v>9</v>
      </c>
      <c r="EL16" s="261">
        <v>11</v>
      </c>
      <c r="EM16" s="261">
        <v>6</v>
      </c>
      <c r="EN16" s="258">
        <v>44</v>
      </c>
      <c r="EO16" s="263">
        <v>51</v>
      </c>
      <c r="EP16" s="257">
        <v>6</v>
      </c>
      <c r="EQ16" s="261">
        <v>14</v>
      </c>
      <c r="ER16" s="258">
        <v>20</v>
      </c>
      <c r="ES16" s="260">
        <v>0</v>
      </c>
      <c r="ET16" s="261">
        <v>47</v>
      </c>
      <c r="EU16" s="261">
        <v>57</v>
      </c>
      <c r="EV16" s="261">
        <v>25</v>
      </c>
      <c r="EW16" s="261">
        <v>15</v>
      </c>
      <c r="EX16" s="261">
        <v>15</v>
      </c>
      <c r="EY16" s="258">
        <v>159</v>
      </c>
      <c r="EZ16" s="263">
        <v>179</v>
      </c>
    </row>
    <row r="17" spans="2:156" ht="21" customHeight="1" x14ac:dyDescent="0.2">
      <c r="B17" s="472" t="s">
        <v>15</v>
      </c>
      <c r="C17" s="257">
        <v>0</v>
      </c>
      <c r="D17" s="261">
        <v>0</v>
      </c>
      <c r="E17" s="358">
        <v>0</v>
      </c>
      <c r="F17" s="260">
        <v>0</v>
      </c>
      <c r="G17" s="261">
        <v>6</v>
      </c>
      <c r="H17" s="261">
        <v>4</v>
      </c>
      <c r="I17" s="261">
        <v>2</v>
      </c>
      <c r="J17" s="261">
        <v>2</v>
      </c>
      <c r="K17" s="261">
        <v>3</v>
      </c>
      <c r="L17" s="262">
        <v>17</v>
      </c>
      <c r="M17" s="263">
        <v>17</v>
      </c>
      <c r="N17" s="257">
        <v>0</v>
      </c>
      <c r="O17" s="261">
        <v>0</v>
      </c>
      <c r="P17" s="258">
        <v>0</v>
      </c>
      <c r="Q17" s="260">
        <v>0</v>
      </c>
      <c r="R17" s="261">
        <v>0</v>
      </c>
      <c r="S17" s="261">
        <v>0</v>
      </c>
      <c r="T17" s="261">
        <v>0</v>
      </c>
      <c r="U17" s="261">
        <v>0</v>
      </c>
      <c r="V17" s="261">
        <v>3</v>
      </c>
      <c r="W17" s="258">
        <v>3</v>
      </c>
      <c r="X17" s="263">
        <v>3</v>
      </c>
      <c r="Y17" s="257">
        <v>0</v>
      </c>
      <c r="Z17" s="261">
        <v>1</v>
      </c>
      <c r="AA17" s="258">
        <v>1</v>
      </c>
      <c r="AB17" s="260">
        <v>0</v>
      </c>
      <c r="AC17" s="261">
        <v>1</v>
      </c>
      <c r="AD17" s="261">
        <v>1</v>
      </c>
      <c r="AE17" s="261">
        <v>1</v>
      </c>
      <c r="AF17" s="261">
        <v>5</v>
      </c>
      <c r="AG17" s="261">
        <v>3</v>
      </c>
      <c r="AH17" s="258">
        <v>11</v>
      </c>
      <c r="AI17" s="263">
        <v>12</v>
      </c>
      <c r="AJ17" s="257">
        <v>0</v>
      </c>
      <c r="AK17" s="261">
        <v>1</v>
      </c>
      <c r="AL17" s="258">
        <v>1</v>
      </c>
      <c r="AM17" s="260">
        <v>0</v>
      </c>
      <c r="AN17" s="261">
        <v>0</v>
      </c>
      <c r="AO17" s="261">
        <v>0</v>
      </c>
      <c r="AP17" s="261">
        <v>0</v>
      </c>
      <c r="AQ17" s="261">
        <v>0</v>
      </c>
      <c r="AR17" s="261">
        <v>2</v>
      </c>
      <c r="AS17" s="258">
        <v>2</v>
      </c>
      <c r="AT17" s="263">
        <v>3</v>
      </c>
      <c r="AU17" s="257">
        <v>1</v>
      </c>
      <c r="AV17" s="261">
        <v>2</v>
      </c>
      <c r="AW17" s="258">
        <v>3</v>
      </c>
      <c r="AX17" s="260">
        <v>0</v>
      </c>
      <c r="AY17" s="261">
        <v>2</v>
      </c>
      <c r="AZ17" s="261">
        <v>6</v>
      </c>
      <c r="BA17" s="261">
        <v>4</v>
      </c>
      <c r="BB17" s="261">
        <v>6</v>
      </c>
      <c r="BC17" s="261">
        <v>5</v>
      </c>
      <c r="BD17" s="262">
        <v>23</v>
      </c>
      <c r="BE17" s="263">
        <v>26</v>
      </c>
      <c r="BF17" s="257">
        <v>0</v>
      </c>
      <c r="BG17" s="261">
        <v>0</v>
      </c>
      <c r="BH17" s="258">
        <v>0</v>
      </c>
      <c r="BI17" s="260">
        <v>0</v>
      </c>
      <c r="BJ17" s="261">
        <v>2</v>
      </c>
      <c r="BK17" s="261">
        <v>5</v>
      </c>
      <c r="BL17" s="261">
        <v>1</v>
      </c>
      <c r="BM17" s="261">
        <v>2</v>
      </c>
      <c r="BN17" s="261">
        <v>0</v>
      </c>
      <c r="BO17" s="258">
        <v>10</v>
      </c>
      <c r="BP17" s="263">
        <v>10</v>
      </c>
      <c r="BQ17" s="257">
        <v>0</v>
      </c>
      <c r="BR17" s="261">
        <v>0</v>
      </c>
      <c r="BS17" s="258">
        <v>0</v>
      </c>
      <c r="BT17" s="260">
        <v>0</v>
      </c>
      <c r="BU17" s="261">
        <v>1</v>
      </c>
      <c r="BV17" s="261">
        <v>2</v>
      </c>
      <c r="BW17" s="261">
        <v>1</v>
      </c>
      <c r="BX17" s="261">
        <v>3</v>
      </c>
      <c r="BY17" s="261">
        <v>2</v>
      </c>
      <c r="BZ17" s="258">
        <v>9</v>
      </c>
      <c r="CA17" s="263">
        <v>9</v>
      </c>
      <c r="CB17" s="257">
        <v>0</v>
      </c>
      <c r="CC17" s="261">
        <v>0</v>
      </c>
      <c r="CD17" s="258">
        <v>0</v>
      </c>
      <c r="CE17" s="260">
        <v>0</v>
      </c>
      <c r="CF17" s="261">
        <v>0</v>
      </c>
      <c r="CG17" s="261">
        <v>0</v>
      </c>
      <c r="CH17" s="261">
        <v>2</v>
      </c>
      <c r="CI17" s="261">
        <v>2</v>
      </c>
      <c r="CJ17" s="261">
        <v>0</v>
      </c>
      <c r="CK17" s="258">
        <v>4</v>
      </c>
      <c r="CL17" s="263">
        <v>4</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1</v>
      </c>
      <c r="DU17" s="261">
        <v>3</v>
      </c>
      <c r="DV17" s="258">
        <v>4</v>
      </c>
      <c r="DW17" s="260">
        <v>0</v>
      </c>
      <c r="DX17" s="261">
        <v>7</v>
      </c>
      <c r="DY17" s="261">
        <v>11</v>
      </c>
      <c r="DZ17" s="261">
        <v>4</v>
      </c>
      <c r="EA17" s="261">
        <v>6</v>
      </c>
      <c r="EB17" s="261">
        <v>6</v>
      </c>
      <c r="EC17" s="258">
        <v>34</v>
      </c>
      <c r="ED17" s="263">
        <v>38</v>
      </c>
      <c r="EE17" s="257">
        <v>1</v>
      </c>
      <c r="EF17" s="261">
        <v>1</v>
      </c>
      <c r="EG17" s="258">
        <v>2</v>
      </c>
      <c r="EH17" s="260">
        <v>0</v>
      </c>
      <c r="EI17" s="261">
        <v>5</v>
      </c>
      <c r="EJ17" s="261">
        <v>4</v>
      </c>
      <c r="EK17" s="261">
        <v>2</v>
      </c>
      <c r="EL17" s="261">
        <v>3</v>
      </c>
      <c r="EM17" s="261">
        <v>1</v>
      </c>
      <c r="EN17" s="258">
        <v>15</v>
      </c>
      <c r="EO17" s="263">
        <v>17</v>
      </c>
      <c r="EP17" s="257">
        <v>1</v>
      </c>
      <c r="EQ17" s="261">
        <v>4</v>
      </c>
      <c r="ER17" s="258">
        <v>5</v>
      </c>
      <c r="ES17" s="260">
        <v>0</v>
      </c>
      <c r="ET17" s="261">
        <v>12</v>
      </c>
      <c r="EU17" s="261">
        <v>15</v>
      </c>
      <c r="EV17" s="261">
        <v>7</v>
      </c>
      <c r="EW17" s="261">
        <v>7</v>
      </c>
      <c r="EX17" s="261">
        <v>6</v>
      </c>
      <c r="EY17" s="258">
        <v>47</v>
      </c>
      <c r="EZ17" s="263">
        <v>52</v>
      </c>
    </row>
    <row r="18" spans="2:156" ht="21" customHeight="1" x14ac:dyDescent="0.2">
      <c r="B18" s="472" t="s">
        <v>16</v>
      </c>
      <c r="C18" s="257">
        <v>0</v>
      </c>
      <c r="D18" s="261">
        <v>0</v>
      </c>
      <c r="E18" s="358">
        <v>0</v>
      </c>
      <c r="F18" s="260">
        <v>0</v>
      </c>
      <c r="G18" s="261">
        <v>8</v>
      </c>
      <c r="H18" s="261">
        <v>16</v>
      </c>
      <c r="I18" s="261">
        <v>5</v>
      </c>
      <c r="J18" s="261">
        <v>7</v>
      </c>
      <c r="K18" s="261">
        <v>1</v>
      </c>
      <c r="L18" s="262">
        <v>37</v>
      </c>
      <c r="M18" s="263">
        <v>37</v>
      </c>
      <c r="N18" s="257">
        <v>0</v>
      </c>
      <c r="O18" s="261">
        <v>0</v>
      </c>
      <c r="P18" s="258">
        <v>0</v>
      </c>
      <c r="Q18" s="260">
        <v>0</v>
      </c>
      <c r="R18" s="261">
        <v>0</v>
      </c>
      <c r="S18" s="261">
        <v>1</v>
      </c>
      <c r="T18" s="261">
        <v>0</v>
      </c>
      <c r="U18" s="261">
        <v>2</v>
      </c>
      <c r="V18" s="261">
        <v>2</v>
      </c>
      <c r="W18" s="258">
        <v>5</v>
      </c>
      <c r="X18" s="263">
        <v>5</v>
      </c>
      <c r="Y18" s="257">
        <v>3</v>
      </c>
      <c r="Z18" s="261">
        <v>2</v>
      </c>
      <c r="AA18" s="258">
        <v>5</v>
      </c>
      <c r="AB18" s="260">
        <v>0</v>
      </c>
      <c r="AC18" s="261">
        <v>7</v>
      </c>
      <c r="AD18" s="261">
        <v>15</v>
      </c>
      <c r="AE18" s="261">
        <v>7</v>
      </c>
      <c r="AF18" s="261">
        <v>5</v>
      </c>
      <c r="AG18" s="261">
        <v>4</v>
      </c>
      <c r="AH18" s="258">
        <v>38</v>
      </c>
      <c r="AI18" s="263">
        <v>43</v>
      </c>
      <c r="AJ18" s="257">
        <v>0</v>
      </c>
      <c r="AK18" s="261">
        <v>0</v>
      </c>
      <c r="AL18" s="258">
        <v>0</v>
      </c>
      <c r="AM18" s="260">
        <v>0</v>
      </c>
      <c r="AN18" s="261">
        <v>1</v>
      </c>
      <c r="AO18" s="261">
        <v>1</v>
      </c>
      <c r="AP18" s="261">
        <v>2</v>
      </c>
      <c r="AQ18" s="261">
        <v>0</v>
      </c>
      <c r="AR18" s="261">
        <v>0</v>
      </c>
      <c r="AS18" s="258">
        <v>4</v>
      </c>
      <c r="AT18" s="263">
        <v>4</v>
      </c>
      <c r="AU18" s="257">
        <v>3</v>
      </c>
      <c r="AV18" s="261">
        <v>1</v>
      </c>
      <c r="AW18" s="258">
        <v>4</v>
      </c>
      <c r="AX18" s="260">
        <v>0</v>
      </c>
      <c r="AY18" s="261">
        <v>10</v>
      </c>
      <c r="AZ18" s="261">
        <v>19</v>
      </c>
      <c r="BA18" s="261">
        <v>16</v>
      </c>
      <c r="BB18" s="261">
        <v>16</v>
      </c>
      <c r="BC18" s="261">
        <v>12</v>
      </c>
      <c r="BD18" s="262">
        <v>73</v>
      </c>
      <c r="BE18" s="263">
        <v>77</v>
      </c>
      <c r="BF18" s="257">
        <v>0</v>
      </c>
      <c r="BG18" s="261">
        <v>0</v>
      </c>
      <c r="BH18" s="258">
        <v>0</v>
      </c>
      <c r="BI18" s="260">
        <v>0</v>
      </c>
      <c r="BJ18" s="261">
        <v>27</v>
      </c>
      <c r="BK18" s="261">
        <v>25</v>
      </c>
      <c r="BL18" s="261">
        <v>9</v>
      </c>
      <c r="BM18" s="261">
        <v>2</v>
      </c>
      <c r="BN18" s="261">
        <v>2</v>
      </c>
      <c r="BO18" s="258">
        <v>65</v>
      </c>
      <c r="BP18" s="263">
        <v>65</v>
      </c>
      <c r="BQ18" s="257">
        <v>1</v>
      </c>
      <c r="BR18" s="261">
        <v>5</v>
      </c>
      <c r="BS18" s="258">
        <v>6</v>
      </c>
      <c r="BT18" s="260">
        <v>0</v>
      </c>
      <c r="BU18" s="261">
        <v>11</v>
      </c>
      <c r="BV18" s="261">
        <v>22</v>
      </c>
      <c r="BW18" s="261">
        <v>6</v>
      </c>
      <c r="BX18" s="261">
        <v>4</v>
      </c>
      <c r="BY18" s="261">
        <v>1</v>
      </c>
      <c r="BZ18" s="258">
        <v>44</v>
      </c>
      <c r="CA18" s="263">
        <v>50</v>
      </c>
      <c r="CB18" s="257">
        <v>0</v>
      </c>
      <c r="CC18" s="261">
        <v>1</v>
      </c>
      <c r="CD18" s="258">
        <v>1</v>
      </c>
      <c r="CE18" s="260">
        <v>0</v>
      </c>
      <c r="CF18" s="261">
        <v>6</v>
      </c>
      <c r="CG18" s="261">
        <v>3</v>
      </c>
      <c r="CH18" s="261">
        <v>4</v>
      </c>
      <c r="CI18" s="261">
        <v>1</v>
      </c>
      <c r="CJ18" s="261">
        <v>1</v>
      </c>
      <c r="CK18" s="258">
        <v>15</v>
      </c>
      <c r="CL18" s="263">
        <v>16</v>
      </c>
      <c r="CM18" s="257">
        <v>0</v>
      </c>
      <c r="CN18" s="261">
        <v>0</v>
      </c>
      <c r="CO18" s="258">
        <v>0</v>
      </c>
      <c r="CP18" s="260">
        <v>0</v>
      </c>
      <c r="CQ18" s="261">
        <v>2</v>
      </c>
      <c r="CR18" s="261">
        <v>0</v>
      </c>
      <c r="CS18" s="261">
        <v>1</v>
      </c>
      <c r="CT18" s="261">
        <v>0</v>
      </c>
      <c r="CU18" s="261">
        <v>0</v>
      </c>
      <c r="CV18" s="258">
        <v>3</v>
      </c>
      <c r="CW18" s="263">
        <v>3</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0</v>
      </c>
      <c r="DU18" s="261">
        <v>17</v>
      </c>
      <c r="DV18" s="258">
        <v>27</v>
      </c>
      <c r="DW18" s="260">
        <v>0</v>
      </c>
      <c r="DX18" s="261">
        <v>28</v>
      </c>
      <c r="DY18" s="261">
        <v>52</v>
      </c>
      <c r="DZ18" s="261">
        <v>25</v>
      </c>
      <c r="EA18" s="261">
        <v>15</v>
      </c>
      <c r="EB18" s="261">
        <v>10</v>
      </c>
      <c r="EC18" s="258">
        <v>130</v>
      </c>
      <c r="ED18" s="263">
        <v>157</v>
      </c>
      <c r="EE18" s="257">
        <v>3</v>
      </c>
      <c r="EF18" s="261">
        <v>1</v>
      </c>
      <c r="EG18" s="258">
        <v>4</v>
      </c>
      <c r="EH18" s="260">
        <v>0</v>
      </c>
      <c r="EI18" s="261">
        <v>7</v>
      </c>
      <c r="EJ18" s="261">
        <v>12</v>
      </c>
      <c r="EK18" s="261">
        <v>11</v>
      </c>
      <c r="EL18" s="261">
        <v>11</v>
      </c>
      <c r="EM18" s="261">
        <v>5</v>
      </c>
      <c r="EN18" s="258">
        <v>46</v>
      </c>
      <c r="EO18" s="263">
        <v>50</v>
      </c>
      <c r="EP18" s="257">
        <v>14</v>
      </c>
      <c r="EQ18" s="261">
        <v>22</v>
      </c>
      <c r="ER18" s="258">
        <v>36</v>
      </c>
      <c r="ES18" s="260">
        <v>0</v>
      </c>
      <c r="ET18" s="261">
        <v>55</v>
      </c>
      <c r="EU18" s="261">
        <v>74</v>
      </c>
      <c r="EV18" s="261">
        <v>31</v>
      </c>
      <c r="EW18" s="261">
        <v>15</v>
      </c>
      <c r="EX18" s="261">
        <v>9</v>
      </c>
      <c r="EY18" s="258">
        <v>184</v>
      </c>
      <c r="EZ18" s="263">
        <v>220</v>
      </c>
    </row>
    <row r="19" spans="2:156" ht="21" customHeight="1" x14ac:dyDescent="0.2">
      <c r="B19" s="472" t="s">
        <v>17</v>
      </c>
      <c r="C19" s="257">
        <v>0</v>
      </c>
      <c r="D19" s="261">
        <v>0</v>
      </c>
      <c r="E19" s="358">
        <v>0</v>
      </c>
      <c r="F19" s="260">
        <v>0</v>
      </c>
      <c r="G19" s="261">
        <v>13</v>
      </c>
      <c r="H19" s="261">
        <v>15</v>
      </c>
      <c r="I19" s="261">
        <v>16</v>
      </c>
      <c r="J19" s="261">
        <v>8</v>
      </c>
      <c r="K19" s="261">
        <v>4</v>
      </c>
      <c r="L19" s="262">
        <v>56</v>
      </c>
      <c r="M19" s="263">
        <v>56</v>
      </c>
      <c r="N19" s="257">
        <v>0</v>
      </c>
      <c r="O19" s="261">
        <v>0</v>
      </c>
      <c r="P19" s="258">
        <v>0</v>
      </c>
      <c r="Q19" s="260">
        <v>0</v>
      </c>
      <c r="R19" s="261">
        <v>0</v>
      </c>
      <c r="S19" s="261">
        <v>1</v>
      </c>
      <c r="T19" s="261">
        <v>1</v>
      </c>
      <c r="U19" s="261">
        <v>2</v>
      </c>
      <c r="V19" s="261">
        <v>2</v>
      </c>
      <c r="W19" s="258">
        <v>6</v>
      </c>
      <c r="X19" s="263">
        <v>6</v>
      </c>
      <c r="Y19" s="257">
        <v>5</v>
      </c>
      <c r="Z19" s="261">
        <v>6</v>
      </c>
      <c r="AA19" s="258">
        <v>11</v>
      </c>
      <c r="AB19" s="260">
        <v>0</v>
      </c>
      <c r="AC19" s="261">
        <v>15</v>
      </c>
      <c r="AD19" s="261">
        <v>14</v>
      </c>
      <c r="AE19" s="261">
        <v>16</v>
      </c>
      <c r="AF19" s="261">
        <v>10</v>
      </c>
      <c r="AG19" s="261">
        <v>7</v>
      </c>
      <c r="AH19" s="258">
        <v>62</v>
      </c>
      <c r="AI19" s="263">
        <v>73</v>
      </c>
      <c r="AJ19" s="257">
        <v>1</v>
      </c>
      <c r="AK19" s="261">
        <v>0</v>
      </c>
      <c r="AL19" s="258">
        <v>1</v>
      </c>
      <c r="AM19" s="260">
        <v>0</v>
      </c>
      <c r="AN19" s="261">
        <v>1</v>
      </c>
      <c r="AO19" s="261">
        <v>0</v>
      </c>
      <c r="AP19" s="261">
        <v>3</v>
      </c>
      <c r="AQ19" s="261">
        <v>4</v>
      </c>
      <c r="AR19" s="261">
        <v>0</v>
      </c>
      <c r="AS19" s="258">
        <v>8</v>
      </c>
      <c r="AT19" s="263">
        <v>9</v>
      </c>
      <c r="AU19" s="257">
        <v>4</v>
      </c>
      <c r="AV19" s="261">
        <v>4</v>
      </c>
      <c r="AW19" s="258">
        <v>8</v>
      </c>
      <c r="AX19" s="260">
        <v>0</v>
      </c>
      <c r="AY19" s="261">
        <v>15</v>
      </c>
      <c r="AZ19" s="261">
        <v>26</v>
      </c>
      <c r="BA19" s="261">
        <v>26</v>
      </c>
      <c r="BB19" s="261">
        <v>30</v>
      </c>
      <c r="BC19" s="261">
        <v>18</v>
      </c>
      <c r="BD19" s="262">
        <v>115</v>
      </c>
      <c r="BE19" s="263">
        <v>123</v>
      </c>
      <c r="BF19" s="257">
        <v>0</v>
      </c>
      <c r="BG19" s="261">
        <v>0</v>
      </c>
      <c r="BH19" s="258">
        <v>0</v>
      </c>
      <c r="BI19" s="260">
        <v>0</v>
      </c>
      <c r="BJ19" s="261">
        <v>20</v>
      </c>
      <c r="BK19" s="261">
        <v>26</v>
      </c>
      <c r="BL19" s="261">
        <v>15</v>
      </c>
      <c r="BM19" s="261">
        <v>12</v>
      </c>
      <c r="BN19" s="261">
        <v>1</v>
      </c>
      <c r="BO19" s="258">
        <v>74</v>
      </c>
      <c r="BP19" s="263">
        <v>74</v>
      </c>
      <c r="BQ19" s="257">
        <v>6</v>
      </c>
      <c r="BR19" s="261">
        <v>5</v>
      </c>
      <c r="BS19" s="258">
        <v>11</v>
      </c>
      <c r="BT19" s="260">
        <v>0</v>
      </c>
      <c r="BU19" s="261">
        <v>7</v>
      </c>
      <c r="BV19" s="261">
        <v>12</v>
      </c>
      <c r="BW19" s="261">
        <v>10</v>
      </c>
      <c r="BX19" s="261">
        <v>4</v>
      </c>
      <c r="BY19" s="261">
        <v>2</v>
      </c>
      <c r="BZ19" s="258">
        <v>35</v>
      </c>
      <c r="CA19" s="263">
        <v>46</v>
      </c>
      <c r="CB19" s="257">
        <v>0</v>
      </c>
      <c r="CC19" s="261">
        <v>0</v>
      </c>
      <c r="CD19" s="258">
        <v>0</v>
      </c>
      <c r="CE19" s="260">
        <v>0</v>
      </c>
      <c r="CF19" s="261">
        <v>1</v>
      </c>
      <c r="CG19" s="261">
        <v>5</v>
      </c>
      <c r="CH19" s="261">
        <v>6</v>
      </c>
      <c r="CI19" s="261">
        <v>5</v>
      </c>
      <c r="CJ19" s="261">
        <v>2</v>
      </c>
      <c r="CK19" s="258">
        <v>19</v>
      </c>
      <c r="CL19" s="263">
        <v>19</v>
      </c>
      <c r="CM19" s="257">
        <v>0</v>
      </c>
      <c r="CN19" s="261">
        <v>0</v>
      </c>
      <c r="CO19" s="258">
        <v>0</v>
      </c>
      <c r="CP19" s="260">
        <v>0</v>
      </c>
      <c r="CQ19" s="261">
        <v>1</v>
      </c>
      <c r="CR19" s="261">
        <v>2</v>
      </c>
      <c r="CS19" s="261">
        <v>2</v>
      </c>
      <c r="CT19" s="261">
        <v>2</v>
      </c>
      <c r="CU19" s="261">
        <v>1</v>
      </c>
      <c r="CV19" s="258">
        <v>8</v>
      </c>
      <c r="CW19" s="263">
        <v>8</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20</v>
      </c>
      <c r="DU19" s="261">
        <v>22</v>
      </c>
      <c r="DV19" s="258">
        <v>42</v>
      </c>
      <c r="DW19" s="260">
        <v>0</v>
      </c>
      <c r="DX19" s="261">
        <v>25</v>
      </c>
      <c r="DY19" s="261">
        <v>62</v>
      </c>
      <c r="DZ19" s="261">
        <v>53</v>
      </c>
      <c r="EA19" s="261">
        <v>26</v>
      </c>
      <c r="EB19" s="261">
        <v>14</v>
      </c>
      <c r="EC19" s="258">
        <v>180</v>
      </c>
      <c r="ED19" s="263">
        <v>222</v>
      </c>
      <c r="EE19" s="257">
        <v>2</v>
      </c>
      <c r="EF19" s="261">
        <v>3</v>
      </c>
      <c r="EG19" s="258">
        <v>5</v>
      </c>
      <c r="EH19" s="260">
        <v>0</v>
      </c>
      <c r="EI19" s="261">
        <v>11</v>
      </c>
      <c r="EJ19" s="261">
        <v>10</v>
      </c>
      <c r="EK19" s="261">
        <v>8</v>
      </c>
      <c r="EL19" s="261">
        <v>19</v>
      </c>
      <c r="EM19" s="261">
        <v>6</v>
      </c>
      <c r="EN19" s="258">
        <v>54</v>
      </c>
      <c r="EO19" s="263">
        <v>59</v>
      </c>
      <c r="EP19" s="257">
        <v>28</v>
      </c>
      <c r="EQ19" s="261">
        <v>26</v>
      </c>
      <c r="ER19" s="258">
        <v>54</v>
      </c>
      <c r="ES19" s="260">
        <v>0</v>
      </c>
      <c r="ET19" s="261">
        <v>62</v>
      </c>
      <c r="EU19" s="261">
        <v>82</v>
      </c>
      <c r="EV19" s="261">
        <v>59</v>
      </c>
      <c r="EW19" s="261">
        <v>31</v>
      </c>
      <c r="EX19" s="261">
        <v>15</v>
      </c>
      <c r="EY19" s="258">
        <v>249</v>
      </c>
      <c r="EZ19" s="263">
        <v>303</v>
      </c>
    </row>
    <row r="20" spans="2:156" ht="21" customHeight="1" x14ac:dyDescent="0.2">
      <c r="B20" s="472" t="s">
        <v>18</v>
      </c>
      <c r="C20" s="257">
        <v>0</v>
      </c>
      <c r="D20" s="261">
        <v>0</v>
      </c>
      <c r="E20" s="358">
        <v>0</v>
      </c>
      <c r="F20" s="260">
        <v>0</v>
      </c>
      <c r="G20" s="261">
        <v>26</v>
      </c>
      <c r="H20" s="261">
        <v>31</v>
      </c>
      <c r="I20" s="261">
        <v>17</v>
      </c>
      <c r="J20" s="261">
        <v>18</v>
      </c>
      <c r="K20" s="261">
        <v>8</v>
      </c>
      <c r="L20" s="262">
        <v>100</v>
      </c>
      <c r="M20" s="263">
        <v>100</v>
      </c>
      <c r="N20" s="257">
        <v>0</v>
      </c>
      <c r="O20" s="261">
        <v>0</v>
      </c>
      <c r="P20" s="258">
        <v>0</v>
      </c>
      <c r="Q20" s="260">
        <v>0</v>
      </c>
      <c r="R20" s="261">
        <v>0</v>
      </c>
      <c r="S20" s="261">
        <v>0</v>
      </c>
      <c r="T20" s="261">
        <v>2</v>
      </c>
      <c r="U20" s="261">
        <v>3</v>
      </c>
      <c r="V20" s="261">
        <v>3</v>
      </c>
      <c r="W20" s="258">
        <v>8</v>
      </c>
      <c r="X20" s="263">
        <v>8</v>
      </c>
      <c r="Y20" s="257">
        <v>7</v>
      </c>
      <c r="Z20" s="261">
        <v>6</v>
      </c>
      <c r="AA20" s="258">
        <v>13</v>
      </c>
      <c r="AB20" s="260">
        <v>0</v>
      </c>
      <c r="AC20" s="261">
        <v>22</v>
      </c>
      <c r="AD20" s="261">
        <v>30</v>
      </c>
      <c r="AE20" s="261">
        <v>18</v>
      </c>
      <c r="AF20" s="261">
        <v>9</v>
      </c>
      <c r="AG20" s="261">
        <v>9</v>
      </c>
      <c r="AH20" s="258">
        <v>88</v>
      </c>
      <c r="AI20" s="263">
        <v>101</v>
      </c>
      <c r="AJ20" s="257">
        <v>1</v>
      </c>
      <c r="AK20" s="261">
        <v>0</v>
      </c>
      <c r="AL20" s="258">
        <v>1</v>
      </c>
      <c r="AM20" s="260">
        <v>0</v>
      </c>
      <c r="AN20" s="261">
        <v>4</v>
      </c>
      <c r="AO20" s="261">
        <v>3</v>
      </c>
      <c r="AP20" s="261">
        <v>3</v>
      </c>
      <c r="AQ20" s="261">
        <v>0</v>
      </c>
      <c r="AR20" s="261">
        <v>1</v>
      </c>
      <c r="AS20" s="258">
        <v>11</v>
      </c>
      <c r="AT20" s="263">
        <v>12</v>
      </c>
      <c r="AU20" s="257">
        <v>4</v>
      </c>
      <c r="AV20" s="261">
        <v>4</v>
      </c>
      <c r="AW20" s="258">
        <v>8</v>
      </c>
      <c r="AX20" s="260">
        <v>0</v>
      </c>
      <c r="AY20" s="261">
        <v>33</v>
      </c>
      <c r="AZ20" s="261">
        <v>31</v>
      </c>
      <c r="BA20" s="261">
        <v>37</v>
      </c>
      <c r="BB20" s="261">
        <v>28</v>
      </c>
      <c r="BC20" s="261">
        <v>25</v>
      </c>
      <c r="BD20" s="262">
        <v>154</v>
      </c>
      <c r="BE20" s="263">
        <v>162</v>
      </c>
      <c r="BF20" s="257">
        <v>0</v>
      </c>
      <c r="BG20" s="261">
        <v>0</v>
      </c>
      <c r="BH20" s="258">
        <v>0</v>
      </c>
      <c r="BI20" s="260">
        <v>0</v>
      </c>
      <c r="BJ20" s="261">
        <v>33</v>
      </c>
      <c r="BK20" s="261">
        <v>46</v>
      </c>
      <c r="BL20" s="261">
        <v>20</v>
      </c>
      <c r="BM20" s="261">
        <v>12</v>
      </c>
      <c r="BN20" s="261">
        <v>6</v>
      </c>
      <c r="BO20" s="258">
        <v>117</v>
      </c>
      <c r="BP20" s="263">
        <v>117</v>
      </c>
      <c r="BQ20" s="257">
        <v>5</v>
      </c>
      <c r="BR20" s="261">
        <v>5</v>
      </c>
      <c r="BS20" s="258">
        <v>10</v>
      </c>
      <c r="BT20" s="260">
        <v>0</v>
      </c>
      <c r="BU20" s="261">
        <v>14</v>
      </c>
      <c r="BV20" s="261">
        <v>15</v>
      </c>
      <c r="BW20" s="261">
        <v>8</v>
      </c>
      <c r="BX20" s="261">
        <v>5</v>
      </c>
      <c r="BY20" s="261">
        <v>3</v>
      </c>
      <c r="BZ20" s="258">
        <v>45</v>
      </c>
      <c r="CA20" s="263">
        <v>55</v>
      </c>
      <c r="CB20" s="257">
        <v>0</v>
      </c>
      <c r="CC20" s="261">
        <v>0</v>
      </c>
      <c r="CD20" s="258">
        <v>0</v>
      </c>
      <c r="CE20" s="260">
        <v>0</v>
      </c>
      <c r="CF20" s="261">
        <v>1</v>
      </c>
      <c r="CG20" s="261">
        <v>8</v>
      </c>
      <c r="CH20" s="261">
        <v>10</v>
      </c>
      <c r="CI20" s="261">
        <v>6</v>
      </c>
      <c r="CJ20" s="261">
        <v>4</v>
      </c>
      <c r="CK20" s="258">
        <v>29</v>
      </c>
      <c r="CL20" s="263">
        <v>29</v>
      </c>
      <c r="CM20" s="257">
        <v>0</v>
      </c>
      <c r="CN20" s="261">
        <v>0</v>
      </c>
      <c r="CO20" s="258">
        <v>0</v>
      </c>
      <c r="CP20" s="260">
        <v>0</v>
      </c>
      <c r="CQ20" s="261">
        <v>0</v>
      </c>
      <c r="CR20" s="261">
        <v>1</v>
      </c>
      <c r="CS20" s="261">
        <v>0</v>
      </c>
      <c r="CT20" s="261">
        <v>0</v>
      </c>
      <c r="CU20" s="261">
        <v>0</v>
      </c>
      <c r="CV20" s="258">
        <v>1</v>
      </c>
      <c r="CW20" s="263">
        <v>1</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1</v>
      </c>
      <c r="DU20" s="261">
        <v>23</v>
      </c>
      <c r="DV20" s="258">
        <v>34</v>
      </c>
      <c r="DW20" s="260">
        <v>0</v>
      </c>
      <c r="DX20" s="261">
        <v>50</v>
      </c>
      <c r="DY20" s="261">
        <v>65</v>
      </c>
      <c r="DZ20" s="261">
        <v>55</v>
      </c>
      <c r="EA20" s="261">
        <v>33</v>
      </c>
      <c r="EB20" s="261">
        <v>21</v>
      </c>
      <c r="EC20" s="258">
        <v>224</v>
      </c>
      <c r="ED20" s="263">
        <v>258</v>
      </c>
      <c r="EE20" s="257">
        <v>3</v>
      </c>
      <c r="EF20" s="261">
        <v>3</v>
      </c>
      <c r="EG20" s="258">
        <v>6</v>
      </c>
      <c r="EH20" s="260">
        <v>0</v>
      </c>
      <c r="EI20" s="261">
        <v>14</v>
      </c>
      <c r="EJ20" s="261">
        <v>17</v>
      </c>
      <c r="EK20" s="261">
        <v>7</v>
      </c>
      <c r="EL20" s="261">
        <v>9</v>
      </c>
      <c r="EM20" s="261">
        <v>12</v>
      </c>
      <c r="EN20" s="258">
        <v>59</v>
      </c>
      <c r="EO20" s="263">
        <v>65</v>
      </c>
      <c r="EP20" s="257">
        <v>19</v>
      </c>
      <c r="EQ20" s="261">
        <v>28</v>
      </c>
      <c r="ER20" s="258">
        <v>47</v>
      </c>
      <c r="ES20" s="260">
        <v>0</v>
      </c>
      <c r="ET20" s="261">
        <v>101</v>
      </c>
      <c r="EU20" s="261">
        <v>105</v>
      </c>
      <c r="EV20" s="261">
        <v>64</v>
      </c>
      <c r="EW20" s="261">
        <v>37</v>
      </c>
      <c r="EX20" s="261">
        <v>19</v>
      </c>
      <c r="EY20" s="258">
        <v>326</v>
      </c>
      <c r="EZ20" s="263">
        <v>373</v>
      </c>
    </row>
    <row r="21" spans="2:156" ht="21" customHeight="1" x14ac:dyDescent="0.2">
      <c r="B21" s="472" t="s">
        <v>19</v>
      </c>
      <c r="C21" s="257">
        <v>0</v>
      </c>
      <c r="D21" s="261">
        <v>0</v>
      </c>
      <c r="E21" s="358">
        <v>0</v>
      </c>
      <c r="F21" s="260">
        <v>0</v>
      </c>
      <c r="G21" s="261">
        <v>8</v>
      </c>
      <c r="H21" s="261">
        <v>9</v>
      </c>
      <c r="I21" s="261">
        <v>5</v>
      </c>
      <c r="J21" s="261">
        <v>3</v>
      </c>
      <c r="K21" s="261">
        <v>4</v>
      </c>
      <c r="L21" s="262">
        <v>29</v>
      </c>
      <c r="M21" s="263">
        <v>29</v>
      </c>
      <c r="N21" s="257">
        <v>0</v>
      </c>
      <c r="O21" s="261">
        <v>0</v>
      </c>
      <c r="P21" s="258">
        <v>0</v>
      </c>
      <c r="Q21" s="260">
        <v>0</v>
      </c>
      <c r="R21" s="261">
        <v>0</v>
      </c>
      <c r="S21" s="261">
        <v>1</v>
      </c>
      <c r="T21" s="261">
        <v>0</v>
      </c>
      <c r="U21" s="261">
        <v>2</v>
      </c>
      <c r="V21" s="261">
        <v>2</v>
      </c>
      <c r="W21" s="258">
        <v>5</v>
      </c>
      <c r="X21" s="263">
        <v>5</v>
      </c>
      <c r="Y21" s="257">
        <v>2</v>
      </c>
      <c r="Z21" s="261">
        <v>3</v>
      </c>
      <c r="AA21" s="258">
        <v>5</v>
      </c>
      <c r="AB21" s="260">
        <v>0</v>
      </c>
      <c r="AC21" s="261">
        <v>16</v>
      </c>
      <c r="AD21" s="261">
        <v>10</v>
      </c>
      <c r="AE21" s="261">
        <v>3</v>
      </c>
      <c r="AF21" s="261">
        <v>9</v>
      </c>
      <c r="AG21" s="261">
        <v>5</v>
      </c>
      <c r="AH21" s="258">
        <v>43</v>
      </c>
      <c r="AI21" s="263">
        <v>48</v>
      </c>
      <c r="AJ21" s="257">
        <v>1</v>
      </c>
      <c r="AK21" s="261">
        <v>0</v>
      </c>
      <c r="AL21" s="258">
        <v>1</v>
      </c>
      <c r="AM21" s="260">
        <v>0</v>
      </c>
      <c r="AN21" s="261">
        <v>2</v>
      </c>
      <c r="AO21" s="261">
        <v>0</v>
      </c>
      <c r="AP21" s="261">
        <v>1</v>
      </c>
      <c r="AQ21" s="261">
        <v>2</v>
      </c>
      <c r="AR21" s="261">
        <v>0</v>
      </c>
      <c r="AS21" s="258">
        <v>5</v>
      </c>
      <c r="AT21" s="263">
        <v>6</v>
      </c>
      <c r="AU21" s="257">
        <v>1</v>
      </c>
      <c r="AV21" s="261">
        <v>2</v>
      </c>
      <c r="AW21" s="258">
        <v>3</v>
      </c>
      <c r="AX21" s="260">
        <v>0</v>
      </c>
      <c r="AY21" s="261">
        <v>13</v>
      </c>
      <c r="AZ21" s="261">
        <v>23</v>
      </c>
      <c r="BA21" s="261">
        <v>13</v>
      </c>
      <c r="BB21" s="261">
        <v>10</v>
      </c>
      <c r="BC21" s="261">
        <v>10</v>
      </c>
      <c r="BD21" s="262">
        <v>69</v>
      </c>
      <c r="BE21" s="263">
        <v>72</v>
      </c>
      <c r="BF21" s="257">
        <v>0</v>
      </c>
      <c r="BG21" s="261">
        <v>0</v>
      </c>
      <c r="BH21" s="258">
        <v>0</v>
      </c>
      <c r="BI21" s="260">
        <v>0</v>
      </c>
      <c r="BJ21" s="261">
        <v>13</v>
      </c>
      <c r="BK21" s="261">
        <v>11</v>
      </c>
      <c r="BL21" s="261">
        <v>4</v>
      </c>
      <c r="BM21" s="261">
        <v>2</v>
      </c>
      <c r="BN21" s="261">
        <v>3</v>
      </c>
      <c r="BO21" s="258">
        <v>33</v>
      </c>
      <c r="BP21" s="263">
        <v>33</v>
      </c>
      <c r="BQ21" s="257">
        <v>0</v>
      </c>
      <c r="BR21" s="261">
        <v>6</v>
      </c>
      <c r="BS21" s="258">
        <v>6</v>
      </c>
      <c r="BT21" s="260">
        <v>0</v>
      </c>
      <c r="BU21" s="261">
        <v>8</v>
      </c>
      <c r="BV21" s="261">
        <v>5</v>
      </c>
      <c r="BW21" s="261">
        <v>4</v>
      </c>
      <c r="BX21" s="261">
        <v>3</v>
      </c>
      <c r="BY21" s="261">
        <v>1</v>
      </c>
      <c r="BZ21" s="258">
        <v>21</v>
      </c>
      <c r="CA21" s="263">
        <v>27</v>
      </c>
      <c r="CB21" s="257">
        <v>0</v>
      </c>
      <c r="CC21" s="261">
        <v>1</v>
      </c>
      <c r="CD21" s="258">
        <v>1</v>
      </c>
      <c r="CE21" s="260">
        <v>0</v>
      </c>
      <c r="CF21" s="261">
        <v>3</v>
      </c>
      <c r="CG21" s="261">
        <v>0</v>
      </c>
      <c r="CH21" s="261">
        <v>2</v>
      </c>
      <c r="CI21" s="261">
        <v>1</v>
      </c>
      <c r="CJ21" s="261">
        <v>1</v>
      </c>
      <c r="CK21" s="258">
        <v>7</v>
      </c>
      <c r="CL21" s="263">
        <v>8</v>
      </c>
      <c r="CM21" s="257">
        <v>0</v>
      </c>
      <c r="CN21" s="261">
        <v>0</v>
      </c>
      <c r="CO21" s="258">
        <v>0</v>
      </c>
      <c r="CP21" s="260">
        <v>0</v>
      </c>
      <c r="CQ21" s="261">
        <v>0</v>
      </c>
      <c r="CR21" s="261">
        <v>0</v>
      </c>
      <c r="CS21" s="261">
        <v>1</v>
      </c>
      <c r="CT21" s="261">
        <v>1</v>
      </c>
      <c r="CU21" s="261">
        <v>0</v>
      </c>
      <c r="CV21" s="258">
        <v>2</v>
      </c>
      <c r="CW21" s="263">
        <v>2</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4</v>
      </c>
      <c r="DU21" s="261">
        <v>9</v>
      </c>
      <c r="DV21" s="258">
        <v>13</v>
      </c>
      <c r="DW21" s="260">
        <v>0</v>
      </c>
      <c r="DX21" s="261">
        <v>19</v>
      </c>
      <c r="DY21" s="261">
        <v>23</v>
      </c>
      <c r="DZ21" s="261">
        <v>14</v>
      </c>
      <c r="EA21" s="261">
        <v>13</v>
      </c>
      <c r="EB21" s="261">
        <v>8</v>
      </c>
      <c r="EC21" s="258">
        <v>77</v>
      </c>
      <c r="ED21" s="263">
        <v>90</v>
      </c>
      <c r="EE21" s="257">
        <v>1</v>
      </c>
      <c r="EF21" s="261">
        <v>2</v>
      </c>
      <c r="EG21" s="258">
        <v>3</v>
      </c>
      <c r="EH21" s="260">
        <v>0</v>
      </c>
      <c r="EI21" s="261">
        <v>6</v>
      </c>
      <c r="EJ21" s="261">
        <v>13</v>
      </c>
      <c r="EK21" s="261">
        <v>6</v>
      </c>
      <c r="EL21" s="261">
        <v>2</v>
      </c>
      <c r="EM21" s="261">
        <v>2</v>
      </c>
      <c r="EN21" s="258">
        <v>29</v>
      </c>
      <c r="EO21" s="263">
        <v>32</v>
      </c>
      <c r="EP21" s="257">
        <v>6</v>
      </c>
      <c r="EQ21" s="261">
        <v>15</v>
      </c>
      <c r="ER21" s="258">
        <v>21</v>
      </c>
      <c r="ES21" s="260">
        <v>0</v>
      </c>
      <c r="ET21" s="261">
        <v>46</v>
      </c>
      <c r="EU21" s="261">
        <v>33</v>
      </c>
      <c r="EV21" s="261">
        <v>17</v>
      </c>
      <c r="EW21" s="261">
        <v>14</v>
      </c>
      <c r="EX21" s="261">
        <v>9</v>
      </c>
      <c r="EY21" s="258">
        <v>119</v>
      </c>
      <c r="EZ21" s="263">
        <v>140</v>
      </c>
    </row>
    <row r="22" spans="2:156" ht="21" customHeight="1" x14ac:dyDescent="0.2">
      <c r="B22" s="472" t="s">
        <v>20</v>
      </c>
      <c r="C22" s="257">
        <v>0</v>
      </c>
      <c r="D22" s="261">
        <v>0</v>
      </c>
      <c r="E22" s="358">
        <v>0</v>
      </c>
      <c r="F22" s="260">
        <v>0</v>
      </c>
      <c r="G22" s="261">
        <v>9</v>
      </c>
      <c r="H22" s="261">
        <v>12</v>
      </c>
      <c r="I22" s="261">
        <v>8</v>
      </c>
      <c r="J22" s="261">
        <v>7</v>
      </c>
      <c r="K22" s="261">
        <v>4</v>
      </c>
      <c r="L22" s="262">
        <v>40</v>
      </c>
      <c r="M22" s="263">
        <v>40</v>
      </c>
      <c r="N22" s="257">
        <v>0</v>
      </c>
      <c r="O22" s="261">
        <v>0</v>
      </c>
      <c r="P22" s="258">
        <v>0</v>
      </c>
      <c r="Q22" s="260">
        <v>0</v>
      </c>
      <c r="R22" s="261">
        <v>1</v>
      </c>
      <c r="S22" s="261">
        <v>1</v>
      </c>
      <c r="T22" s="261">
        <v>0</v>
      </c>
      <c r="U22" s="261">
        <v>2</v>
      </c>
      <c r="V22" s="261">
        <v>3</v>
      </c>
      <c r="W22" s="258">
        <v>7</v>
      </c>
      <c r="X22" s="263">
        <v>7</v>
      </c>
      <c r="Y22" s="257">
        <v>3</v>
      </c>
      <c r="Z22" s="261">
        <v>6</v>
      </c>
      <c r="AA22" s="258">
        <v>9</v>
      </c>
      <c r="AB22" s="260">
        <v>0</v>
      </c>
      <c r="AC22" s="261">
        <v>13</v>
      </c>
      <c r="AD22" s="261">
        <v>14</v>
      </c>
      <c r="AE22" s="261">
        <v>10</v>
      </c>
      <c r="AF22" s="261">
        <v>6</v>
      </c>
      <c r="AG22" s="261">
        <v>5</v>
      </c>
      <c r="AH22" s="258">
        <v>48</v>
      </c>
      <c r="AI22" s="263">
        <v>57</v>
      </c>
      <c r="AJ22" s="257">
        <v>0</v>
      </c>
      <c r="AK22" s="261">
        <v>3</v>
      </c>
      <c r="AL22" s="258">
        <v>3</v>
      </c>
      <c r="AM22" s="260">
        <v>0</v>
      </c>
      <c r="AN22" s="261">
        <v>5</v>
      </c>
      <c r="AO22" s="261">
        <v>7</v>
      </c>
      <c r="AP22" s="261">
        <v>3</v>
      </c>
      <c r="AQ22" s="261">
        <v>3</v>
      </c>
      <c r="AR22" s="261">
        <v>2</v>
      </c>
      <c r="AS22" s="258">
        <v>20</v>
      </c>
      <c r="AT22" s="263">
        <v>23</v>
      </c>
      <c r="AU22" s="257">
        <v>3</v>
      </c>
      <c r="AV22" s="261">
        <v>2</v>
      </c>
      <c r="AW22" s="258">
        <v>5</v>
      </c>
      <c r="AX22" s="260">
        <v>0</v>
      </c>
      <c r="AY22" s="261">
        <v>10</v>
      </c>
      <c r="AZ22" s="261">
        <v>16</v>
      </c>
      <c r="BA22" s="261">
        <v>12</v>
      </c>
      <c r="BB22" s="261">
        <v>14</v>
      </c>
      <c r="BC22" s="261">
        <v>12</v>
      </c>
      <c r="BD22" s="262">
        <v>64</v>
      </c>
      <c r="BE22" s="263">
        <v>69</v>
      </c>
      <c r="BF22" s="257">
        <v>0</v>
      </c>
      <c r="BG22" s="261">
        <v>0</v>
      </c>
      <c r="BH22" s="258">
        <v>0</v>
      </c>
      <c r="BI22" s="260">
        <v>0</v>
      </c>
      <c r="BJ22" s="261">
        <v>11</v>
      </c>
      <c r="BK22" s="261">
        <v>15</v>
      </c>
      <c r="BL22" s="261">
        <v>11</v>
      </c>
      <c r="BM22" s="261">
        <v>4</v>
      </c>
      <c r="BN22" s="261">
        <v>4</v>
      </c>
      <c r="BO22" s="258">
        <v>45</v>
      </c>
      <c r="BP22" s="263">
        <v>45</v>
      </c>
      <c r="BQ22" s="257">
        <v>0</v>
      </c>
      <c r="BR22" s="261">
        <v>4</v>
      </c>
      <c r="BS22" s="258">
        <v>4</v>
      </c>
      <c r="BT22" s="260">
        <v>0</v>
      </c>
      <c r="BU22" s="261">
        <v>4</v>
      </c>
      <c r="BV22" s="261">
        <v>11</v>
      </c>
      <c r="BW22" s="261">
        <v>5</v>
      </c>
      <c r="BX22" s="261">
        <v>5</v>
      </c>
      <c r="BY22" s="261">
        <v>3</v>
      </c>
      <c r="BZ22" s="258">
        <v>28</v>
      </c>
      <c r="CA22" s="263">
        <v>32</v>
      </c>
      <c r="CB22" s="257">
        <v>0</v>
      </c>
      <c r="CC22" s="261">
        <v>0</v>
      </c>
      <c r="CD22" s="258">
        <v>0</v>
      </c>
      <c r="CE22" s="260">
        <v>0</v>
      </c>
      <c r="CF22" s="261">
        <v>3</v>
      </c>
      <c r="CG22" s="261">
        <v>2</v>
      </c>
      <c r="CH22" s="261">
        <v>2</v>
      </c>
      <c r="CI22" s="261">
        <v>4</v>
      </c>
      <c r="CJ22" s="261">
        <v>1</v>
      </c>
      <c r="CK22" s="258">
        <v>12</v>
      </c>
      <c r="CL22" s="263">
        <v>12</v>
      </c>
      <c r="CM22" s="257">
        <v>0</v>
      </c>
      <c r="CN22" s="261">
        <v>0</v>
      </c>
      <c r="CO22" s="258">
        <v>0</v>
      </c>
      <c r="CP22" s="260">
        <v>0</v>
      </c>
      <c r="CQ22" s="261">
        <v>0</v>
      </c>
      <c r="CR22" s="261">
        <v>0</v>
      </c>
      <c r="CS22" s="261">
        <v>1</v>
      </c>
      <c r="CT22" s="261">
        <v>1</v>
      </c>
      <c r="CU22" s="261">
        <v>0</v>
      </c>
      <c r="CV22" s="258">
        <v>2</v>
      </c>
      <c r="CW22" s="263">
        <v>2</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8</v>
      </c>
      <c r="DU22" s="261">
        <v>21</v>
      </c>
      <c r="DV22" s="258">
        <v>29</v>
      </c>
      <c r="DW22" s="260">
        <v>0</v>
      </c>
      <c r="DX22" s="261">
        <v>31</v>
      </c>
      <c r="DY22" s="261">
        <v>31</v>
      </c>
      <c r="DZ22" s="261">
        <v>19</v>
      </c>
      <c r="EA22" s="261">
        <v>14</v>
      </c>
      <c r="EB22" s="261">
        <v>10</v>
      </c>
      <c r="EC22" s="258">
        <v>105</v>
      </c>
      <c r="ED22" s="263">
        <v>134</v>
      </c>
      <c r="EE22" s="257">
        <v>3</v>
      </c>
      <c r="EF22" s="261">
        <v>1</v>
      </c>
      <c r="EG22" s="258">
        <v>4</v>
      </c>
      <c r="EH22" s="260">
        <v>0</v>
      </c>
      <c r="EI22" s="261">
        <v>2</v>
      </c>
      <c r="EJ22" s="261">
        <v>6</v>
      </c>
      <c r="EK22" s="261">
        <v>4</v>
      </c>
      <c r="EL22" s="261">
        <v>7</v>
      </c>
      <c r="EM22" s="261">
        <v>3</v>
      </c>
      <c r="EN22" s="258">
        <v>22</v>
      </c>
      <c r="EO22" s="263">
        <v>26</v>
      </c>
      <c r="EP22" s="257">
        <v>10</v>
      </c>
      <c r="EQ22" s="261">
        <v>30</v>
      </c>
      <c r="ER22" s="258">
        <v>40</v>
      </c>
      <c r="ES22" s="260">
        <v>0</v>
      </c>
      <c r="ET22" s="261">
        <v>51</v>
      </c>
      <c r="EU22" s="261">
        <v>49</v>
      </c>
      <c r="EV22" s="261">
        <v>25</v>
      </c>
      <c r="EW22" s="261">
        <v>17</v>
      </c>
      <c r="EX22" s="261">
        <v>8</v>
      </c>
      <c r="EY22" s="258">
        <v>150</v>
      </c>
      <c r="EZ22" s="263">
        <v>190</v>
      </c>
    </row>
    <row r="23" spans="2:156" ht="21" customHeight="1" x14ac:dyDescent="0.2">
      <c r="B23" s="472" t="s">
        <v>21</v>
      </c>
      <c r="C23" s="257">
        <v>0</v>
      </c>
      <c r="D23" s="261">
        <v>0</v>
      </c>
      <c r="E23" s="358">
        <v>0</v>
      </c>
      <c r="F23" s="260">
        <v>0</v>
      </c>
      <c r="G23" s="261">
        <v>15</v>
      </c>
      <c r="H23" s="261">
        <v>13</v>
      </c>
      <c r="I23" s="261">
        <v>6</v>
      </c>
      <c r="J23" s="261">
        <v>4</v>
      </c>
      <c r="K23" s="261">
        <v>8</v>
      </c>
      <c r="L23" s="262">
        <v>46</v>
      </c>
      <c r="M23" s="263">
        <v>46</v>
      </c>
      <c r="N23" s="257">
        <v>0</v>
      </c>
      <c r="O23" s="261">
        <v>0</v>
      </c>
      <c r="P23" s="258">
        <v>0</v>
      </c>
      <c r="Q23" s="260">
        <v>0</v>
      </c>
      <c r="R23" s="261">
        <v>0</v>
      </c>
      <c r="S23" s="261">
        <v>1</v>
      </c>
      <c r="T23" s="261">
        <v>0</v>
      </c>
      <c r="U23" s="261">
        <v>1</v>
      </c>
      <c r="V23" s="261">
        <v>4</v>
      </c>
      <c r="W23" s="258">
        <v>6</v>
      </c>
      <c r="X23" s="263">
        <v>6</v>
      </c>
      <c r="Y23" s="257">
        <v>1</v>
      </c>
      <c r="Z23" s="261">
        <v>1</v>
      </c>
      <c r="AA23" s="258">
        <v>2</v>
      </c>
      <c r="AB23" s="260">
        <v>0</v>
      </c>
      <c r="AC23" s="261">
        <v>14</v>
      </c>
      <c r="AD23" s="261">
        <v>7</v>
      </c>
      <c r="AE23" s="261">
        <v>6</v>
      </c>
      <c r="AF23" s="261">
        <v>5</v>
      </c>
      <c r="AG23" s="261">
        <v>5</v>
      </c>
      <c r="AH23" s="258">
        <v>37</v>
      </c>
      <c r="AI23" s="263">
        <v>39</v>
      </c>
      <c r="AJ23" s="257">
        <v>0</v>
      </c>
      <c r="AK23" s="261">
        <v>0</v>
      </c>
      <c r="AL23" s="258">
        <v>0</v>
      </c>
      <c r="AM23" s="260">
        <v>0</v>
      </c>
      <c r="AN23" s="261">
        <v>2</v>
      </c>
      <c r="AO23" s="261">
        <v>0</v>
      </c>
      <c r="AP23" s="261">
        <v>2</v>
      </c>
      <c r="AQ23" s="261">
        <v>0</v>
      </c>
      <c r="AR23" s="261">
        <v>1</v>
      </c>
      <c r="AS23" s="258">
        <v>5</v>
      </c>
      <c r="AT23" s="263">
        <v>5</v>
      </c>
      <c r="AU23" s="257">
        <v>4</v>
      </c>
      <c r="AV23" s="261">
        <v>3</v>
      </c>
      <c r="AW23" s="258">
        <v>7</v>
      </c>
      <c r="AX23" s="260">
        <v>0</v>
      </c>
      <c r="AY23" s="261">
        <v>16</v>
      </c>
      <c r="AZ23" s="261">
        <v>24</v>
      </c>
      <c r="BA23" s="261">
        <v>12</v>
      </c>
      <c r="BB23" s="261">
        <v>11</v>
      </c>
      <c r="BC23" s="261">
        <v>9</v>
      </c>
      <c r="BD23" s="262">
        <v>72</v>
      </c>
      <c r="BE23" s="263">
        <v>79</v>
      </c>
      <c r="BF23" s="257">
        <v>0</v>
      </c>
      <c r="BG23" s="261">
        <v>0</v>
      </c>
      <c r="BH23" s="258">
        <v>0</v>
      </c>
      <c r="BI23" s="260">
        <v>0</v>
      </c>
      <c r="BJ23" s="261">
        <v>19</v>
      </c>
      <c r="BK23" s="261">
        <v>8</v>
      </c>
      <c r="BL23" s="261">
        <v>11</v>
      </c>
      <c r="BM23" s="261">
        <v>3</v>
      </c>
      <c r="BN23" s="261">
        <v>3</v>
      </c>
      <c r="BO23" s="258">
        <v>44</v>
      </c>
      <c r="BP23" s="263">
        <v>44</v>
      </c>
      <c r="BQ23" s="257">
        <v>0</v>
      </c>
      <c r="BR23" s="261">
        <v>1</v>
      </c>
      <c r="BS23" s="258">
        <v>1</v>
      </c>
      <c r="BT23" s="260">
        <v>0</v>
      </c>
      <c r="BU23" s="261">
        <v>3</v>
      </c>
      <c r="BV23" s="261">
        <v>5</v>
      </c>
      <c r="BW23" s="261">
        <v>0</v>
      </c>
      <c r="BX23" s="261">
        <v>2</v>
      </c>
      <c r="BY23" s="261">
        <v>1</v>
      </c>
      <c r="BZ23" s="258">
        <v>11</v>
      </c>
      <c r="CA23" s="263">
        <v>12</v>
      </c>
      <c r="CB23" s="257">
        <v>1</v>
      </c>
      <c r="CC23" s="261">
        <v>1</v>
      </c>
      <c r="CD23" s="258">
        <v>2</v>
      </c>
      <c r="CE23" s="260">
        <v>0</v>
      </c>
      <c r="CF23" s="261">
        <v>2</v>
      </c>
      <c r="CG23" s="261">
        <v>2</v>
      </c>
      <c r="CH23" s="261">
        <v>4</v>
      </c>
      <c r="CI23" s="261">
        <v>3</v>
      </c>
      <c r="CJ23" s="261">
        <v>2</v>
      </c>
      <c r="CK23" s="258">
        <v>13</v>
      </c>
      <c r="CL23" s="263">
        <v>15</v>
      </c>
      <c r="CM23" s="257">
        <v>0</v>
      </c>
      <c r="CN23" s="261">
        <v>0</v>
      </c>
      <c r="CO23" s="258">
        <v>0</v>
      </c>
      <c r="CP23" s="260">
        <v>0</v>
      </c>
      <c r="CQ23" s="261">
        <v>0</v>
      </c>
      <c r="CR23" s="261">
        <v>1</v>
      </c>
      <c r="CS23" s="261">
        <v>0</v>
      </c>
      <c r="CT23" s="261">
        <v>0</v>
      </c>
      <c r="CU23" s="261">
        <v>0</v>
      </c>
      <c r="CV23" s="258">
        <v>1</v>
      </c>
      <c r="CW23" s="263">
        <v>1</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6</v>
      </c>
      <c r="DU23" s="261">
        <v>12</v>
      </c>
      <c r="DV23" s="258">
        <v>18</v>
      </c>
      <c r="DW23" s="260">
        <v>0</v>
      </c>
      <c r="DX23" s="261">
        <v>13</v>
      </c>
      <c r="DY23" s="261">
        <v>29</v>
      </c>
      <c r="DZ23" s="261">
        <v>9</v>
      </c>
      <c r="EA23" s="261">
        <v>13</v>
      </c>
      <c r="EB23" s="261">
        <v>11</v>
      </c>
      <c r="EC23" s="258">
        <v>75</v>
      </c>
      <c r="ED23" s="263">
        <v>93</v>
      </c>
      <c r="EE23" s="257">
        <v>2</v>
      </c>
      <c r="EF23" s="261">
        <v>2</v>
      </c>
      <c r="EG23" s="258">
        <v>4</v>
      </c>
      <c r="EH23" s="260">
        <v>0</v>
      </c>
      <c r="EI23" s="261">
        <v>6</v>
      </c>
      <c r="EJ23" s="261">
        <v>7</v>
      </c>
      <c r="EK23" s="261">
        <v>7</v>
      </c>
      <c r="EL23" s="261">
        <v>4</v>
      </c>
      <c r="EM23" s="261">
        <v>0</v>
      </c>
      <c r="EN23" s="258">
        <v>24</v>
      </c>
      <c r="EO23" s="263">
        <v>28</v>
      </c>
      <c r="EP23" s="257">
        <v>9</v>
      </c>
      <c r="EQ23" s="261">
        <v>15</v>
      </c>
      <c r="ER23" s="258">
        <v>24</v>
      </c>
      <c r="ES23" s="260">
        <v>0</v>
      </c>
      <c r="ET23" s="261">
        <v>45</v>
      </c>
      <c r="EU23" s="261">
        <v>36</v>
      </c>
      <c r="EV23" s="261">
        <v>16</v>
      </c>
      <c r="EW23" s="261">
        <v>12</v>
      </c>
      <c r="EX23" s="261">
        <v>14</v>
      </c>
      <c r="EY23" s="258">
        <v>123</v>
      </c>
      <c r="EZ23" s="263">
        <v>147</v>
      </c>
    </row>
    <row r="24" spans="2:156" ht="21" customHeight="1" x14ac:dyDescent="0.2">
      <c r="B24" s="472" t="s">
        <v>22</v>
      </c>
      <c r="C24" s="257">
        <v>0</v>
      </c>
      <c r="D24" s="261">
        <v>0</v>
      </c>
      <c r="E24" s="358">
        <v>0</v>
      </c>
      <c r="F24" s="260">
        <v>0</v>
      </c>
      <c r="G24" s="261">
        <v>3</v>
      </c>
      <c r="H24" s="261">
        <v>0</v>
      </c>
      <c r="I24" s="261">
        <v>3</v>
      </c>
      <c r="J24" s="261">
        <v>1</v>
      </c>
      <c r="K24" s="261">
        <v>2</v>
      </c>
      <c r="L24" s="262">
        <v>9</v>
      </c>
      <c r="M24" s="263">
        <v>9</v>
      </c>
      <c r="N24" s="257">
        <v>0</v>
      </c>
      <c r="O24" s="261">
        <v>0</v>
      </c>
      <c r="P24" s="258">
        <v>0</v>
      </c>
      <c r="Q24" s="260">
        <v>0</v>
      </c>
      <c r="R24" s="261">
        <v>0</v>
      </c>
      <c r="S24" s="261">
        <v>0</v>
      </c>
      <c r="T24" s="261">
        <v>1</v>
      </c>
      <c r="U24" s="261">
        <v>0</v>
      </c>
      <c r="V24" s="261">
        <v>4</v>
      </c>
      <c r="W24" s="258">
        <v>5</v>
      </c>
      <c r="X24" s="263">
        <v>5</v>
      </c>
      <c r="Y24" s="257">
        <v>1</v>
      </c>
      <c r="Z24" s="261">
        <v>0</v>
      </c>
      <c r="AA24" s="258">
        <v>1</v>
      </c>
      <c r="AB24" s="260">
        <v>0</v>
      </c>
      <c r="AC24" s="261">
        <v>5</v>
      </c>
      <c r="AD24" s="261">
        <v>4</v>
      </c>
      <c r="AE24" s="261">
        <v>4</v>
      </c>
      <c r="AF24" s="261">
        <v>3</v>
      </c>
      <c r="AG24" s="261">
        <v>4</v>
      </c>
      <c r="AH24" s="258">
        <v>20</v>
      </c>
      <c r="AI24" s="263">
        <v>21</v>
      </c>
      <c r="AJ24" s="257">
        <v>0</v>
      </c>
      <c r="AK24" s="261">
        <v>0</v>
      </c>
      <c r="AL24" s="258">
        <v>0</v>
      </c>
      <c r="AM24" s="260">
        <v>0</v>
      </c>
      <c r="AN24" s="261">
        <v>2</v>
      </c>
      <c r="AO24" s="261">
        <v>0</v>
      </c>
      <c r="AP24" s="261">
        <v>0</v>
      </c>
      <c r="AQ24" s="261">
        <v>1</v>
      </c>
      <c r="AR24" s="261">
        <v>0</v>
      </c>
      <c r="AS24" s="258">
        <v>3</v>
      </c>
      <c r="AT24" s="263">
        <v>3</v>
      </c>
      <c r="AU24" s="257">
        <v>0</v>
      </c>
      <c r="AV24" s="261">
        <v>1</v>
      </c>
      <c r="AW24" s="258">
        <v>1</v>
      </c>
      <c r="AX24" s="260">
        <v>0</v>
      </c>
      <c r="AY24" s="261">
        <v>5</v>
      </c>
      <c r="AZ24" s="261">
        <v>3</v>
      </c>
      <c r="BA24" s="261">
        <v>2</v>
      </c>
      <c r="BB24" s="261">
        <v>6</v>
      </c>
      <c r="BC24" s="261">
        <v>1</v>
      </c>
      <c r="BD24" s="262">
        <v>17</v>
      </c>
      <c r="BE24" s="263">
        <v>18</v>
      </c>
      <c r="BF24" s="257">
        <v>0</v>
      </c>
      <c r="BG24" s="261">
        <v>0</v>
      </c>
      <c r="BH24" s="258">
        <v>0</v>
      </c>
      <c r="BI24" s="260">
        <v>0</v>
      </c>
      <c r="BJ24" s="261">
        <v>6</v>
      </c>
      <c r="BK24" s="261">
        <v>2</v>
      </c>
      <c r="BL24" s="261">
        <v>2</v>
      </c>
      <c r="BM24" s="261">
        <v>2</v>
      </c>
      <c r="BN24" s="261">
        <v>2</v>
      </c>
      <c r="BO24" s="258">
        <v>14</v>
      </c>
      <c r="BP24" s="263">
        <v>14</v>
      </c>
      <c r="BQ24" s="257">
        <v>1</v>
      </c>
      <c r="BR24" s="261">
        <v>0</v>
      </c>
      <c r="BS24" s="258">
        <v>1</v>
      </c>
      <c r="BT24" s="260">
        <v>0</v>
      </c>
      <c r="BU24" s="261">
        <v>4</v>
      </c>
      <c r="BV24" s="261">
        <v>1</v>
      </c>
      <c r="BW24" s="261">
        <v>1</v>
      </c>
      <c r="BX24" s="261">
        <v>1</v>
      </c>
      <c r="BY24" s="261">
        <v>1</v>
      </c>
      <c r="BZ24" s="258">
        <v>8</v>
      </c>
      <c r="CA24" s="263">
        <v>9</v>
      </c>
      <c r="CB24" s="257">
        <v>0</v>
      </c>
      <c r="CC24" s="261">
        <v>0</v>
      </c>
      <c r="CD24" s="258">
        <v>0</v>
      </c>
      <c r="CE24" s="260">
        <v>0</v>
      </c>
      <c r="CF24" s="261">
        <v>0</v>
      </c>
      <c r="CG24" s="261">
        <v>1</v>
      </c>
      <c r="CH24" s="261">
        <v>1</v>
      </c>
      <c r="CI24" s="261">
        <v>1</v>
      </c>
      <c r="CJ24" s="261">
        <v>0</v>
      </c>
      <c r="CK24" s="258">
        <v>3</v>
      </c>
      <c r="CL24" s="263">
        <v>3</v>
      </c>
      <c r="CM24" s="257">
        <v>0</v>
      </c>
      <c r="CN24" s="261">
        <v>0</v>
      </c>
      <c r="CO24" s="258">
        <v>0</v>
      </c>
      <c r="CP24" s="260">
        <v>0</v>
      </c>
      <c r="CQ24" s="261">
        <v>0</v>
      </c>
      <c r="CR24" s="261">
        <v>0</v>
      </c>
      <c r="CS24" s="261">
        <v>1</v>
      </c>
      <c r="CT24" s="261">
        <v>0</v>
      </c>
      <c r="CU24" s="261">
        <v>0</v>
      </c>
      <c r="CV24" s="258">
        <v>1</v>
      </c>
      <c r="CW24" s="263">
        <v>1</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4</v>
      </c>
      <c r="DU24" s="261">
        <v>5</v>
      </c>
      <c r="DV24" s="258">
        <v>9</v>
      </c>
      <c r="DW24" s="260">
        <v>0</v>
      </c>
      <c r="DX24" s="261">
        <v>12</v>
      </c>
      <c r="DY24" s="261">
        <v>7</v>
      </c>
      <c r="DZ24" s="261">
        <v>6</v>
      </c>
      <c r="EA24" s="261">
        <v>5</v>
      </c>
      <c r="EB24" s="261">
        <v>5</v>
      </c>
      <c r="EC24" s="258">
        <v>35</v>
      </c>
      <c r="ED24" s="263">
        <v>44</v>
      </c>
      <c r="EE24" s="257">
        <v>0</v>
      </c>
      <c r="EF24" s="261">
        <v>0</v>
      </c>
      <c r="EG24" s="258">
        <v>0</v>
      </c>
      <c r="EH24" s="260">
        <v>0</v>
      </c>
      <c r="EI24" s="261">
        <v>3</v>
      </c>
      <c r="EJ24" s="261">
        <v>4</v>
      </c>
      <c r="EK24" s="261">
        <v>1</v>
      </c>
      <c r="EL24" s="261">
        <v>4</v>
      </c>
      <c r="EM24" s="261">
        <v>1</v>
      </c>
      <c r="EN24" s="258">
        <v>13</v>
      </c>
      <c r="EO24" s="263">
        <v>13</v>
      </c>
      <c r="EP24" s="257">
        <v>5</v>
      </c>
      <c r="EQ24" s="261">
        <v>5</v>
      </c>
      <c r="ER24" s="258">
        <v>10</v>
      </c>
      <c r="ES24" s="260">
        <v>0</v>
      </c>
      <c r="ET24" s="261">
        <v>21</v>
      </c>
      <c r="EU24" s="261">
        <v>8</v>
      </c>
      <c r="EV24" s="261">
        <v>5</v>
      </c>
      <c r="EW24" s="261">
        <v>5</v>
      </c>
      <c r="EX24" s="261">
        <v>6</v>
      </c>
      <c r="EY24" s="258">
        <v>45</v>
      </c>
      <c r="EZ24" s="263">
        <v>55</v>
      </c>
    </row>
    <row r="25" spans="2:156" ht="21" customHeight="1" x14ac:dyDescent="0.2">
      <c r="B25" s="472" t="s">
        <v>23</v>
      </c>
      <c r="C25" s="257">
        <v>0</v>
      </c>
      <c r="D25" s="261">
        <v>0</v>
      </c>
      <c r="E25" s="358">
        <v>0</v>
      </c>
      <c r="F25" s="260">
        <v>0</v>
      </c>
      <c r="G25" s="261">
        <v>2</v>
      </c>
      <c r="H25" s="261">
        <v>4</v>
      </c>
      <c r="I25" s="261">
        <v>6</v>
      </c>
      <c r="J25" s="261">
        <v>2</v>
      </c>
      <c r="K25" s="261">
        <v>0</v>
      </c>
      <c r="L25" s="262">
        <v>14</v>
      </c>
      <c r="M25" s="263">
        <v>14</v>
      </c>
      <c r="N25" s="257">
        <v>0</v>
      </c>
      <c r="O25" s="261">
        <v>0</v>
      </c>
      <c r="P25" s="258">
        <v>0</v>
      </c>
      <c r="Q25" s="260">
        <v>0</v>
      </c>
      <c r="R25" s="261">
        <v>1</v>
      </c>
      <c r="S25" s="261">
        <v>0</v>
      </c>
      <c r="T25" s="261">
        <v>1</v>
      </c>
      <c r="U25" s="261">
        <v>0</v>
      </c>
      <c r="V25" s="261">
        <v>1</v>
      </c>
      <c r="W25" s="258">
        <v>3</v>
      </c>
      <c r="X25" s="263">
        <v>3</v>
      </c>
      <c r="Y25" s="257">
        <v>3</v>
      </c>
      <c r="Z25" s="261">
        <v>2</v>
      </c>
      <c r="AA25" s="258">
        <v>5</v>
      </c>
      <c r="AB25" s="260">
        <v>0</v>
      </c>
      <c r="AC25" s="261">
        <v>4</v>
      </c>
      <c r="AD25" s="261">
        <v>6</v>
      </c>
      <c r="AE25" s="261">
        <v>8</v>
      </c>
      <c r="AF25" s="261">
        <v>3</v>
      </c>
      <c r="AG25" s="261">
        <v>1</v>
      </c>
      <c r="AH25" s="258">
        <v>22</v>
      </c>
      <c r="AI25" s="263">
        <v>27</v>
      </c>
      <c r="AJ25" s="257">
        <v>0</v>
      </c>
      <c r="AK25" s="261">
        <v>1</v>
      </c>
      <c r="AL25" s="258">
        <v>1</v>
      </c>
      <c r="AM25" s="260">
        <v>0</v>
      </c>
      <c r="AN25" s="261">
        <v>0</v>
      </c>
      <c r="AO25" s="261">
        <v>1</v>
      </c>
      <c r="AP25" s="261">
        <v>0</v>
      </c>
      <c r="AQ25" s="261">
        <v>1</v>
      </c>
      <c r="AR25" s="261">
        <v>0</v>
      </c>
      <c r="AS25" s="258">
        <v>2</v>
      </c>
      <c r="AT25" s="263">
        <v>3</v>
      </c>
      <c r="AU25" s="257">
        <v>1</v>
      </c>
      <c r="AV25" s="261">
        <v>0</v>
      </c>
      <c r="AW25" s="258">
        <v>1</v>
      </c>
      <c r="AX25" s="260">
        <v>0</v>
      </c>
      <c r="AY25" s="261">
        <v>3</v>
      </c>
      <c r="AZ25" s="261">
        <v>2</v>
      </c>
      <c r="BA25" s="261">
        <v>10</v>
      </c>
      <c r="BB25" s="261">
        <v>14</v>
      </c>
      <c r="BC25" s="261">
        <v>10</v>
      </c>
      <c r="BD25" s="262">
        <v>39</v>
      </c>
      <c r="BE25" s="263">
        <v>40</v>
      </c>
      <c r="BF25" s="257">
        <v>0</v>
      </c>
      <c r="BG25" s="261">
        <v>0</v>
      </c>
      <c r="BH25" s="258">
        <v>0</v>
      </c>
      <c r="BI25" s="260">
        <v>0</v>
      </c>
      <c r="BJ25" s="261">
        <v>9</v>
      </c>
      <c r="BK25" s="261">
        <v>14</v>
      </c>
      <c r="BL25" s="261">
        <v>8</v>
      </c>
      <c r="BM25" s="261">
        <v>4</v>
      </c>
      <c r="BN25" s="261">
        <v>0</v>
      </c>
      <c r="BO25" s="258">
        <v>35</v>
      </c>
      <c r="BP25" s="263">
        <v>35</v>
      </c>
      <c r="BQ25" s="257">
        <v>0</v>
      </c>
      <c r="BR25" s="261">
        <v>0</v>
      </c>
      <c r="BS25" s="258">
        <v>0</v>
      </c>
      <c r="BT25" s="260">
        <v>0</v>
      </c>
      <c r="BU25" s="261">
        <v>2</v>
      </c>
      <c r="BV25" s="261">
        <v>3</v>
      </c>
      <c r="BW25" s="261">
        <v>2</v>
      </c>
      <c r="BX25" s="261">
        <v>2</v>
      </c>
      <c r="BY25" s="261">
        <v>1</v>
      </c>
      <c r="BZ25" s="258">
        <v>10</v>
      </c>
      <c r="CA25" s="263">
        <v>10</v>
      </c>
      <c r="CB25" s="257">
        <v>0</v>
      </c>
      <c r="CC25" s="261">
        <v>0</v>
      </c>
      <c r="CD25" s="258">
        <v>0</v>
      </c>
      <c r="CE25" s="260">
        <v>0</v>
      </c>
      <c r="CF25" s="261">
        <v>3</v>
      </c>
      <c r="CG25" s="261">
        <v>3</v>
      </c>
      <c r="CH25" s="261">
        <v>1</v>
      </c>
      <c r="CI25" s="261">
        <v>2</v>
      </c>
      <c r="CJ25" s="261">
        <v>0</v>
      </c>
      <c r="CK25" s="258">
        <v>9</v>
      </c>
      <c r="CL25" s="263">
        <v>9</v>
      </c>
      <c r="CM25" s="257">
        <v>0</v>
      </c>
      <c r="CN25" s="261">
        <v>0</v>
      </c>
      <c r="CO25" s="258">
        <v>0</v>
      </c>
      <c r="CP25" s="260">
        <v>0</v>
      </c>
      <c r="CQ25" s="261">
        <v>0</v>
      </c>
      <c r="CR25" s="261">
        <v>0</v>
      </c>
      <c r="CS25" s="261">
        <v>1</v>
      </c>
      <c r="CT25" s="261">
        <v>0</v>
      </c>
      <c r="CU25" s="261">
        <v>0</v>
      </c>
      <c r="CV25" s="258">
        <v>1</v>
      </c>
      <c r="CW25" s="263">
        <v>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4</v>
      </c>
      <c r="DU25" s="261">
        <v>6</v>
      </c>
      <c r="DV25" s="258">
        <v>10</v>
      </c>
      <c r="DW25" s="260">
        <v>0</v>
      </c>
      <c r="DX25" s="261">
        <v>11</v>
      </c>
      <c r="DY25" s="261">
        <v>19</v>
      </c>
      <c r="DZ25" s="261">
        <v>10</v>
      </c>
      <c r="EA25" s="261">
        <v>9</v>
      </c>
      <c r="EB25" s="261">
        <v>5</v>
      </c>
      <c r="EC25" s="258">
        <v>54</v>
      </c>
      <c r="ED25" s="263">
        <v>64</v>
      </c>
      <c r="EE25" s="257">
        <v>0</v>
      </c>
      <c r="EF25" s="261">
        <v>0</v>
      </c>
      <c r="EG25" s="258">
        <v>0</v>
      </c>
      <c r="EH25" s="260">
        <v>0</v>
      </c>
      <c r="EI25" s="261">
        <v>3</v>
      </c>
      <c r="EJ25" s="261">
        <v>0</v>
      </c>
      <c r="EK25" s="261">
        <v>2</v>
      </c>
      <c r="EL25" s="261">
        <v>12</v>
      </c>
      <c r="EM25" s="261">
        <v>6</v>
      </c>
      <c r="EN25" s="258">
        <v>23</v>
      </c>
      <c r="EO25" s="263">
        <v>23</v>
      </c>
      <c r="EP25" s="257">
        <v>6</v>
      </c>
      <c r="EQ25" s="261">
        <v>8</v>
      </c>
      <c r="ER25" s="258">
        <v>14</v>
      </c>
      <c r="ES25" s="260">
        <v>0</v>
      </c>
      <c r="ET25" s="261">
        <v>17</v>
      </c>
      <c r="EU25" s="261">
        <v>28</v>
      </c>
      <c r="EV25" s="261">
        <v>17</v>
      </c>
      <c r="EW25" s="261">
        <v>9</v>
      </c>
      <c r="EX25" s="261">
        <v>5</v>
      </c>
      <c r="EY25" s="258">
        <v>76</v>
      </c>
      <c r="EZ25" s="263">
        <v>90</v>
      </c>
    </row>
    <row r="26" spans="2:156" ht="21" customHeight="1" x14ac:dyDescent="0.2">
      <c r="B26" s="472" t="s">
        <v>24</v>
      </c>
      <c r="C26" s="257">
        <v>0</v>
      </c>
      <c r="D26" s="261">
        <v>0</v>
      </c>
      <c r="E26" s="358">
        <v>0</v>
      </c>
      <c r="F26" s="260">
        <v>0</v>
      </c>
      <c r="G26" s="261">
        <v>9</v>
      </c>
      <c r="H26" s="261">
        <v>6</v>
      </c>
      <c r="I26" s="261">
        <v>5</v>
      </c>
      <c r="J26" s="261">
        <v>2</v>
      </c>
      <c r="K26" s="261">
        <v>4</v>
      </c>
      <c r="L26" s="262">
        <v>26</v>
      </c>
      <c r="M26" s="263">
        <v>26</v>
      </c>
      <c r="N26" s="257">
        <v>0</v>
      </c>
      <c r="O26" s="261">
        <v>0</v>
      </c>
      <c r="P26" s="258">
        <v>0</v>
      </c>
      <c r="Q26" s="260">
        <v>0</v>
      </c>
      <c r="R26" s="261">
        <v>0</v>
      </c>
      <c r="S26" s="261">
        <v>0</v>
      </c>
      <c r="T26" s="261">
        <v>0</v>
      </c>
      <c r="U26" s="261">
        <v>0</v>
      </c>
      <c r="V26" s="261">
        <v>4</v>
      </c>
      <c r="W26" s="258">
        <v>4</v>
      </c>
      <c r="X26" s="263">
        <v>4</v>
      </c>
      <c r="Y26" s="257">
        <v>1</v>
      </c>
      <c r="Z26" s="261">
        <v>4</v>
      </c>
      <c r="AA26" s="258">
        <v>5</v>
      </c>
      <c r="AB26" s="260">
        <v>0</v>
      </c>
      <c r="AC26" s="261">
        <v>8</v>
      </c>
      <c r="AD26" s="261">
        <v>3</v>
      </c>
      <c r="AE26" s="261">
        <v>6</v>
      </c>
      <c r="AF26" s="261">
        <v>5</v>
      </c>
      <c r="AG26" s="261">
        <v>4</v>
      </c>
      <c r="AH26" s="258">
        <v>26</v>
      </c>
      <c r="AI26" s="263">
        <v>31</v>
      </c>
      <c r="AJ26" s="257">
        <v>0</v>
      </c>
      <c r="AK26" s="261">
        <v>0</v>
      </c>
      <c r="AL26" s="258">
        <v>0</v>
      </c>
      <c r="AM26" s="260">
        <v>0</v>
      </c>
      <c r="AN26" s="261">
        <v>0</v>
      </c>
      <c r="AO26" s="261">
        <v>1</v>
      </c>
      <c r="AP26" s="261">
        <v>0</v>
      </c>
      <c r="AQ26" s="261">
        <v>0</v>
      </c>
      <c r="AR26" s="261">
        <v>1</v>
      </c>
      <c r="AS26" s="258">
        <v>2</v>
      </c>
      <c r="AT26" s="263">
        <v>2</v>
      </c>
      <c r="AU26" s="257">
        <v>4</v>
      </c>
      <c r="AV26" s="261">
        <v>2</v>
      </c>
      <c r="AW26" s="258">
        <v>6</v>
      </c>
      <c r="AX26" s="260">
        <v>0</v>
      </c>
      <c r="AY26" s="261">
        <v>9</v>
      </c>
      <c r="AZ26" s="261">
        <v>9</v>
      </c>
      <c r="BA26" s="261">
        <v>8</v>
      </c>
      <c r="BB26" s="261">
        <v>11</v>
      </c>
      <c r="BC26" s="261">
        <v>12</v>
      </c>
      <c r="BD26" s="262">
        <v>49</v>
      </c>
      <c r="BE26" s="263">
        <v>55</v>
      </c>
      <c r="BF26" s="257">
        <v>0</v>
      </c>
      <c r="BG26" s="261">
        <v>0</v>
      </c>
      <c r="BH26" s="258">
        <v>0</v>
      </c>
      <c r="BI26" s="260">
        <v>0</v>
      </c>
      <c r="BJ26" s="261">
        <v>11</v>
      </c>
      <c r="BK26" s="261">
        <v>9</v>
      </c>
      <c r="BL26" s="261">
        <v>3</v>
      </c>
      <c r="BM26" s="261">
        <v>1</v>
      </c>
      <c r="BN26" s="261">
        <v>1</v>
      </c>
      <c r="BO26" s="258">
        <v>25</v>
      </c>
      <c r="BP26" s="263">
        <v>25</v>
      </c>
      <c r="BQ26" s="257">
        <v>1</v>
      </c>
      <c r="BR26" s="261">
        <v>0</v>
      </c>
      <c r="BS26" s="258">
        <v>1</v>
      </c>
      <c r="BT26" s="260">
        <v>0</v>
      </c>
      <c r="BU26" s="261">
        <v>4</v>
      </c>
      <c r="BV26" s="261">
        <v>7</v>
      </c>
      <c r="BW26" s="261">
        <v>2</v>
      </c>
      <c r="BX26" s="261">
        <v>1</v>
      </c>
      <c r="BY26" s="261">
        <v>3</v>
      </c>
      <c r="BZ26" s="258">
        <v>17</v>
      </c>
      <c r="CA26" s="263">
        <v>18</v>
      </c>
      <c r="CB26" s="257">
        <v>0</v>
      </c>
      <c r="CC26" s="261">
        <v>0</v>
      </c>
      <c r="CD26" s="258">
        <v>0</v>
      </c>
      <c r="CE26" s="260">
        <v>0</v>
      </c>
      <c r="CF26" s="261">
        <v>1</v>
      </c>
      <c r="CG26" s="261">
        <v>3</v>
      </c>
      <c r="CH26" s="261">
        <v>1</v>
      </c>
      <c r="CI26" s="261">
        <v>1</v>
      </c>
      <c r="CJ26" s="261">
        <v>2</v>
      </c>
      <c r="CK26" s="258">
        <v>8</v>
      </c>
      <c r="CL26" s="263">
        <v>8</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v>
      </c>
      <c r="DU26" s="261">
        <v>10</v>
      </c>
      <c r="DV26" s="258">
        <v>18</v>
      </c>
      <c r="DW26" s="260">
        <v>0</v>
      </c>
      <c r="DX26" s="261">
        <v>12</v>
      </c>
      <c r="DY26" s="261">
        <v>16</v>
      </c>
      <c r="DZ26" s="261">
        <v>11</v>
      </c>
      <c r="EA26" s="261">
        <v>7</v>
      </c>
      <c r="EB26" s="261">
        <v>7</v>
      </c>
      <c r="EC26" s="258">
        <v>53</v>
      </c>
      <c r="ED26" s="263">
        <v>71</v>
      </c>
      <c r="EE26" s="257">
        <v>2</v>
      </c>
      <c r="EF26" s="261">
        <v>1</v>
      </c>
      <c r="EG26" s="258">
        <v>3</v>
      </c>
      <c r="EH26" s="260">
        <v>0</v>
      </c>
      <c r="EI26" s="261">
        <v>6</v>
      </c>
      <c r="EJ26" s="261">
        <v>6</v>
      </c>
      <c r="EK26" s="261">
        <v>3</v>
      </c>
      <c r="EL26" s="261">
        <v>6</v>
      </c>
      <c r="EM26" s="261">
        <v>4</v>
      </c>
      <c r="EN26" s="258">
        <v>25</v>
      </c>
      <c r="EO26" s="263">
        <v>28</v>
      </c>
      <c r="EP26" s="257">
        <v>10</v>
      </c>
      <c r="EQ26" s="261">
        <v>13</v>
      </c>
      <c r="ER26" s="258">
        <v>23</v>
      </c>
      <c r="ES26" s="260">
        <v>0</v>
      </c>
      <c r="ET26" s="261">
        <v>21</v>
      </c>
      <c r="EU26" s="261">
        <v>23</v>
      </c>
      <c r="EV26" s="261">
        <v>13</v>
      </c>
      <c r="EW26" s="261">
        <v>7</v>
      </c>
      <c r="EX26" s="261">
        <v>8</v>
      </c>
      <c r="EY26" s="258">
        <v>72</v>
      </c>
      <c r="EZ26" s="263">
        <v>95</v>
      </c>
    </row>
    <row r="27" spans="2:156" ht="21" customHeight="1" x14ac:dyDescent="0.2">
      <c r="B27" s="472" t="s">
        <v>25</v>
      </c>
      <c r="C27" s="257">
        <v>0</v>
      </c>
      <c r="D27" s="261">
        <v>0</v>
      </c>
      <c r="E27" s="358">
        <v>0</v>
      </c>
      <c r="F27" s="260">
        <v>0</v>
      </c>
      <c r="G27" s="261">
        <v>6</v>
      </c>
      <c r="H27" s="261">
        <v>4</v>
      </c>
      <c r="I27" s="261">
        <v>2</v>
      </c>
      <c r="J27" s="261">
        <v>2</v>
      </c>
      <c r="K27" s="261">
        <v>1</v>
      </c>
      <c r="L27" s="262">
        <v>15</v>
      </c>
      <c r="M27" s="263">
        <v>15</v>
      </c>
      <c r="N27" s="257">
        <v>0</v>
      </c>
      <c r="O27" s="261">
        <v>0</v>
      </c>
      <c r="P27" s="258">
        <v>0</v>
      </c>
      <c r="Q27" s="260">
        <v>0</v>
      </c>
      <c r="R27" s="261">
        <v>0</v>
      </c>
      <c r="S27" s="261">
        <v>1</v>
      </c>
      <c r="T27" s="261">
        <v>0</v>
      </c>
      <c r="U27" s="261">
        <v>2</v>
      </c>
      <c r="V27" s="261">
        <v>2</v>
      </c>
      <c r="W27" s="258">
        <v>5</v>
      </c>
      <c r="X27" s="263">
        <v>5</v>
      </c>
      <c r="Y27" s="257">
        <v>1</v>
      </c>
      <c r="Z27" s="261">
        <v>3</v>
      </c>
      <c r="AA27" s="258">
        <v>4</v>
      </c>
      <c r="AB27" s="260">
        <v>0</v>
      </c>
      <c r="AC27" s="261">
        <v>4</v>
      </c>
      <c r="AD27" s="261">
        <v>5</v>
      </c>
      <c r="AE27" s="261">
        <v>1</v>
      </c>
      <c r="AF27" s="261">
        <v>0</v>
      </c>
      <c r="AG27" s="261">
        <v>1</v>
      </c>
      <c r="AH27" s="258">
        <v>11</v>
      </c>
      <c r="AI27" s="263">
        <v>15</v>
      </c>
      <c r="AJ27" s="257">
        <v>0</v>
      </c>
      <c r="AK27" s="261">
        <v>0</v>
      </c>
      <c r="AL27" s="258">
        <v>0</v>
      </c>
      <c r="AM27" s="260">
        <v>0</v>
      </c>
      <c r="AN27" s="261">
        <v>0</v>
      </c>
      <c r="AO27" s="261">
        <v>0</v>
      </c>
      <c r="AP27" s="261">
        <v>0</v>
      </c>
      <c r="AQ27" s="261">
        <v>0</v>
      </c>
      <c r="AR27" s="261">
        <v>0</v>
      </c>
      <c r="AS27" s="258">
        <v>0</v>
      </c>
      <c r="AT27" s="263">
        <v>0</v>
      </c>
      <c r="AU27" s="257">
        <v>2</v>
      </c>
      <c r="AV27" s="261">
        <v>2</v>
      </c>
      <c r="AW27" s="258">
        <v>4</v>
      </c>
      <c r="AX27" s="260">
        <v>0</v>
      </c>
      <c r="AY27" s="261">
        <v>2</v>
      </c>
      <c r="AZ27" s="261">
        <v>1</v>
      </c>
      <c r="BA27" s="261">
        <v>2</v>
      </c>
      <c r="BB27" s="261">
        <v>3</v>
      </c>
      <c r="BC27" s="261">
        <v>3</v>
      </c>
      <c r="BD27" s="262">
        <v>11</v>
      </c>
      <c r="BE27" s="263">
        <v>15</v>
      </c>
      <c r="BF27" s="257">
        <v>0</v>
      </c>
      <c r="BG27" s="261">
        <v>0</v>
      </c>
      <c r="BH27" s="258">
        <v>0</v>
      </c>
      <c r="BI27" s="260">
        <v>0</v>
      </c>
      <c r="BJ27" s="261">
        <v>3</v>
      </c>
      <c r="BK27" s="261">
        <v>3</v>
      </c>
      <c r="BL27" s="261">
        <v>2</v>
      </c>
      <c r="BM27" s="261">
        <v>2</v>
      </c>
      <c r="BN27" s="261">
        <v>0</v>
      </c>
      <c r="BO27" s="258">
        <v>10</v>
      </c>
      <c r="BP27" s="263">
        <v>10</v>
      </c>
      <c r="BQ27" s="257">
        <v>0</v>
      </c>
      <c r="BR27" s="261">
        <v>2</v>
      </c>
      <c r="BS27" s="258">
        <v>2</v>
      </c>
      <c r="BT27" s="260">
        <v>0</v>
      </c>
      <c r="BU27" s="261">
        <v>2</v>
      </c>
      <c r="BV27" s="261">
        <v>4</v>
      </c>
      <c r="BW27" s="261">
        <v>1</v>
      </c>
      <c r="BX27" s="261">
        <v>0</v>
      </c>
      <c r="BY27" s="261">
        <v>0</v>
      </c>
      <c r="BZ27" s="258">
        <v>7</v>
      </c>
      <c r="CA27" s="263">
        <v>9</v>
      </c>
      <c r="CB27" s="257">
        <v>0</v>
      </c>
      <c r="CC27" s="261">
        <v>1</v>
      </c>
      <c r="CD27" s="258">
        <v>1</v>
      </c>
      <c r="CE27" s="260">
        <v>0</v>
      </c>
      <c r="CF27" s="261">
        <v>1</v>
      </c>
      <c r="CG27" s="261">
        <v>1</v>
      </c>
      <c r="CH27" s="261">
        <v>0</v>
      </c>
      <c r="CI27" s="261">
        <v>1</v>
      </c>
      <c r="CJ27" s="261">
        <v>0</v>
      </c>
      <c r="CK27" s="258">
        <v>3</v>
      </c>
      <c r="CL27" s="263">
        <v>4</v>
      </c>
      <c r="CM27" s="257">
        <v>0</v>
      </c>
      <c r="CN27" s="261">
        <v>0</v>
      </c>
      <c r="CO27" s="258">
        <v>0</v>
      </c>
      <c r="CP27" s="260">
        <v>0</v>
      </c>
      <c r="CQ27" s="261">
        <v>0</v>
      </c>
      <c r="CR27" s="261">
        <v>1</v>
      </c>
      <c r="CS27" s="261">
        <v>0</v>
      </c>
      <c r="CT27" s="261">
        <v>0</v>
      </c>
      <c r="CU27" s="261">
        <v>0</v>
      </c>
      <c r="CV27" s="258">
        <v>1</v>
      </c>
      <c r="CW27" s="263">
        <v>1</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4</v>
      </c>
      <c r="DU27" s="261">
        <v>8</v>
      </c>
      <c r="DV27" s="258">
        <v>12</v>
      </c>
      <c r="DW27" s="260">
        <v>0</v>
      </c>
      <c r="DX27" s="261">
        <v>11</v>
      </c>
      <c r="DY27" s="261">
        <v>9</v>
      </c>
      <c r="DZ27" s="261">
        <v>4</v>
      </c>
      <c r="EA27" s="261">
        <v>5</v>
      </c>
      <c r="EB27" s="261">
        <v>2</v>
      </c>
      <c r="EC27" s="258">
        <v>31</v>
      </c>
      <c r="ED27" s="263">
        <v>43</v>
      </c>
      <c r="EE27" s="257">
        <v>0</v>
      </c>
      <c r="EF27" s="261">
        <v>0</v>
      </c>
      <c r="EG27" s="258">
        <v>0</v>
      </c>
      <c r="EH27" s="260">
        <v>0</v>
      </c>
      <c r="EI27" s="261">
        <v>1</v>
      </c>
      <c r="EJ27" s="261">
        <v>1</v>
      </c>
      <c r="EK27" s="261">
        <v>2</v>
      </c>
      <c r="EL27" s="261">
        <v>2</v>
      </c>
      <c r="EM27" s="261">
        <v>2</v>
      </c>
      <c r="EN27" s="258">
        <v>8</v>
      </c>
      <c r="EO27" s="263">
        <v>8</v>
      </c>
      <c r="EP27" s="257">
        <v>5</v>
      </c>
      <c r="EQ27" s="261">
        <v>13</v>
      </c>
      <c r="ER27" s="258">
        <v>18</v>
      </c>
      <c r="ES27" s="260">
        <v>0</v>
      </c>
      <c r="ET27" s="261">
        <v>19</v>
      </c>
      <c r="EU27" s="261">
        <v>12</v>
      </c>
      <c r="EV27" s="261">
        <v>4</v>
      </c>
      <c r="EW27" s="261">
        <v>5</v>
      </c>
      <c r="EX27" s="261">
        <v>2</v>
      </c>
      <c r="EY27" s="258">
        <v>42</v>
      </c>
      <c r="EZ27" s="263">
        <v>60</v>
      </c>
    </row>
    <row r="28" spans="2:156" ht="21" customHeight="1" x14ac:dyDescent="0.2">
      <c r="B28" s="472" t="s">
        <v>26</v>
      </c>
      <c r="C28" s="257">
        <v>0</v>
      </c>
      <c r="D28" s="261">
        <v>0</v>
      </c>
      <c r="E28" s="358">
        <v>0</v>
      </c>
      <c r="F28" s="260">
        <v>0</v>
      </c>
      <c r="G28" s="261">
        <v>6</v>
      </c>
      <c r="H28" s="261">
        <v>3</v>
      </c>
      <c r="I28" s="261">
        <v>3</v>
      </c>
      <c r="J28" s="261">
        <v>2</v>
      </c>
      <c r="K28" s="261">
        <v>3</v>
      </c>
      <c r="L28" s="262">
        <v>17</v>
      </c>
      <c r="M28" s="263">
        <v>17</v>
      </c>
      <c r="N28" s="257">
        <v>0</v>
      </c>
      <c r="O28" s="261">
        <v>0</v>
      </c>
      <c r="P28" s="258">
        <v>0</v>
      </c>
      <c r="Q28" s="260">
        <v>0</v>
      </c>
      <c r="R28" s="261">
        <v>0</v>
      </c>
      <c r="S28" s="261">
        <v>0</v>
      </c>
      <c r="T28" s="261">
        <v>0</v>
      </c>
      <c r="U28" s="261">
        <v>1</v>
      </c>
      <c r="V28" s="261">
        <v>1</v>
      </c>
      <c r="W28" s="258">
        <v>2</v>
      </c>
      <c r="X28" s="263">
        <v>2</v>
      </c>
      <c r="Y28" s="257">
        <v>0</v>
      </c>
      <c r="Z28" s="261">
        <v>1</v>
      </c>
      <c r="AA28" s="258">
        <v>1</v>
      </c>
      <c r="AB28" s="260">
        <v>0</v>
      </c>
      <c r="AC28" s="261">
        <v>4</v>
      </c>
      <c r="AD28" s="261">
        <v>4</v>
      </c>
      <c r="AE28" s="261">
        <v>3</v>
      </c>
      <c r="AF28" s="261">
        <v>4</v>
      </c>
      <c r="AG28" s="261">
        <v>4</v>
      </c>
      <c r="AH28" s="258">
        <v>19</v>
      </c>
      <c r="AI28" s="263">
        <v>20</v>
      </c>
      <c r="AJ28" s="257">
        <v>0</v>
      </c>
      <c r="AK28" s="261">
        <v>0</v>
      </c>
      <c r="AL28" s="258">
        <v>0</v>
      </c>
      <c r="AM28" s="260">
        <v>0</v>
      </c>
      <c r="AN28" s="261">
        <v>0</v>
      </c>
      <c r="AO28" s="261">
        <v>0</v>
      </c>
      <c r="AP28" s="261">
        <v>0</v>
      </c>
      <c r="AQ28" s="261">
        <v>0</v>
      </c>
      <c r="AR28" s="261">
        <v>0</v>
      </c>
      <c r="AS28" s="258">
        <v>0</v>
      </c>
      <c r="AT28" s="263">
        <v>0</v>
      </c>
      <c r="AU28" s="257">
        <v>3</v>
      </c>
      <c r="AV28" s="261">
        <v>1</v>
      </c>
      <c r="AW28" s="258">
        <v>4</v>
      </c>
      <c r="AX28" s="260">
        <v>0</v>
      </c>
      <c r="AY28" s="261">
        <v>3</v>
      </c>
      <c r="AZ28" s="261">
        <v>7</v>
      </c>
      <c r="BA28" s="261">
        <v>3</v>
      </c>
      <c r="BB28" s="261">
        <v>3</v>
      </c>
      <c r="BC28" s="261">
        <v>3</v>
      </c>
      <c r="BD28" s="262">
        <v>19</v>
      </c>
      <c r="BE28" s="263">
        <v>23</v>
      </c>
      <c r="BF28" s="257">
        <v>0</v>
      </c>
      <c r="BG28" s="261">
        <v>0</v>
      </c>
      <c r="BH28" s="258">
        <v>0</v>
      </c>
      <c r="BI28" s="260">
        <v>0</v>
      </c>
      <c r="BJ28" s="261">
        <v>7</v>
      </c>
      <c r="BK28" s="261">
        <v>4</v>
      </c>
      <c r="BL28" s="261">
        <v>3</v>
      </c>
      <c r="BM28" s="261">
        <v>1</v>
      </c>
      <c r="BN28" s="261">
        <v>0</v>
      </c>
      <c r="BO28" s="258">
        <v>15</v>
      </c>
      <c r="BP28" s="263">
        <v>15</v>
      </c>
      <c r="BQ28" s="257">
        <v>0</v>
      </c>
      <c r="BR28" s="261">
        <v>0</v>
      </c>
      <c r="BS28" s="258">
        <v>0</v>
      </c>
      <c r="BT28" s="260">
        <v>0</v>
      </c>
      <c r="BU28" s="261">
        <v>2</v>
      </c>
      <c r="BV28" s="261">
        <v>4</v>
      </c>
      <c r="BW28" s="261">
        <v>1</v>
      </c>
      <c r="BX28" s="261">
        <v>0</v>
      </c>
      <c r="BY28" s="261">
        <v>0</v>
      </c>
      <c r="BZ28" s="258">
        <v>7</v>
      </c>
      <c r="CA28" s="263">
        <v>7</v>
      </c>
      <c r="CB28" s="257">
        <v>0</v>
      </c>
      <c r="CC28" s="261">
        <v>0</v>
      </c>
      <c r="CD28" s="258">
        <v>0</v>
      </c>
      <c r="CE28" s="260">
        <v>0</v>
      </c>
      <c r="CF28" s="261">
        <v>0</v>
      </c>
      <c r="CG28" s="261">
        <v>0</v>
      </c>
      <c r="CH28" s="261">
        <v>1</v>
      </c>
      <c r="CI28" s="261">
        <v>1</v>
      </c>
      <c r="CJ28" s="261">
        <v>0</v>
      </c>
      <c r="CK28" s="258">
        <v>2</v>
      </c>
      <c r="CL28" s="263">
        <v>2</v>
      </c>
      <c r="CM28" s="257">
        <v>0</v>
      </c>
      <c r="CN28" s="261">
        <v>0</v>
      </c>
      <c r="CO28" s="258">
        <v>0</v>
      </c>
      <c r="CP28" s="260">
        <v>0</v>
      </c>
      <c r="CQ28" s="261">
        <v>0</v>
      </c>
      <c r="CR28" s="261">
        <v>1</v>
      </c>
      <c r="CS28" s="261">
        <v>0</v>
      </c>
      <c r="CT28" s="261">
        <v>0</v>
      </c>
      <c r="CU28" s="261">
        <v>0</v>
      </c>
      <c r="CV28" s="258">
        <v>1</v>
      </c>
      <c r="CW28" s="263">
        <v>1</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2</v>
      </c>
      <c r="DU28" s="261">
        <v>4</v>
      </c>
      <c r="DV28" s="258">
        <v>6</v>
      </c>
      <c r="DW28" s="260">
        <v>0</v>
      </c>
      <c r="DX28" s="261">
        <v>8</v>
      </c>
      <c r="DY28" s="261">
        <v>11</v>
      </c>
      <c r="DZ28" s="261">
        <v>6</v>
      </c>
      <c r="EA28" s="261">
        <v>5</v>
      </c>
      <c r="EB28" s="261">
        <v>5</v>
      </c>
      <c r="EC28" s="258">
        <v>35</v>
      </c>
      <c r="ED28" s="263">
        <v>41</v>
      </c>
      <c r="EE28" s="257">
        <v>3</v>
      </c>
      <c r="EF28" s="261">
        <v>1</v>
      </c>
      <c r="EG28" s="258">
        <v>4</v>
      </c>
      <c r="EH28" s="260">
        <v>0</v>
      </c>
      <c r="EI28" s="261">
        <v>1</v>
      </c>
      <c r="EJ28" s="261">
        <v>6</v>
      </c>
      <c r="EK28" s="261">
        <v>1</v>
      </c>
      <c r="EL28" s="261">
        <v>1</v>
      </c>
      <c r="EM28" s="261">
        <v>1</v>
      </c>
      <c r="EN28" s="258">
        <v>10</v>
      </c>
      <c r="EO28" s="263">
        <v>14</v>
      </c>
      <c r="EP28" s="257">
        <v>1</v>
      </c>
      <c r="EQ28" s="261">
        <v>5</v>
      </c>
      <c r="ER28" s="258">
        <v>6</v>
      </c>
      <c r="ES28" s="260">
        <v>0</v>
      </c>
      <c r="ET28" s="261">
        <v>17</v>
      </c>
      <c r="EU28" s="261">
        <v>15</v>
      </c>
      <c r="EV28" s="261">
        <v>8</v>
      </c>
      <c r="EW28" s="261">
        <v>5</v>
      </c>
      <c r="EX28" s="261">
        <v>5</v>
      </c>
      <c r="EY28" s="258">
        <v>50</v>
      </c>
      <c r="EZ28" s="263">
        <v>56</v>
      </c>
    </row>
    <row r="29" spans="2:156" ht="21" customHeight="1" x14ac:dyDescent="0.2">
      <c r="B29" s="472" t="s">
        <v>27</v>
      </c>
      <c r="C29" s="257">
        <v>0</v>
      </c>
      <c r="D29" s="261">
        <v>0</v>
      </c>
      <c r="E29" s="358">
        <v>0</v>
      </c>
      <c r="F29" s="260">
        <v>0</v>
      </c>
      <c r="G29" s="261">
        <v>1</v>
      </c>
      <c r="H29" s="261">
        <v>2</v>
      </c>
      <c r="I29" s="261">
        <v>3</v>
      </c>
      <c r="J29" s="261">
        <v>0</v>
      </c>
      <c r="K29" s="261">
        <v>0</v>
      </c>
      <c r="L29" s="262">
        <v>6</v>
      </c>
      <c r="M29" s="263">
        <v>6</v>
      </c>
      <c r="N29" s="257">
        <v>0</v>
      </c>
      <c r="O29" s="261">
        <v>0</v>
      </c>
      <c r="P29" s="258">
        <v>0</v>
      </c>
      <c r="Q29" s="260">
        <v>0</v>
      </c>
      <c r="R29" s="261">
        <v>0</v>
      </c>
      <c r="S29" s="261">
        <v>0</v>
      </c>
      <c r="T29" s="261">
        <v>0</v>
      </c>
      <c r="U29" s="261">
        <v>2</v>
      </c>
      <c r="V29" s="261">
        <v>0</v>
      </c>
      <c r="W29" s="258">
        <v>2</v>
      </c>
      <c r="X29" s="263">
        <v>2</v>
      </c>
      <c r="Y29" s="257">
        <v>3</v>
      </c>
      <c r="Z29" s="261">
        <v>3</v>
      </c>
      <c r="AA29" s="258">
        <v>6</v>
      </c>
      <c r="AB29" s="260">
        <v>0</v>
      </c>
      <c r="AC29" s="261">
        <v>0</v>
      </c>
      <c r="AD29" s="261">
        <v>5</v>
      </c>
      <c r="AE29" s="261">
        <v>4</v>
      </c>
      <c r="AF29" s="261">
        <v>2</v>
      </c>
      <c r="AG29" s="261">
        <v>0</v>
      </c>
      <c r="AH29" s="258">
        <v>11</v>
      </c>
      <c r="AI29" s="263">
        <v>17</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3</v>
      </c>
      <c r="AZ29" s="261">
        <v>1</v>
      </c>
      <c r="BA29" s="261">
        <v>10</v>
      </c>
      <c r="BB29" s="261">
        <v>7</v>
      </c>
      <c r="BC29" s="261">
        <v>3</v>
      </c>
      <c r="BD29" s="262">
        <v>24</v>
      </c>
      <c r="BE29" s="263">
        <v>24</v>
      </c>
      <c r="BF29" s="257">
        <v>0</v>
      </c>
      <c r="BG29" s="261">
        <v>0</v>
      </c>
      <c r="BH29" s="258">
        <v>0</v>
      </c>
      <c r="BI29" s="260">
        <v>0</v>
      </c>
      <c r="BJ29" s="261">
        <v>1</v>
      </c>
      <c r="BK29" s="261">
        <v>3</v>
      </c>
      <c r="BL29" s="261">
        <v>1</v>
      </c>
      <c r="BM29" s="261">
        <v>1</v>
      </c>
      <c r="BN29" s="261">
        <v>0</v>
      </c>
      <c r="BO29" s="258">
        <v>6</v>
      </c>
      <c r="BP29" s="263">
        <v>6</v>
      </c>
      <c r="BQ29" s="257">
        <v>1</v>
      </c>
      <c r="BR29" s="261">
        <v>0</v>
      </c>
      <c r="BS29" s="258">
        <v>1</v>
      </c>
      <c r="BT29" s="260">
        <v>0</v>
      </c>
      <c r="BU29" s="261">
        <v>1</v>
      </c>
      <c r="BV29" s="261">
        <v>3</v>
      </c>
      <c r="BW29" s="261">
        <v>1</v>
      </c>
      <c r="BX29" s="261">
        <v>0</v>
      </c>
      <c r="BY29" s="261">
        <v>0</v>
      </c>
      <c r="BZ29" s="258">
        <v>5</v>
      </c>
      <c r="CA29" s="263">
        <v>6</v>
      </c>
      <c r="CB29" s="257">
        <v>0</v>
      </c>
      <c r="CC29" s="261">
        <v>0</v>
      </c>
      <c r="CD29" s="258">
        <v>0</v>
      </c>
      <c r="CE29" s="260">
        <v>0</v>
      </c>
      <c r="CF29" s="261">
        <v>0</v>
      </c>
      <c r="CG29" s="261">
        <v>1</v>
      </c>
      <c r="CH29" s="261">
        <v>1</v>
      </c>
      <c r="CI29" s="261">
        <v>1</v>
      </c>
      <c r="CJ29" s="261">
        <v>0</v>
      </c>
      <c r="CK29" s="258">
        <v>3</v>
      </c>
      <c r="CL29" s="263">
        <v>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6</v>
      </c>
      <c r="DU29" s="261">
        <v>9</v>
      </c>
      <c r="DV29" s="258">
        <v>15</v>
      </c>
      <c r="DW29" s="260">
        <v>0</v>
      </c>
      <c r="DX29" s="261">
        <v>1</v>
      </c>
      <c r="DY29" s="261">
        <v>8</v>
      </c>
      <c r="DZ29" s="261">
        <v>4</v>
      </c>
      <c r="EA29" s="261">
        <v>3</v>
      </c>
      <c r="EB29" s="261">
        <v>0</v>
      </c>
      <c r="EC29" s="258">
        <v>16</v>
      </c>
      <c r="ED29" s="263">
        <v>31</v>
      </c>
      <c r="EE29" s="257">
        <v>0</v>
      </c>
      <c r="EF29" s="261">
        <v>0</v>
      </c>
      <c r="EG29" s="258">
        <v>0</v>
      </c>
      <c r="EH29" s="260">
        <v>0</v>
      </c>
      <c r="EI29" s="261">
        <v>4</v>
      </c>
      <c r="EJ29" s="261">
        <v>1</v>
      </c>
      <c r="EK29" s="261">
        <v>6</v>
      </c>
      <c r="EL29" s="261">
        <v>5</v>
      </c>
      <c r="EM29" s="261">
        <v>3</v>
      </c>
      <c r="EN29" s="258">
        <v>19</v>
      </c>
      <c r="EO29" s="263">
        <v>19</v>
      </c>
      <c r="EP29" s="257">
        <v>9</v>
      </c>
      <c r="EQ29" s="261">
        <v>11</v>
      </c>
      <c r="ER29" s="258">
        <v>20</v>
      </c>
      <c r="ES29" s="260">
        <v>0</v>
      </c>
      <c r="ET29" s="261">
        <v>4</v>
      </c>
      <c r="EU29" s="261">
        <v>13</v>
      </c>
      <c r="EV29" s="261">
        <v>6</v>
      </c>
      <c r="EW29" s="261">
        <v>3</v>
      </c>
      <c r="EX29" s="261">
        <v>0</v>
      </c>
      <c r="EY29" s="258">
        <v>26</v>
      </c>
      <c r="EZ29" s="263">
        <v>46</v>
      </c>
    </row>
    <row r="30" spans="2:156" ht="21" customHeight="1" x14ac:dyDescent="0.2">
      <c r="B30" s="472" t="s">
        <v>28</v>
      </c>
      <c r="C30" s="257">
        <v>0</v>
      </c>
      <c r="D30" s="261">
        <v>0</v>
      </c>
      <c r="E30" s="358">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1</v>
      </c>
      <c r="BA30" s="261">
        <v>2</v>
      </c>
      <c r="BB30" s="261">
        <v>2</v>
      </c>
      <c r="BC30" s="261">
        <v>0</v>
      </c>
      <c r="BD30" s="262">
        <v>5</v>
      </c>
      <c r="BE30" s="263">
        <v>5</v>
      </c>
      <c r="BF30" s="257">
        <v>0</v>
      </c>
      <c r="BG30" s="261">
        <v>0</v>
      </c>
      <c r="BH30" s="258">
        <v>0</v>
      </c>
      <c r="BI30" s="260">
        <v>0</v>
      </c>
      <c r="BJ30" s="261">
        <v>0</v>
      </c>
      <c r="BK30" s="261">
        <v>1</v>
      </c>
      <c r="BL30" s="261">
        <v>1</v>
      </c>
      <c r="BM30" s="261">
        <v>1</v>
      </c>
      <c r="BN30" s="261">
        <v>0</v>
      </c>
      <c r="BO30" s="258">
        <v>3</v>
      </c>
      <c r="BP30" s="263">
        <v>3</v>
      </c>
      <c r="BQ30" s="257">
        <v>0</v>
      </c>
      <c r="BR30" s="261">
        <v>0</v>
      </c>
      <c r="BS30" s="258">
        <v>0</v>
      </c>
      <c r="BT30" s="260">
        <v>0</v>
      </c>
      <c r="BU30" s="261">
        <v>0</v>
      </c>
      <c r="BV30" s="261">
        <v>1</v>
      </c>
      <c r="BW30" s="261">
        <v>1</v>
      </c>
      <c r="BX30" s="261">
        <v>0</v>
      </c>
      <c r="BY30" s="261">
        <v>0</v>
      </c>
      <c r="BZ30" s="258">
        <v>2</v>
      </c>
      <c r="CA30" s="263">
        <v>2</v>
      </c>
      <c r="CB30" s="257">
        <v>0</v>
      </c>
      <c r="CC30" s="261">
        <v>0</v>
      </c>
      <c r="CD30" s="258">
        <v>0</v>
      </c>
      <c r="CE30" s="260">
        <v>0</v>
      </c>
      <c r="CF30" s="261">
        <v>0</v>
      </c>
      <c r="CG30" s="261">
        <v>1</v>
      </c>
      <c r="CH30" s="261">
        <v>1</v>
      </c>
      <c r="CI30" s="261">
        <v>0</v>
      </c>
      <c r="CJ30" s="261">
        <v>0</v>
      </c>
      <c r="CK30" s="258">
        <v>2</v>
      </c>
      <c r="CL30" s="263">
        <v>2</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1</v>
      </c>
      <c r="DY30" s="261">
        <v>2</v>
      </c>
      <c r="DZ30" s="261">
        <v>1</v>
      </c>
      <c r="EA30" s="261">
        <v>1</v>
      </c>
      <c r="EB30" s="261">
        <v>0</v>
      </c>
      <c r="EC30" s="258">
        <v>5</v>
      </c>
      <c r="ED30" s="263">
        <v>6</v>
      </c>
      <c r="EE30" s="257">
        <v>0</v>
      </c>
      <c r="EF30" s="261">
        <v>0</v>
      </c>
      <c r="EG30" s="258">
        <v>0</v>
      </c>
      <c r="EH30" s="260">
        <v>0</v>
      </c>
      <c r="EI30" s="261">
        <v>0</v>
      </c>
      <c r="EJ30" s="261">
        <v>0</v>
      </c>
      <c r="EK30" s="261">
        <v>1</v>
      </c>
      <c r="EL30" s="261">
        <v>1</v>
      </c>
      <c r="EM30" s="261">
        <v>0</v>
      </c>
      <c r="EN30" s="258">
        <v>2</v>
      </c>
      <c r="EO30" s="263">
        <v>2</v>
      </c>
      <c r="EP30" s="257">
        <v>0</v>
      </c>
      <c r="EQ30" s="261">
        <v>1</v>
      </c>
      <c r="ER30" s="258">
        <v>1</v>
      </c>
      <c r="ES30" s="260">
        <v>0</v>
      </c>
      <c r="ET30" s="261">
        <v>4</v>
      </c>
      <c r="EU30" s="261">
        <v>3</v>
      </c>
      <c r="EV30" s="261">
        <v>2</v>
      </c>
      <c r="EW30" s="261">
        <v>2</v>
      </c>
      <c r="EX30" s="261">
        <v>0</v>
      </c>
      <c r="EY30" s="258">
        <v>11</v>
      </c>
      <c r="EZ30" s="263">
        <v>12</v>
      </c>
    </row>
    <row r="31" spans="2:156" ht="21" customHeight="1" x14ac:dyDescent="0.2">
      <c r="B31" s="472" t="s">
        <v>29</v>
      </c>
      <c r="C31" s="257">
        <v>0</v>
      </c>
      <c r="D31" s="261">
        <v>0</v>
      </c>
      <c r="E31" s="358">
        <v>0</v>
      </c>
      <c r="F31" s="260">
        <v>0</v>
      </c>
      <c r="G31" s="261">
        <v>2</v>
      </c>
      <c r="H31" s="261">
        <v>2</v>
      </c>
      <c r="I31" s="261">
        <v>0</v>
      </c>
      <c r="J31" s="261">
        <v>3</v>
      </c>
      <c r="K31" s="261">
        <v>0</v>
      </c>
      <c r="L31" s="262">
        <v>7</v>
      </c>
      <c r="M31" s="263">
        <v>7</v>
      </c>
      <c r="N31" s="257">
        <v>0</v>
      </c>
      <c r="O31" s="261">
        <v>0</v>
      </c>
      <c r="P31" s="258">
        <v>0</v>
      </c>
      <c r="Q31" s="260">
        <v>0</v>
      </c>
      <c r="R31" s="261">
        <v>0</v>
      </c>
      <c r="S31" s="261">
        <v>0</v>
      </c>
      <c r="T31" s="261">
        <v>0</v>
      </c>
      <c r="U31" s="261">
        <v>0</v>
      </c>
      <c r="V31" s="261">
        <v>0</v>
      </c>
      <c r="W31" s="258">
        <v>0</v>
      </c>
      <c r="X31" s="263">
        <v>0</v>
      </c>
      <c r="Y31" s="257">
        <v>0</v>
      </c>
      <c r="Z31" s="261">
        <v>3</v>
      </c>
      <c r="AA31" s="258">
        <v>3</v>
      </c>
      <c r="AB31" s="260">
        <v>0</v>
      </c>
      <c r="AC31" s="261">
        <v>2</v>
      </c>
      <c r="AD31" s="261">
        <v>2</v>
      </c>
      <c r="AE31" s="261">
        <v>2</v>
      </c>
      <c r="AF31" s="261">
        <v>1</v>
      </c>
      <c r="AG31" s="261">
        <v>0</v>
      </c>
      <c r="AH31" s="258">
        <v>7</v>
      </c>
      <c r="AI31" s="263">
        <v>10</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2</v>
      </c>
      <c r="AZ31" s="261">
        <v>0</v>
      </c>
      <c r="BA31" s="261">
        <v>1</v>
      </c>
      <c r="BB31" s="261">
        <v>2</v>
      </c>
      <c r="BC31" s="261">
        <v>0</v>
      </c>
      <c r="BD31" s="262">
        <v>5</v>
      </c>
      <c r="BE31" s="263">
        <v>5</v>
      </c>
      <c r="BF31" s="257">
        <v>0</v>
      </c>
      <c r="BG31" s="261">
        <v>0</v>
      </c>
      <c r="BH31" s="258">
        <v>0</v>
      </c>
      <c r="BI31" s="260">
        <v>0</v>
      </c>
      <c r="BJ31" s="261">
        <v>2</v>
      </c>
      <c r="BK31" s="261">
        <v>1</v>
      </c>
      <c r="BL31" s="261">
        <v>1</v>
      </c>
      <c r="BM31" s="261">
        <v>1</v>
      </c>
      <c r="BN31" s="261">
        <v>0</v>
      </c>
      <c r="BO31" s="258">
        <v>5</v>
      </c>
      <c r="BP31" s="263">
        <v>5</v>
      </c>
      <c r="BQ31" s="257">
        <v>0</v>
      </c>
      <c r="BR31" s="261">
        <v>0</v>
      </c>
      <c r="BS31" s="258">
        <v>0</v>
      </c>
      <c r="BT31" s="260">
        <v>0</v>
      </c>
      <c r="BU31" s="261">
        <v>2</v>
      </c>
      <c r="BV31" s="261">
        <v>0</v>
      </c>
      <c r="BW31" s="261">
        <v>1</v>
      </c>
      <c r="BX31" s="261">
        <v>1</v>
      </c>
      <c r="BY31" s="261">
        <v>0</v>
      </c>
      <c r="BZ31" s="258">
        <v>4</v>
      </c>
      <c r="CA31" s="263">
        <v>4</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1</v>
      </c>
      <c r="DU31" s="261">
        <v>3</v>
      </c>
      <c r="DV31" s="258">
        <v>4</v>
      </c>
      <c r="DW31" s="260">
        <v>0</v>
      </c>
      <c r="DX31" s="261">
        <v>3</v>
      </c>
      <c r="DY31" s="261">
        <v>1</v>
      </c>
      <c r="DZ31" s="261">
        <v>5</v>
      </c>
      <c r="EA31" s="261">
        <v>3</v>
      </c>
      <c r="EB31" s="261">
        <v>0</v>
      </c>
      <c r="EC31" s="258">
        <v>12</v>
      </c>
      <c r="ED31" s="263">
        <v>16</v>
      </c>
      <c r="EE31" s="257">
        <v>0</v>
      </c>
      <c r="EF31" s="261">
        <v>0</v>
      </c>
      <c r="EG31" s="258">
        <v>0</v>
      </c>
      <c r="EH31" s="260">
        <v>0</v>
      </c>
      <c r="EI31" s="261">
        <v>1</v>
      </c>
      <c r="EJ31" s="261">
        <v>0</v>
      </c>
      <c r="EK31" s="261">
        <v>0</v>
      </c>
      <c r="EL31" s="261">
        <v>2</v>
      </c>
      <c r="EM31" s="261">
        <v>0</v>
      </c>
      <c r="EN31" s="258">
        <v>3</v>
      </c>
      <c r="EO31" s="263">
        <v>3</v>
      </c>
      <c r="EP31" s="257">
        <v>1</v>
      </c>
      <c r="EQ31" s="261">
        <v>5</v>
      </c>
      <c r="ER31" s="258">
        <v>6</v>
      </c>
      <c r="ES31" s="260">
        <v>0</v>
      </c>
      <c r="ET31" s="261">
        <v>6</v>
      </c>
      <c r="EU31" s="261">
        <v>2</v>
      </c>
      <c r="EV31" s="261">
        <v>4</v>
      </c>
      <c r="EW31" s="261">
        <v>3</v>
      </c>
      <c r="EX31" s="261">
        <v>0</v>
      </c>
      <c r="EY31" s="258">
        <v>15</v>
      </c>
      <c r="EZ31" s="263">
        <v>21</v>
      </c>
    </row>
    <row r="32" spans="2:156" ht="21" customHeight="1" x14ac:dyDescent="0.2">
      <c r="B32" s="472" t="s">
        <v>30</v>
      </c>
      <c r="C32" s="257">
        <v>0</v>
      </c>
      <c r="D32" s="261">
        <v>0</v>
      </c>
      <c r="E32" s="358">
        <v>0</v>
      </c>
      <c r="F32" s="260">
        <v>0</v>
      </c>
      <c r="G32" s="261">
        <v>1</v>
      </c>
      <c r="H32" s="261">
        <v>0</v>
      </c>
      <c r="I32" s="261">
        <v>1</v>
      </c>
      <c r="J32" s="261">
        <v>2</v>
      </c>
      <c r="K32" s="261">
        <v>0</v>
      </c>
      <c r="L32" s="262">
        <v>4</v>
      </c>
      <c r="M32" s="263">
        <v>4</v>
      </c>
      <c r="N32" s="257">
        <v>0</v>
      </c>
      <c r="O32" s="261">
        <v>0</v>
      </c>
      <c r="P32" s="258">
        <v>0</v>
      </c>
      <c r="Q32" s="260">
        <v>0</v>
      </c>
      <c r="R32" s="261">
        <v>1</v>
      </c>
      <c r="S32" s="261">
        <v>0</v>
      </c>
      <c r="T32" s="261">
        <v>0</v>
      </c>
      <c r="U32" s="261">
        <v>1</v>
      </c>
      <c r="V32" s="261">
        <v>0</v>
      </c>
      <c r="W32" s="258">
        <v>2</v>
      </c>
      <c r="X32" s="263">
        <v>2</v>
      </c>
      <c r="Y32" s="257">
        <v>0</v>
      </c>
      <c r="Z32" s="261">
        <v>0</v>
      </c>
      <c r="AA32" s="258">
        <v>0</v>
      </c>
      <c r="AB32" s="260">
        <v>0</v>
      </c>
      <c r="AC32" s="261">
        <v>1</v>
      </c>
      <c r="AD32" s="261">
        <v>0</v>
      </c>
      <c r="AE32" s="261">
        <v>0</v>
      </c>
      <c r="AF32" s="261">
        <v>2</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3</v>
      </c>
      <c r="AZ32" s="261">
        <v>1</v>
      </c>
      <c r="BA32" s="261">
        <v>1</v>
      </c>
      <c r="BB32" s="261">
        <v>1</v>
      </c>
      <c r="BC32" s="261">
        <v>0</v>
      </c>
      <c r="BD32" s="262">
        <v>6</v>
      </c>
      <c r="BE32" s="263">
        <v>6</v>
      </c>
      <c r="BF32" s="257">
        <v>0</v>
      </c>
      <c r="BG32" s="261">
        <v>0</v>
      </c>
      <c r="BH32" s="258">
        <v>0</v>
      </c>
      <c r="BI32" s="260">
        <v>0</v>
      </c>
      <c r="BJ32" s="261">
        <v>1</v>
      </c>
      <c r="BK32" s="261">
        <v>3</v>
      </c>
      <c r="BL32" s="261">
        <v>0</v>
      </c>
      <c r="BM32" s="261">
        <v>0</v>
      </c>
      <c r="BN32" s="261">
        <v>0</v>
      </c>
      <c r="BO32" s="258">
        <v>4</v>
      </c>
      <c r="BP32" s="263">
        <v>4</v>
      </c>
      <c r="BQ32" s="257">
        <v>0</v>
      </c>
      <c r="BR32" s="261">
        <v>0</v>
      </c>
      <c r="BS32" s="258">
        <v>0</v>
      </c>
      <c r="BT32" s="260">
        <v>0</v>
      </c>
      <c r="BU32" s="261">
        <v>0</v>
      </c>
      <c r="BV32" s="261">
        <v>1</v>
      </c>
      <c r="BW32" s="261">
        <v>0</v>
      </c>
      <c r="BX32" s="261">
        <v>1</v>
      </c>
      <c r="BY32" s="261">
        <v>0</v>
      </c>
      <c r="BZ32" s="258">
        <v>2</v>
      </c>
      <c r="CA32" s="263">
        <v>2</v>
      </c>
      <c r="CB32" s="257">
        <v>0</v>
      </c>
      <c r="CC32" s="261">
        <v>0</v>
      </c>
      <c r="CD32" s="258">
        <v>0</v>
      </c>
      <c r="CE32" s="260">
        <v>0</v>
      </c>
      <c r="CF32" s="261">
        <v>0</v>
      </c>
      <c r="CG32" s="261">
        <v>1</v>
      </c>
      <c r="CH32" s="261">
        <v>0</v>
      </c>
      <c r="CI32" s="261">
        <v>1</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v>
      </c>
      <c r="DU32" s="261">
        <v>0</v>
      </c>
      <c r="DV32" s="258">
        <v>3</v>
      </c>
      <c r="DW32" s="260">
        <v>0</v>
      </c>
      <c r="DX32" s="261">
        <v>2</v>
      </c>
      <c r="DY32" s="261">
        <v>3</v>
      </c>
      <c r="DZ32" s="261">
        <v>1</v>
      </c>
      <c r="EA32" s="261">
        <v>3</v>
      </c>
      <c r="EB32" s="261">
        <v>0</v>
      </c>
      <c r="EC32" s="258">
        <v>9</v>
      </c>
      <c r="ED32" s="263">
        <v>12</v>
      </c>
      <c r="EE32" s="257">
        <v>0</v>
      </c>
      <c r="EF32" s="261">
        <v>0</v>
      </c>
      <c r="EG32" s="258">
        <v>0</v>
      </c>
      <c r="EH32" s="260">
        <v>0</v>
      </c>
      <c r="EI32" s="261">
        <v>2</v>
      </c>
      <c r="EJ32" s="261">
        <v>1</v>
      </c>
      <c r="EK32" s="261">
        <v>1</v>
      </c>
      <c r="EL32" s="261">
        <v>0</v>
      </c>
      <c r="EM32" s="261">
        <v>0</v>
      </c>
      <c r="EN32" s="258">
        <v>4</v>
      </c>
      <c r="EO32" s="263">
        <v>4</v>
      </c>
      <c r="EP32" s="257">
        <v>3</v>
      </c>
      <c r="EQ32" s="261">
        <v>0</v>
      </c>
      <c r="ER32" s="258">
        <v>3</v>
      </c>
      <c r="ES32" s="260">
        <v>0</v>
      </c>
      <c r="ET32" s="261">
        <v>4</v>
      </c>
      <c r="EU32" s="261">
        <v>4</v>
      </c>
      <c r="EV32" s="261">
        <v>1</v>
      </c>
      <c r="EW32" s="261">
        <v>3</v>
      </c>
      <c r="EX32" s="261">
        <v>0</v>
      </c>
      <c r="EY32" s="258">
        <v>12</v>
      </c>
      <c r="EZ32" s="263">
        <v>15</v>
      </c>
    </row>
    <row r="33" spans="2:156" ht="21" customHeight="1" x14ac:dyDescent="0.2">
      <c r="B33" s="472" t="s">
        <v>31</v>
      </c>
      <c r="C33" s="257">
        <v>0</v>
      </c>
      <c r="D33" s="261">
        <v>0</v>
      </c>
      <c r="E33" s="358">
        <v>0</v>
      </c>
      <c r="F33" s="260">
        <v>0</v>
      </c>
      <c r="G33" s="261">
        <v>0</v>
      </c>
      <c r="H33" s="261">
        <v>0</v>
      </c>
      <c r="I33" s="261">
        <v>1</v>
      </c>
      <c r="J33" s="261">
        <v>1</v>
      </c>
      <c r="K33" s="261">
        <v>0</v>
      </c>
      <c r="L33" s="262">
        <v>2</v>
      </c>
      <c r="M33" s="263">
        <v>2</v>
      </c>
      <c r="N33" s="257">
        <v>0</v>
      </c>
      <c r="O33" s="261">
        <v>0</v>
      </c>
      <c r="P33" s="258">
        <v>0</v>
      </c>
      <c r="Q33" s="260">
        <v>0</v>
      </c>
      <c r="R33" s="261">
        <v>0</v>
      </c>
      <c r="S33" s="261">
        <v>0</v>
      </c>
      <c r="T33" s="261">
        <v>0</v>
      </c>
      <c r="U33" s="261">
        <v>1</v>
      </c>
      <c r="V33" s="261">
        <v>1</v>
      </c>
      <c r="W33" s="258">
        <v>2</v>
      </c>
      <c r="X33" s="263">
        <v>2</v>
      </c>
      <c r="Y33" s="257">
        <v>0</v>
      </c>
      <c r="Z33" s="261">
        <v>0</v>
      </c>
      <c r="AA33" s="258">
        <v>0</v>
      </c>
      <c r="AB33" s="260">
        <v>0</v>
      </c>
      <c r="AC33" s="261">
        <v>1</v>
      </c>
      <c r="AD33" s="261">
        <v>2</v>
      </c>
      <c r="AE33" s="261">
        <v>2</v>
      </c>
      <c r="AF33" s="261">
        <v>2</v>
      </c>
      <c r="AG33" s="261">
        <v>1</v>
      </c>
      <c r="AH33" s="258">
        <v>8</v>
      </c>
      <c r="AI33" s="263">
        <v>8</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v>
      </c>
      <c r="AZ33" s="261">
        <v>1</v>
      </c>
      <c r="BA33" s="261">
        <v>0</v>
      </c>
      <c r="BB33" s="261">
        <v>0</v>
      </c>
      <c r="BC33" s="261">
        <v>1</v>
      </c>
      <c r="BD33" s="262">
        <v>3</v>
      </c>
      <c r="BE33" s="263">
        <v>3</v>
      </c>
      <c r="BF33" s="257">
        <v>0</v>
      </c>
      <c r="BG33" s="261">
        <v>0</v>
      </c>
      <c r="BH33" s="258">
        <v>0</v>
      </c>
      <c r="BI33" s="260">
        <v>0</v>
      </c>
      <c r="BJ33" s="261">
        <v>1</v>
      </c>
      <c r="BK33" s="261">
        <v>2</v>
      </c>
      <c r="BL33" s="261">
        <v>1</v>
      </c>
      <c r="BM33" s="261">
        <v>1</v>
      </c>
      <c r="BN33" s="261">
        <v>0</v>
      </c>
      <c r="BO33" s="258">
        <v>5</v>
      </c>
      <c r="BP33" s="263">
        <v>5</v>
      </c>
      <c r="BQ33" s="257">
        <v>0</v>
      </c>
      <c r="BR33" s="261">
        <v>0</v>
      </c>
      <c r="BS33" s="258">
        <v>0</v>
      </c>
      <c r="BT33" s="260">
        <v>0</v>
      </c>
      <c r="BU33" s="261">
        <v>1</v>
      </c>
      <c r="BV33" s="261">
        <v>1</v>
      </c>
      <c r="BW33" s="261">
        <v>0</v>
      </c>
      <c r="BX33" s="261">
        <v>0</v>
      </c>
      <c r="BY33" s="261">
        <v>0</v>
      </c>
      <c r="BZ33" s="258">
        <v>2</v>
      </c>
      <c r="CA33" s="263">
        <v>2</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3</v>
      </c>
      <c r="DU33" s="261">
        <v>0</v>
      </c>
      <c r="DV33" s="258">
        <v>3</v>
      </c>
      <c r="DW33" s="260">
        <v>0</v>
      </c>
      <c r="DX33" s="261">
        <v>3</v>
      </c>
      <c r="DY33" s="261">
        <v>3</v>
      </c>
      <c r="DZ33" s="261">
        <v>1</v>
      </c>
      <c r="EA33" s="261">
        <v>2</v>
      </c>
      <c r="EB33" s="261">
        <v>1</v>
      </c>
      <c r="EC33" s="258">
        <v>10</v>
      </c>
      <c r="ED33" s="263">
        <v>13</v>
      </c>
      <c r="EE33" s="257">
        <v>0</v>
      </c>
      <c r="EF33" s="261">
        <v>0</v>
      </c>
      <c r="EG33" s="258">
        <v>0</v>
      </c>
      <c r="EH33" s="260">
        <v>0</v>
      </c>
      <c r="EI33" s="261">
        <v>1</v>
      </c>
      <c r="EJ33" s="261">
        <v>0</v>
      </c>
      <c r="EK33" s="261">
        <v>0</v>
      </c>
      <c r="EL33" s="261">
        <v>0</v>
      </c>
      <c r="EM33" s="261">
        <v>0</v>
      </c>
      <c r="EN33" s="258">
        <v>1</v>
      </c>
      <c r="EO33" s="263">
        <v>1</v>
      </c>
      <c r="EP33" s="257">
        <v>3</v>
      </c>
      <c r="EQ33" s="261">
        <v>0</v>
      </c>
      <c r="ER33" s="258">
        <v>3</v>
      </c>
      <c r="ES33" s="260">
        <v>0</v>
      </c>
      <c r="ET33" s="261">
        <v>6</v>
      </c>
      <c r="EU33" s="261">
        <v>4</v>
      </c>
      <c r="EV33" s="261">
        <v>3</v>
      </c>
      <c r="EW33" s="261">
        <v>2</v>
      </c>
      <c r="EX33" s="261">
        <v>1</v>
      </c>
      <c r="EY33" s="258">
        <v>16</v>
      </c>
      <c r="EZ33" s="263">
        <v>19</v>
      </c>
    </row>
    <row r="34" spans="2:156" ht="21" customHeight="1" x14ac:dyDescent="0.2">
      <c r="B34" s="472" t="s">
        <v>32</v>
      </c>
      <c r="C34" s="257">
        <v>0</v>
      </c>
      <c r="D34" s="261">
        <v>0</v>
      </c>
      <c r="E34" s="358">
        <v>0</v>
      </c>
      <c r="F34" s="260">
        <v>0</v>
      </c>
      <c r="G34" s="261">
        <v>1</v>
      </c>
      <c r="H34" s="261">
        <v>0</v>
      </c>
      <c r="I34" s="261">
        <v>0</v>
      </c>
      <c r="J34" s="261">
        <v>0</v>
      </c>
      <c r="K34" s="261">
        <v>1</v>
      </c>
      <c r="L34" s="262">
        <v>2</v>
      </c>
      <c r="M34" s="263">
        <v>2</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2</v>
      </c>
      <c r="AE34" s="261">
        <v>0</v>
      </c>
      <c r="AF34" s="261">
        <v>0</v>
      </c>
      <c r="AG34" s="261">
        <v>0</v>
      </c>
      <c r="AH34" s="258">
        <v>2</v>
      </c>
      <c r="AI34" s="263">
        <v>2</v>
      </c>
      <c r="AJ34" s="257">
        <v>1</v>
      </c>
      <c r="AK34" s="261">
        <v>0</v>
      </c>
      <c r="AL34" s="258">
        <v>1</v>
      </c>
      <c r="AM34" s="260">
        <v>0</v>
      </c>
      <c r="AN34" s="261">
        <v>0</v>
      </c>
      <c r="AO34" s="261">
        <v>1</v>
      </c>
      <c r="AP34" s="261">
        <v>0</v>
      </c>
      <c r="AQ34" s="261">
        <v>1</v>
      </c>
      <c r="AR34" s="261">
        <v>0</v>
      </c>
      <c r="AS34" s="258">
        <v>2</v>
      </c>
      <c r="AT34" s="263">
        <v>3</v>
      </c>
      <c r="AU34" s="257">
        <v>0</v>
      </c>
      <c r="AV34" s="261">
        <v>0</v>
      </c>
      <c r="AW34" s="258">
        <v>0</v>
      </c>
      <c r="AX34" s="260">
        <v>0</v>
      </c>
      <c r="AY34" s="261">
        <v>0</v>
      </c>
      <c r="AZ34" s="261">
        <v>1</v>
      </c>
      <c r="BA34" s="261">
        <v>2</v>
      </c>
      <c r="BB34" s="261">
        <v>2</v>
      </c>
      <c r="BC34" s="261">
        <v>2</v>
      </c>
      <c r="BD34" s="262">
        <v>7</v>
      </c>
      <c r="BE34" s="263">
        <v>7</v>
      </c>
      <c r="BF34" s="257">
        <v>0</v>
      </c>
      <c r="BG34" s="261">
        <v>0</v>
      </c>
      <c r="BH34" s="258">
        <v>0</v>
      </c>
      <c r="BI34" s="260">
        <v>0</v>
      </c>
      <c r="BJ34" s="261">
        <v>3</v>
      </c>
      <c r="BK34" s="261">
        <v>2</v>
      </c>
      <c r="BL34" s="261">
        <v>1</v>
      </c>
      <c r="BM34" s="261">
        <v>0</v>
      </c>
      <c r="BN34" s="261">
        <v>0</v>
      </c>
      <c r="BO34" s="258">
        <v>6</v>
      </c>
      <c r="BP34" s="263">
        <v>6</v>
      </c>
      <c r="BQ34" s="257">
        <v>0</v>
      </c>
      <c r="BR34" s="261">
        <v>0</v>
      </c>
      <c r="BS34" s="258">
        <v>0</v>
      </c>
      <c r="BT34" s="260">
        <v>0</v>
      </c>
      <c r="BU34" s="261">
        <v>0</v>
      </c>
      <c r="BV34" s="261">
        <v>0</v>
      </c>
      <c r="BW34" s="261">
        <v>1</v>
      </c>
      <c r="BX34" s="261">
        <v>1</v>
      </c>
      <c r="BY34" s="261">
        <v>0</v>
      </c>
      <c r="BZ34" s="258">
        <v>2</v>
      </c>
      <c r="CA34" s="263">
        <v>2</v>
      </c>
      <c r="CB34" s="257">
        <v>0</v>
      </c>
      <c r="CC34" s="261">
        <v>0</v>
      </c>
      <c r="CD34" s="258">
        <v>0</v>
      </c>
      <c r="CE34" s="260">
        <v>0</v>
      </c>
      <c r="CF34" s="261">
        <v>0</v>
      </c>
      <c r="CG34" s="261">
        <v>0</v>
      </c>
      <c r="CH34" s="261">
        <v>1</v>
      </c>
      <c r="CI34" s="261">
        <v>0</v>
      </c>
      <c r="CJ34" s="261">
        <v>0</v>
      </c>
      <c r="CK34" s="258">
        <v>1</v>
      </c>
      <c r="CL34" s="263">
        <v>1</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v>
      </c>
      <c r="DU34" s="261">
        <v>0</v>
      </c>
      <c r="DV34" s="258">
        <v>1</v>
      </c>
      <c r="DW34" s="260">
        <v>0</v>
      </c>
      <c r="DX34" s="261">
        <v>2</v>
      </c>
      <c r="DY34" s="261">
        <v>5</v>
      </c>
      <c r="DZ34" s="261">
        <v>2</v>
      </c>
      <c r="EA34" s="261">
        <v>1</v>
      </c>
      <c r="EB34" s="261">
        <v>1</v>
      </c>
      <c r="EC34" s="258">
        <v>11</v>
      </c>
      <c r="ED34" s="263">
        <v>12</v>
      </c>
      <c r="EE34" s="257">
        <v>0</v>
      </c>
      <c r="EF34" s="261">
        <v>0</v>
      </c>
      <c r="EG34" s="258">
        <v>0</v>
      </c>
      <c r="EH34" s="260">
        <v>0</v>
      </c>
      <c r="EI34" s="261">
        <v>0</v>
      </c>
      <c r="EJ34" s="261">
        <v>1</v>
      </c>
      <c r="EK34" s="261">
        <v>1</v>
      </c>
      <c r="EL34" s="261">
        <v>1</v>
      </c>
      <c r="EM34" s="261">
        <v>0</v>
      </c>
      <c r="EN34" s="258">
        <v>3</v>
      </c>
      <c r="EO34" s="263">
        <v>3</v>
      </c>
      <c r="EP34" s="257">
        <v>2</v>
      </c>
      <c r="EQ34" s="261">
        <v>0</v>
      </c>
      <c r="ER34" s="258">
        <v>2</v>
      </c>
      <c r="ES34" s="260">
        <v>0</v>
      </c>
      <c r="ET34" s="261">
        <v>8</v>
      </c>
      <c r="EU34" s="261">
        <v>5</v>
      </c>
      <c r="EV34" s="261">
        <v>3</v>
      </c>
      <c r="EW34" s="261">
        <v>1</v>
      </c>
      <c r="EX34" s="261">
        <v>1</v>
      </c>
      <c r="EY34" s="258">
        <v>18</v>
      </c>
      <c r="EZ34" s="263">
        <v>20</v>
      </c>
    </row>
    <row r="35" spans="2:156" ht="21" customHeight="1" x14ac:dyDescent="0.2">
      <c r="B35" s="472" t="s">
        <v>33</v>
      </c>
      <c r="C35" s="257">
        <v>0</v>
      </c>
      <c r="D35" s="261">
        <v>0</v>
      </c>
      <c r="E35" s="358">
        <v>0</v>
      </c>
      <c r="F35" s="260">
        <v>0</v>
      </c>
      <c r="G35" s="261">
        <v>2</v>
      </c>
      <c r="H35" s="261">
        <v>0</v>
      </c>
      <c r="I35" s="261">
        <v>0</v>
      </c>
      <c r="J35" s="261">
        <v>0</v>
      </c>
      <c r="K35" s="261">
        <v>0</v>
      </c>
      <c r="L35" s="262">
        <v>2</v>
      </c>
      <c r="M35" s="263">
        <v>2</v>
      </c>
      <c r="N35" s="257">
        <v>0</v>
      </c>
      <c r="O35" s="261">
        <v>0</v>
      </c>
      <c r="P35" s="258">
        <v>0</v>
      </c>
      <c r="Q35" s="260">
        <v>0</v>
      </c>
      <c r="R35" s="261">
        <v>0</v>
      </c>
      <c r="S35" s="261">
        <v>0</v>
      </c>
      <c r="T35" s="261">
        <v>0</v>
      </c>
      <c r="U35" s="261">
        <v>1</v>
      </c>
      <c r="V35" s="261">
        <v>0</v>
      </c>
      <c r="W35" s="258">
        <v>1</v>
      </c>
      <c r="X35" s="263">
        <v>1</v>
      </c>
      <c r="Y35" s="257">
        <v>0</v>
      </c>
      <c r="Z35" s="261">
        <v>0</v>
      </c>
      <c r="AA35" s="258">
        <v>0</v>
      </c>
      <c r="AB35" s="260">
        <v>0</v>
      </c>
      <c r="AC35" s="261">
        <v>0</v>
      </c>
      <c r="AD35" s="261">
        <v>1</v>
      </c>
      <c r="AE35" s="261">
        <v>0</v>
      </c>
      <c r="AF35" s="261">
        <v>0</v>
      </c>
      <c r="AG35" s="261">
        <v>0</v>
      </c>
      <c r="AH35" s="258">
        <v>1</v>
      </c>
      <c r="AI35" s="263">
        <v>1</v>
      </c>
      <c r="AJ35" s="257">
        <v>0</v>
      </c>
      <c r="AK35" s="261">
        <v>0</v>
      </c>
      <c r="AL35" s="258">
        <v>0</v>
      </c>
      <c r="AM35" s="260">
        <v>0</v>
      </c>
      <c r="AN35" s="261">
        <v>3</v>
      </c>
      <c r="AO35" s="261">
        <v>2</v>
      </c>
      <c r="AP35" s="261">
        <v>2</v>
      </c>
      <c r="AQ35" s="261">
        <v>0</v>
      </c>
      <c r="AR35" s="261">
        <v>1</v>
      </c>
      <c r="AS35" s="258">
        <v>8</v>
      </c>
      <c r="AT35" s="263">
        <v>8</v>
      </c>
      <c r="AU35" s="257">
        <v>1</v>
      </c>
      <c r="AV35" s="261">
        <v>1</v>
      </c>
      <c r="AW35" s="258">
        <v>2</v>
      </c>
      <c r="AX35" s="260">
        <v>0</v>
      </c>
      <c r="AY35" s="261">
        <v>1</v>
      </c>
      <c r="AZ35" s="261">
        <v>1</v>
      </c>
      <c r="BA35" s="261">
        <v>3</v>
      </c>
      <c r="BB35" s="261">
        <v>1</v>
      </c>
      <c r="BC35" s="261">
        <v>1</v>
      </c>
      <c r="BD35" s="262">
        <v>7</v>
      </c>
      <c r="BE35" s="263">
        <v>9</v>
      </c>
      <c r="BF35" s="257">
        <v>0</v>
      </c>
      <c r="BG35" s="261">
        <v>0</v>
      </c>
      <c r="BH35" s="258">
        <v>0</v>
      </c>
      <c r="BI35" s="260">
        <v>0</v>
      </c>
      <c r="BJ35" s="261">
        <v>2</v>
      </c>
      <c r="BK35" s="261">
        <v>0</v>
      </c>
      <c r="BL35" s="261">
        <v>0</v>
      </c>
      <c r="BM35" s="261">
        <v>0</v>
      </c>
      <c r="BN35" s="261">
        <v>0</v>
      </c>
      <c r="BO35" s="258">
        <v>2</v>
      </c>
      <c r="BP35" s="263">
        <v>2</v>
      </c>
      <c r="BQ35" s="257">
        <v>0</v>
      </c>
      <c r="BR35" s="261">
        <v>0</v>
      </c>
      <c r="BS35" s="258">
        <v>0</v>
      </c>
      <c r="BT35" s="260">
        <v>0</v>
      </c>
      <c r="BU35" s="261">
        <v>3</v>
      </c>
      <c r="BV35" s="261">
        <v>0</v>
      </c>
      <c r="BW35" s="261">
        <v>2</v>
      </c>
      <c r="BX35" s="261">
        <v>0</v>
      </c>
      <c r="BY35" s="261">
        <v>0</v>
      </c>
      <c r="BZ35" s="258">
        <v>5</v>
      </c>
      <c r="CA35" s="263">
        <v>5</v>
      </c>
      <c r="CB35" s="257">
        <v>0</v>
      </c>
      <c r="CC35" s="261">
        <v>0</v>
      </c>
      <c r="CD35" s="258">
        <v>0</v>
      </c>
      <c r="CE35" s="260">
        <v>0</v>
      </c>
      <c r="CF35" s="261">
        <v>0</v>
      </c>
      <c r="CG35" s="261">
        <v>0</v>
      </c>
      <c r="CH35" s="261">
        <v>1</v>
      </c>
      <c r="CI35" s="261">
        <v>1</v>
      </c>
      <c r="CJ35" s="261">
        <v>0</v>
      </c>
      <c r="CK35" s="258">
        <v>2</v>
      </c>
      <c r="CL35" s="263">
        <v>2</v>
      </c>
      <c r="CM35" s="257">
        <v>0</v>
      </c>
      <c r="CN35" s="261">
        <v>0</v>
      </c>
      <c r="CO35" s="258">
        <v>0</v>
      </c>
      <c r="CP35" s="260">
        <v>0</v>
      </c>
      <c r="CQ35" s="261">
        <v>1</v>
      </c>
      <c r="CR35" s="261">
        <v>0</v>
      </c>
      <c r="CS35" s="261">
        <v>0</v>
      </c>
      <c r="CT35" s="261">
        <v>1</v>
      </c>
      <c r="CU35" s="261">
        <v>0</v>
      </c>
      <c r="CV35" s="258">
        <v>2</v>
      </c>
      <c r="CW35" s="263">
        <v>2</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3</v>
      </c>
      <c r="DY35" s="261">
        <v>2</v>
      </c>
      <c r="DZ35" s="261">
        <v>2</v>
      </c>
      <c r="EA35" s="261">
        <v>1</v>
      </c>
      <c r="EB35" s="261">
        <v>2</v>
      </c>
      <c r="EC35" s="258">
        <v>10</v>
      </c>
      <c r="ED35" s="263">
        <v>12</v>
      </c>
      <c r="EE35" s="257">
        <v>1</v>
      </c>
      <c r="EF35" s="261">
        <v>1</v>
      </c>
      <c r="EG35" s="258">
        <v>2</v>
      </c>
      <c r="EH35" s="260">
        <v>0</v>
      </c>
      <c r="EI35" s="261">
        <v>1</v>
      </c>
      <c r="EJ35" s="261">
        <v>0</v>
      </c>
      <c r="EK35" s="261">
        <v>2</v>
      </c>
      <c r="EL35" s="261">
        <v>1</v>
      </c>
      <c r="EM35" s="261">
        <v>1</v>
      </c>
      <c r="EN35" s="258">
        <v>5</v>
      </c>
      <c r="EO35" s="263">
        <v>7</v>
      </c>
      <c r="EP35" s="257">
        <v>1</v>
      </c>
      <c r="EQ35" s="261">
        <v>1</v>
      </c>
      <c r="ER35" s="258">
        <v>2</v>
      </c>
      <c r="ES35" s="260">
        <v>0</v>
      </c>
      <c r="ET35" s="261">
        <v>8</v>
      </c>
      <c r="EU35" s="261">
        <v>2</v>
      </c>
      <c r="EV35" s="261">
        <v>3</v>
      </c>
      <c r="EW35" s="261">
        <v>2</v>
      </c>
      <c r="EX35" s="261">
        <v>1</v>
      </c>
      <c r="EY35" s="258">
        <v>16</v>
      </c>
      <c r="EZ35" s="263">
        <v>18</v>
      </c>
    </row>
    <row r="36" spans="2:156" ht="21" customHeight="1" x14ac:dyDescent="0.2">
      <c r="B36" s="472" t="s">
        <v>34</v>
      </c>
      <c r="C36" s="257">
        <v>0</v>
      </c>
      <c r="D36" s="261">
        <v>0</v>
      </c>
      <c r="E36" s="358">
        <v>0</v>
      </c>
      <c r="F36" s="260">
        <v>0</v>
      </c>
      <c r="G36" s="261">
        <v>1</v>
      </c>
      <c r="H36" s="261">
        <v>1</v>
      </c>
      <c r="I36" s="261">
        <v>0</v>
      </c>
      <c r="J36" s="261">
        <v>0</v>
      </c>
      <c r="K36" s="261">
        <v>0</v>
      </c>
      <c r="L36" s="262">
        <v>2</v>
      </c>
      <c r="M36" s="263">
        <v>2</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1</v>
      </c>
      <c r="AE36" s="261">
        <v>0</v>
      </c>
      <c r="AF36" s="261">
        <v>0</v>
      </c>
      <c r="AG36" s="261">
        <v>0</v>
      </c>
      <c r="AH36" s="258">
        <v>1</v>
      </c>
      <c r="AI36" s="263">
        <v>1</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2</v>
      </c>
      <c r="AZ36" s="261">
        <v>2</v>
      </c>
      <c r="BA36" s="261">
        <v>1</v>
      </c>
      <c r="BB36" s="261">
        <v>0</v>
      </c>
      <c r="BC36" s="261">
        <v>1</v>
      </c>
      <c r="BD36" s="262">
        <v>6</v>
      </c>
      <c r="BE36" s="263">
        <v>6</v>
      </c>
      <c r="BF36" s="257">
        <v>0</v>
      </c>
      <c r="BG36" s="261">
        <v>0</v>
      </c>
      <c r="BH36" s="258">
        <v>0</v>
      </c>
      <c r="BI36" s="260">
        <v>0</v>
      </c>
      <c r="BJ36" s="261">
        <v>0</v>
      </c>
      <c r="BK36" s="261">
        <v>1</v>
      </c>
      <c r="BL36" s="261">
        <v>1</v>
      </c>
      <c r="BM36" s="261">
        <v>0</v>
      </c>
      <c r="BN36" s="261">
        <v>0</v>
      </c>
      <c r="BO36" s="258">
        <v>2</v>
      </c>
      <c r="BP36" s="263">
        <v>2</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0</v>
      </c>
      <c r="DV36" s="258">
        <v>0</v>
      </c>
      <c r="DW36" s="260">
        <v>0</v>
      </c>
      <c r="DX36" s="261">
        <v>1</v>
      </c>
      <c r="DY36" s="261">
        <v>1</v>
      </c>
      <c r="DZ36" s="261">
        <v>0</v>
      </c>
      <c r="EA36" s="261">
        <v>0</v>
      </c>
      <c r="EB36" s="261">
        <v>1</v>
      </c>
      <c r="EC36" s="258">
        <v>3</v>
      </c>
      <c r="ED36" s="263">
        <v>3</v>
      </c>
      <c r="EE36" s="257">
        <v>0</v>
      </c>
      <c r="EF36" s="261">
        <v>0</v>
      </c>
      <c r="EG36" s="258">
        <v>0</v>
      </c>
      <c r="EH36" s="260">
        <v>0</v>
      </c>
      <c r="EI36" s="261">
        <v>0</v>
      </c>
      <c r="EJ36" s="261">
        <v>0</v>
      </c>
      <c r="EK36" s="261">
        <v>1</v>
      </c>
      <c r="EL36" s="261">
        <v>0</v>
      </c>
      <c r="EM36" s="261">
        <v>0</v>
      </c>
      <c r="EN36" s="258">
        <v>1</v>
      </c>
      <c r="EO36" s="263">
        <v>1</v>
      </c>
      <c r="EP36" s="257">
        <v>0</v>
      </c>
      <c r="EQ36" s="261">
        <v>0</v>
      </c>
      <c r="ER36" s="258">
        <v>0</v>
      </c>
      <c r="ES36" s="260">
        <v>0</v>
      </c>
      <c r="ET36" s="261">
        <v>1</v>
      </c>
      <c r="EU36" s="261">
        <v>3</v>
      </c>
      <c r="EV36" s="261">
        <v>1</v>
      </c>
      <c r="EW36" s="261">
        <v>0</v>
      </c>
      <c r="EX36" s="261">
        <v>0</v>
      </c>
      <c r="EY36" s="258">
        <v>5</v>
      </c>
      <c r="EZ36" s="263">
        <v>5</v>
      </c>
    </row>
    <row r="37" spans="2:156" ht="21" customHeight="1" x14ac:dyDescent="0.2">
      <c r="B37" s="472" t="s">
        <v>35</v>
      </c>
      <c r="C37" s="257">
        <v>0</v>
      </c>
      <c r="D37" s="261">
        <v>0</v>
      </c>
      <c r="E37" s="358">
        <v>0</v>
      </c>
      <c r="F37" s="260">
        <v>0</v>
      </c>
      <c r="G37" s="261">
        <v>3</v>
      </c>
      <c r="H37" s="261">
        <v>2</v>
      </c>
      <c r="I37" s="261">
        <v>2</v>
      </c>
      <c r="J37" s="261">
        <v>2</v>
      </c>
      <c r="K37" s="261">
        <v>1</v>
      </c>
      <c r="L37" s="262">
        <v>10</v>
      </c>
      <c r="M37" s="263">
        <v>10</v>
      </c>
      <c r="N37" s="257">
        <v>0</v>
      </c>
      <c r="O37" s="261">
        <v>0</v>
      </c>
      <c r="P37" s="258">
        <v>0</v>
      </c>
      <c r="Q37" s="260">
        <v>0</v>
      </c>
      <c r="R37" s="261">
        <v>0</v>
      </c>
      <c r="S37" s="261">
        <v>0</v>
      </c>
      <c r="T37" s="261">
        <v>0</v>
      </c>
      <c r="U37" s="261">
        <v>1</v>
      </c>
      <c r="V37" s="261">
        <v>1</v>
      </c>
      <c r="W37" s="258">
        <v>2</v>
      </c>
      <c r="X37" s="263">
        <v>2</v>
      </c>
      <c r="Y37" s="257">
        <v>1</v>
      </c>
      <c r="Z37" s="261">
        <v>2</v>
      </c>
      <c r="AA37" s="258">
        <v>3</v>
      </c>
      <c r="AB37" s="260">
        <v>0</v>
      </c>
      <c r="AC37" s="261">
        <v>3</v>
      </c>
      <c r="AD37" s="261">
        <v>1</v>
      </c>
      <c r="AE37" s="261">
        <v>3</v>
      </c>
      <c r="AF37" s="261">
        <v>3</v>
      </c>
      <c r="AG37" s="261">
        <v>1</v>
      </c>
      <c r="AH37" s="258">
        <v>11</v>
      </c>
      <c r="AI37" s="263">
        <v>14</v>
      </c>
      <c r="AJ37" s="257">
        <v>0</v>
      </c>
      <c r="AK37" s="261">
        <v>1</v>
      </c>
      <c r="AL37" s="258">
        <v>1</v>
      </c>
      <c r="AM37" s="260">
        <v>0</v>
      </c>
      <c r="AN37" s="261">
        <v>3</v>
      </c>
      <c r="AO37" s="261">
        <v>0</v>
      </c>
      <c r="AP37" s="261">
        <v>0</v>
      </c>
      <c r="AQ37" s="261">
        <v>0</v>
      </c>
      <c r="AR37" s="261">
        <v>0</v>
      </c>
      <c r="AS37" s="258">
        <v>3</v>
      </c>
      <c r="AT37" s="263">
        <v>4</v>
      </c>
      <c r="AU37" s="257">
        <v>5</v>
      </c>
      <c r="AV37" s="261">
        <v>2</v>
      </c>
      <c r="AW37" s="258">
        <v>7</v>
      </c>
      <c r="AX37" s="260">
        <v>0</v>
      </c>
      <c r="AY37" s="261">
        <v>1</v>
      </c>
      <c r="AZ37" s="261">
        <v>5</v>
      </c>
      <c r="BA37" s="261">
        <v>5</v>
      </c>
      <c r="BB37" s="261">
        <v>8</v>
      </c>
      <c r="BC37" s="261">
        <v>1</v>
      </c>
      <c r="BD37" s="262">
        <v>20</v>
      </c>
      <c r="BE37" s="263">
        <v>27</v>
      </c>
      <c r="BF37" s="257">
        <v>0</v>
      </c>
      <c r="BG37" s="261">
        <v>0</v>
      </c>
      <c r="BH37" s="258">
        <v>0</v>
      </c>
      <c r="BI37" s="260">
        <v>0</v>
      </c>
      <c r="BJ37" s="261">
        <v>4</v>
      </c>
      <c r="BK37" s="261">
        <v>2</v>
      </c>
      <c r="BL37" s="261">
        <v>2</v>
      </c>
      <c r="BM37" s="261">
        <v>1</v>
      </c>
      <c r="BN37" s="261">
        <v>0</v>
      </c>
      <c r="BO37" s="258">
        <v>9</v>
      </c>
      <c r="BP37" s="263">
        <v>9</v>
      </c>
      <c r="BQ37" s="257">
        <v>0</v>
      </c>
      <c r="BR37" s="261">
        <v>3</v>
      </c>
      <c r="BS37" s="258">
        <v>3</v>
      </c>
      <c r="BT37" s="260">
        <v>0</v>
      </c>
      <c r="BU37" s="261">
        <v>1</v>
      </c>
      <c r="BV37" s="261">
        <v>3</v>
      </c>
      <c r="BW37" s="261">
        <v>0</v>
      </c>
      <c r="BX37" s="261">
        <v>1</v>
      </c>
      <c r="BY37" s="261">
        <v>0</v>
      </c>
      <c r="BZ37" s="258">
        <v>5</v>
      </c>
      <c r="CA37" s="263">
        <v>8</v>
      </c>
      <c r="CB37" s="257">
        <v>0</v>
      </c>
      <c r="CC37" s="261">
        <v>0</v>
      </c>
      <c r="CD37" s="258">
        <v>0</v>
      </c>
      <c r="CE37" s="260">
        <v>0</v>
      </c>
      <c r="CF37" s="261">
        <v>2</v>
      </c>
      <c r="CG37" s="261">
        <v>0</v>
      </c>
      <c r="CH37" s="261">
        <v>0</v>
      </c>
      <c r="CI37" s="261">
        <v>2</v>
      </c>
      <c r="CJ37" s="261">
        <v>0</v>
      </c>
      <c r="CK37" s="258">
        <v>4</v>
      </c>
      <c r="CL37" s="263">
        <v>4</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1</v>
      </c>
      <c r="DU37" s="261">
        <v>5</v>
      </c>
      <c r="DV37" s="258">
        <v>6</v>
      </c>
      <c r="DW37" s="260">
        <v>0</v>
      </c>
      <c r="DX37" s="261">
        <v>8</v>
      </c>
      <c r="DY37" s="261">
        <v>6</v>
      </c>
      <c r="DZ37" s="261">
        <v>4</v>
      </c>
      <c r="EA37" s="261">
        <v>4</v>
      </c>
      <c r="EB37" s="261">
        <v>1</v>
      </c>
      <c r="EC37" s="258">
        <v>23</v>
      </c>
      <c r="ED37" s="263">
        <v>29</v>
      </c>
      <c r="EE37" s="257">
        <v>4</v>
      </c>
      <c r="EF37" s="261">
        <v>0</v>
      </c>
      <c r="EG37" s="258">
        <v>4</v>
      </c>
      <c r="EH37" s="260">
        <v>0</v>
      </c>
      <c r="EI37" s="261">
        <v>0</v>
      </c>
      <c r="EJ37" s="261">
        <v>3</v>
      </c>
      <c r="EK37" s="261">
        <v>4</v>
      </c>
      <c r="EL37" s="261">
        <v>5</v>
      </c>
      <c r="EM37" s="261">
        <v>0</v>
      </c>
      <c r="EN37" s="258">
        <v>12</v>
      </c>
      <c r="EO37" s="263">
        <v>16</v>
      </c>
      <c r="EP37" s="257">
        <v>2</v>
      </c>
      <c r="EQ37" s="261">
        <v>7</v>
      </c>
      <c r="ER37" s="258">
        <v>9</v>
      </c>
      <c r="ES37" s="260">
        <v>0</v>
      </c>
      <c r="ET37" s="261">
        <v>15</v>
      </c>
      <c r="EU37" s="261">
        <v>7</v>
      </c>
      <c r="EV37" s="261">
        <v>4</v>
      </c>
      <c r="EW37" s="261">
        <v>5</v>
      </c>
      <c r="EX37" s="261">
        <v>1</v>
      </c>
      <c r="EY37" s="258">
        <v>32</v>
      </c>
      <c r="EZ37" s="263">
        <v>41</v>
      </c>
    </row>
    <row r="38" spans="2:156" ht="21" customHeight="1" x14ac:dyDescent="0.2">
      <c r="B38" s="472" t="s">
        <v>36</v>
      </c>
      <c r="C38" s="257">
        <v>0</v>
      </c>
      <c r="D38" s="261">
        <v>0</v>
      </c>
      <c r="E38" s="358">
        <v>0</v>
      </c>
      <c r="F38" s="260">
        <v>0</v>
      </c>
      <c r="G38" s="261">
        <v>1</v>
      </c>
      <c r="H38" s="261">
        <v>1</v>
      </c>
      <c r="I38" s="261">
        <v>0</v>
      </c>
      <c r="J38" s="261">
        <v>1</v>
      </c>
      <c r="K38" s="261">
        <v>1</v>
      </c>
      <c r="L38" s="262">
        <v>4</v>
      </c>
      <c r="M38" s="263">
        <v>4</v>
      </c>
      <c r="N38" s="257">
        <v>0</v>
      </c>
      <c r="O38" s="261">
        <v>0</v>
      </c>
      <c r="P38" s="258">
        <v>0</v>
      </c>
      <c r="Q38" s="260">
        <v>0</v>
      </c>
      <c r="R38" s="261">
        <v>0</v>
      </c>
      <c r="S38" s="261">
        <v>0</v>
      </c>
      <c r="T38" s="261">
        <v>0</v>
      </c>
      <c r="U38" s="261">
        <v>0</v>
      </c>
      <c r="V38" s="261">
        <v>0</v>
      </c>
      <c r="W38" s="258">
        <v>0</v>
      </c>
      <c r="X38" s="263">
        <v>0</v>
      </c>
      <c r="Y38" s="257">
        <v>0</v>
      </c>
      <c r="Z38" s="261">
        <v>2</v>
      </c>
      <c r="AA38" s="258">
        <v>2</v>
      </c>
      <c r="AB38" s="260">
        <v>0</v>
      </c>
      <c r="AC38" s="261">
        <v>1</v>
      </c>
      <c r="AD38" s="261">
        <v>2</v>
      </c>
      <c r="AE38" s="261">
        <v>1</v>
      </c>
      <c r="AF38" s="261">
        <v>2</v>
      </c>
      <c r="AG38" s="261">
        <v>1</v>
      </c>
      <c r="AH38" s="258">
        <v>7</v>
      </c>
      <c r="AI38" s="263">
        <v>9</v>
      </c>
      <c r="AJ38" s="257">
        <v>0</v>
      </c>
      <c r="AK38" s="261">
        <v>0</v>
      </c>
      <c r="AL38" s="258">
        <v>0</v>
      </c>
      <c r="AM38" s="260">
        <v>0</v>
      </c>
      <c r="AN38" s="261">
        <v>1</v>
      </c>
      <c r="AO38" s="261">
        <v>0</v>
      </c>
      <c r="AP38" s="261">
        <v>0</v>
      </c>
      <c r="AQ38" s="261">
        <v>1</v>
      </c>
      <c r="AR38" s="261">
        <v>0</v>
      </c>
      <c r="AS38" s="258">
        <v>2</v>
      </c>
      <c r="AT38" s="263">
        <v>2</v>
      </c>
      <c r="AU38" s="257">
        <v>0</v>
      </c>
      <c r="AV38" s="261">
        <v>0</v>
      </c>
      <c r="AW38" s="258">
        <v>0</v>
      </c>
      <c r="AX38" s="260">
        <v>0</v>
      </c>
      <c r="AY38" s="261">
        <v>1</v>
      </c>
      <c r="AZ38" s="261">
        <v>1</v>
      </c>
      <c r="BA38" s="261">
        <v>1</v>
      </c>
      <c r="BB38" s="261">
        <v>5</v>
      </c>
      <c r="BC38" s="261">
        <v>2</v>
      </c>
      <c r="BD38" s="262">
        <v>10</v>
      </c>
      <c r="BE38" s="263">
        <v>10</v>
      </c>
      <c r="BF38" s="257">
        <v>0</v>
      </c>
      <c r="BG38" s="261">
        <v>0</v>
      </c>
      <c r="BH38" s="258">
        <v>0</v>
      </c>
      <c r="BI38" s="260">
        <v>0</v>
      </c>
      <c r="BJ38" s="261">
        <v>2</v>
      </c>
      <c r="BK38" s="261">
        <v>2</v>
      </c>
      <c r="BL38" s="261">
        <v>1</v>
      </c>
      <c r="BM38" s="261">
        <v>3</v>
      </c>
      <c r="BN38" s="261">
        <v>1</v>
      </c>
      <c r="BO38" s="258">
        <v>9</v>
      </c>
      <c r="BP38" s="263">
        <v>9</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1</v>
      </c>
      <c r="CH38" s="261">
        <v>0</v>
      </c>
      <c r="CI38" s="261">
        <v>1</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1</v>
      </c>
      <c r="DV38" s="258">
        <v>1</v>
      </c>
      <c r="DW38" s="260">
        <v>0</v>
      </c>
      <c r="DX38" s="261">
        <v>5</v>
      </c>
      <c r="DY38" s="261">
        <v>3</v>
      </c>
      <c r="DZ38" s="261">
        <v>1</v>
      </c>
      <c r="EA38" s="261">
        <v>4</v>
      </c>
      <c r="EB38" s="261">
        <v>2</v>
      </c>
      <c r="EC38" s="258">
        <v>15</v>
      </c>
      <c r="ED38" s="263">
        <v>16</v>
      </c>
      <c r="EE38" s="257">
        <v>0</v>
      </c>
      <c r="EF38" s="261">
        <v>0</v>
      </c>
      <c r="EG38" s="258">
        <v>0</v>
      </c>
      <c r="EH38" s="260">
        <v>0</v>
      </c>
      <c r="EI38" s="261">
        <v>0</v>
      </c>
      <c r="EJ38" s="261">
        <v>1</v>
      </c>
      <c r="EK38" s="261">
        <v>2</v>
      </c>
      <c r="EL38" s="261">
        <v>3</v>
      </c>
      <c r="EM38" s="261">
        <v>0</v>
      </c>
      <c r="EN38" s="258">
        <v>6</v>
      </c>
      <c r="EO38" s="263">
        <v>6</v>
      </c>
      <c r="EP38" s="257">
        <v>0</v>
      </c>
      <c r="EQ38" s="261">
        <v>4</v>
      </c>
      <c r="ER38" s="258">
        <v>4</v>
      </c>
      <c r="ES38" s="260">
        <v>0</v>
      </c>
      <c r="ET38" s="261">
        <v>5</v>
      </c>
      <c r="EU38" s="261">
        <v>4</v>
      </c>
      <c r="EV38" s="261">
        <v>1</v>
      </c>
      <c r="EW38" s="261">
        <v>5</v>
      </c>
      <c r="EX38" s="261">
        <v>2</v>
      </c>
      <c r="EY38" s="258">
        <v>17</v>
      </c>
      <c r="EZ38" s="263">
        <v>21</v>
      </c>
    </row>
    <row r="39" spans="2:156" ht="21" customHeight="1" thickBot="1" x14ac:dyDescent="0.25">
      <c r="B39" s="473" t="s">
        <v>37</v>
      </c>
      <c r="C39" s="264">
        <v>0</v>
      </c>
      <c r="D39" s="268">
        <v>0</v>
      </c>
      <c r="E39" s="359">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1</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0</v>
      </c>
      <c r="EB39" s="268">
        <v>1</v>
      </c>
      <c r="EC39" s="265">
        <v>1</v>
      </c>
      <c r="ED39" s="270">
        <v>1</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0</v>
      </c>
      <c r="EU39" s="268">
        <v>0</v>
      </c>
      <c r="EV39" s="268">
        <v>0</v>
      </c>
      <c r="EW39" s="268">
        <v>0</v>
      </c>
      <c r="EX39" s="268">
        <v>1</v>
      </c>
      <c r="EY39" s="265">
        <v>1</v>
      </c>
      <c r="EZ39" s="270">
        <v>1</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8</v>
      </c>
      <c r="M1" s="504">
        <f>IF(L1&lt;3,L1+12-2,L1-2)</f>
        <v>6</v>
      </c>
      <c r="N1" s="504"/>
    </row>
    <row r="2" spans="2:112" ht="24" customHeight="1" thickBot="1" x14ac:dyDescent="0.25">
      <c r="B2" s="271" t="s">
        <v>138</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05</v>
      </c>
      <c r="CN3" s="522"/>
      <c r="CO3" s="522"/>
      <c r="CP3" s="522"/>
      <c r="CQ3" s="522"/>
      <c r="CR3" s="522"/>
      <c r="CS3" s="522"/>
      <c r="CT3" s="522"/>
      <c r="CU3" s="522"/>
      <c r="CV3" s="522"/>
      <c r="CW3" s="523"/>
      <c r="CX3" s="521" t="s">
        <v>159</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3" t="s">
        <v>44</v>
      </c>
      <c r="E5" s="356"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290" t="s">
        <v>43</v>
      </c>
      <c r="Z5" s="243" t="s">
        <v>44</v>
      </c>
      <c r="AA5" s="249" t="s">
        <v>45</v>
      </c>
      <c r="AB5" s="248" t="s">
        <v>83</v>
      </c>
      <c r="AC5" s="243" t="s">
        <v>47</v>
      </c>
      <c r="AD5" s="243" t="s">
        <v>48</v>
      </c>
      <c r="AE5" s="243" t="s">
        <v>49</v>
      </c>
      <c r="AF5" s="243" t="s">
        <v>50</v>
      </c>
      <c r="AG5" s="243" t="s">
        <v>51</v>
      </c>
      <c r="AH5" s="246" t="s">
        <v>45</v>
      </c>
      <c r="AI5" s="506"/>
      <c r="AJ5" s="244" t="s">
        <v>43</v>
      </c>
      <c r="AK5" s="243" t="s">
        <v>44</v>
      </c>
      <c r="AL5" s="246" t="s">
        <v>45</v>
      </c>
      <c r="AM5" s="248" t="s">
        <v>83</v>
      </c>
      <c r="AN5" s="243" t="s">
        <v>47</v>
      </c>
      <c r="AO5" s="243" t="s">
        <v>48</v>
      </c>
      <c r="AP5" s="243" t="s">
        <v>49</v>
      </c>
      <c r="AQ5" s="243" t="s">
        <v>50</v>
      </c>
      <c r="AR5" s="243" t="s">
        <v>51</v>
      </c>
      <c r="AS5" s="246" t="s">
        <v>45</v>
      </c>
      <c r="AT5" s="506"/>
      <c r="AU5" s="290" t="s">
        <v>43</v>
      </c>
      <c r="AV5" s="243" t="s">
        <v>44</v>
      </c>
      <c r="AW5" s="249" t="s">
        <v>45</v>
      </c>
      <c r="AX5" s="248" t="s">
        <v>83</v>
      </c>
      <c r="AY5" s="243" t="s">
        <v>47</v>
      </c>
      <c r="AZ5" s="243" t="s">
        <v>48</v>
      </c>
      <c r="BA5" s="243" t="s">
        <v>49</v>
      </c>
      <c r="BB5" s="243" t="s">
        <v>50</v>
      </c>
      <c r="BC5" s="243" t="s">
        <v>51</v>
      </c>
      <c r="BD5" s="249" t="s">
        <v>45</v>
      </c>
      <c r="BE5" s="506"/>
      <c r="BF5" s="290" t="s">
        <v>43</v>
      </c>
      <c r="BG5" s="243" t="s">
        <v>44</v>
      </c>
      <c r="BH5" s="246" t="s">
        <v>45</v>
      </c>
      <c r="BI5" s="248" t="s">
        <v>83</v>
      </c>
      <c r="BJ5" s="243" t="s">
        <v>47</v>
      </c>
      <c r="BK5" s="243" t="s">
        <v>48</v>
      </c>
      <c r="BL5" s="243" t="s">
        <v>49</v>
      </c>
      <c r="BM5" s="243" t="s">
        <v>50</v>
      </c>
      <c r="BN5" s="243" t="s">
        <v>51</v>
      </c>
      <c r="BO5" s="246" t="s">
        <v>45</v>
      </c>
      <c r="BP5" s="506"/>
      <c r="BQ5" s="290" t="s">
        <v>43</v>
      </c>
      <c r="BR5" s="243" t="s">
        <v>44</v>
      </c>
      <c r="BS5" s="246" t="s">
        <v>45</v>
      </c>
      <c r="BT5" s="248" t="s">
        <v>83</v>
      </c>
      <c r="BU5" s="243" t="s">
        <v>47</v>
      </c>
      <c r="BV5" s="243" t="s">
        <v>48</v>
      </c>
      <c r="BW5" s="243" t="s">
        <v>49</v>
      </c>
      <c r="BX5" s="243" t="s">
        <v>50</v>
      </c>
      <c r="BY5" s="243" t="s">
        <v>51</v>
      </c>
      <c r="BZ5" s="246" t="s">
        <v>45</v>
      </c>
      <c r="CA5" s="506"/>
      <c r="CB5" s="290" t="s">
        <v>43</v>
      </c>
      <c r="CC5" s="243" t="s">
        <v>44</v>
      </c>
      <c r="CD5" s="246" t="s">
        <v>45</v>
      </c>
      <c r="CE5" s="248" t="s">
        <v>83</v>
      </c>
      <c r="CF5" s="243" t="s">
        <v>47</v>
      </c>
      <c r="CG5" s="243" t="s">
        <v>48</v>
      </c>
      <c r="CH5" s="243" t="s">
        <v>49</v>
      </c>
      <c r="CI5" s="243" t="s">
        <v>50</v>
      </c>
      <c r="CJ5" s="243" t="s">
        <v>51</v>
      </c>
      <c r="CK5" s="246" t="s">
        <v>45</v>
      </c>
      <c r="CL5" s="506"/>
      <c r="CM5" s="290"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4">
        <v>0</v>
      </c>
      <c r="E6" s="357">
        <v>0</v>
      </c>
      <c r="F6" s="253">
        <v>0</v>
      </c>
      <c r="G6" s="254">
        <v>212552</v>
      </c>
      <c r="H6" s="254">
        <v>348955</v>
      </c>
      <c r="I6" s="254">
        <v>371644</v>
      </c>
      <c r="J6" s="254">
        <v>441700</v>
      </c>
      <c r="K6" s="254">
        <v>418531</v>
      </c>
      <c r="L6" s="255">
        <v>1793382</v>
      </c>
      <c r="M6" s="256">
        <v>1793382</v>
      </c>
      <c r="N6" s="250">
        <v>2</v>
      </c>
      <c r="O6" s="254">
        <v>61</v>
      </c>
      <c r="P6" s="251">
        <v>63</v>
      </c>
      <c r="Q6" s="253">
        <v>0</v>
      </c>
      <c r="R6" s="254">
        <v>422</v>
      </c>
      <c r="S6" s="254">
        <v>1992</v>
      </c>
      <c r="T6" s="254">
        <v>3726</v>
      </c>
      <c r="U6" s="254">
        <v>9914</v>
      </c>
      <c r="V6" s="254">
        <v>18626</v>
      </c>
      <c r="W6" s="251">
        <v>34680</v>
      </c>
      <c r="X6" s="256">
        <v>34743</v>
      </c>
      <c r="Y6" s="250">
        <v>13589</v>
      </c>
      <c r="Z6" s="254">
        <v>44763</v>
      </c>
      <c r="AA6" s="251">
        <v>58352</v>
      </c>
      <c r="AB6" s="253">
        <v>0</v>
      </c>
      <c r="AC6" s="254">
        <v>111692</v>
      </c>
      <c r="AD6" s="254">
        <v>181393</v>
      </c>
      <c r="AE6" s="254">
        <v>116226</v>
      </c>
      <c r="AF6" s="254">
        <v>102147</v>
      </c>
      <c r="AG6" s="254">
        <v>83187</v>
      </c>
      <c r="AH6" s="251">
        <v>594645</v>
      </c>
      <c r="AI6" s="256">
        <v>652997</v>
      </c>
      <c r="AJ6" s="250">
        <v>2799</v>
      </c>
      <c r="AK6" s="254">
        <v>10722</v>
      </c>
      <c r="AL6" s="251">
        <v>13521</v>
      </c>
      <c r="AM6" s="253">
        <v>0</v>
      </c>
      <c r="AN6" s="254">
        <v>14057</v>
      </c>
      <c r="AO6" s="254">
        <v>23207</v>
      </c>
      <c r="AP6" s="254">
        <v>15014</v>
      </c>
      <c r="AQ6" s="254">
        <v>13465</v>
      </c>
      <c r="AR6" s="254">
        <v>8016</v>
      </c>
      <c r="AS6" s="251">
        <v>73759</v>
      </c>
      <c r="AT6" s="256">
        <v>87280</v>
      </c>
      <c r="AU6" s="250">
        <v>1</v>
      </c>
      <c r="AV6" s="254">
        <v>4</v>
      </c>
      <c r="AW6" s="251">
        <v>5</v>
      </c>
      <c r="AX6" s="253">
        <v>0</v>
      </c>
      <c r="AY6" s="254">
        <v>187423</v>
      </c>
      <c r="AZ6" s="254">
        <v>196323</v>
      </c>
      <c r="BA6" s="254">
        <v>119759</v>
      </c>
      <c r="BB6" s="254">
        <v>70812</v>
      </c>
      <c r="BC6" s="254">
        <v>33476</v>
      </c>
      <c r="BD6" s="255">
        <v>607793</v>
      </c>
      <c r="BE6" s="256">
        <v>607798</v>
      </c>
      <c r="BF6" s="250">
        <v>0</v>
      </c>
      <c r="BG6" s="254">
        <v>0</v>
      </c>
      <c r="BH6" s="251">
        <v>0</v>
      </c>
      <c r="BI6" s="253">
        <v>0</v>
      </c>
      <c r="BJ6" s="254">
        <v>31194</v>
      </c>
      <c r="BK6" s="254">
        <v>49005</v>
      </c>
      <c r="BL6" s="254">
        <v>29844</v>
      </c>
      <c r="BM6" s="254">
        <v>19124</v>
      </c>
      <c r="BN6" s="254">
        <v>6932</v>
      </c>
      <c r="BO6" s="251">
        <v>136099</v>
      </c>
      <c r="BP6" s="256">
        <v>136099</v>
      </c>
      <c r="BQ6" s="250">
        <v>346</v>
      </c>
      <c r="BR6" s="254">
        <v>1113</v>
      </c>
      <c r="BS6" s="251">
        <v>1459</v>
      </c>
      <c r="BT6" s="253">
        <v>0</v>
      </c>
      <c r="BU6" s="254">
        <v>15217</v>
      </c>
      <c r="BV6" s="254">
        <v>30555</v>
      </c>
      <c r="BW6" s="254">
        <v>52499</v>
      </c>
      <c r="BX6" s="254">
        <v>41159</v>
      </c>
      <c r="BY6" s="254">
        <v>21030</v>
      </c>
      <c r="BZ6" s="251">
        <v>160460</v>
      </c>
      <c r="CA6" s="256">
        <v>161919</v>
      </c>
      <c r="CB6" s="250">
        <v>23</v>
      </c>
      <c r="CC6" s="254">
        <v>99</v>
      </c>
      <c r="CD6" s="251">
        <v>122</v>
      </c>
      <c r="CE6" s="253">
        <v>0</v>
      </c>
      <c r="CF6" s="254">
        <v>1320</v>
      </c>
      <c r="CG6" s="254">
        <v>3560</v>
      </c>
      <c r="CH6" s="254">
        <v>4614</v>
      </c>
      <c r="CI6" s="254">
        <v>4565</v>
      </c>
      <c r="CJ6" s="254">
        <v>2880</v>
      </c>
      <c r="CK6" s="251">
        <v>16939</v>
      </c>
      <c r="CL6" s="256">
        <v>17061</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71538</v>
      </c>
      <c r="H7" s="261">
        <v>150424</v>
      </c>
      <c r="I7" s="261">
        <v>137317</v>
      </c>
      <c r="J7" s="261">
        <v>159069</v>
      </c>
      <c r="K7" s="261">
        <v>158015</v>
      </c>
      <c r="L7" s="262">
        <v>676363</v>
      </c>
      <c r="M7" s="263">
        <v>676363</v>
      </c>
      <c r="N7" s="257">
        <v>0</v>
      </c>
      <c r="O7" s="261">
        <v>23</v>
      </c>
      <c r="P7" s="258">
        <v>23</v>
      </c>
      <c r="Q7" s="260">
        <v>0</v>
      </c>
      <c r="R7" s="261">
        <v>87</v>
      </c>
      <c r="S7" s="261">
        <v>668</v>
      </c>
      <c r="T7" s="261">
        <v>1379</v>
      </c>
      <c r="U7" s="261">
        <v>3955</v>
      </c>
      <c r="V7" s="261">
        <v>8204</v>
      </c>
      <c r="W7" s="258">
        <v>14293</v>
      </c>
      <c r="X7" s="263">
        <v>14316</v>
      </c>
      <c r="Y7" s="257">
        <v>5699</v>
      </c>
      <c r="Z7" s="261">
        <v>23155</v>
      </c>
      <c r="AA7" s="258">
        <v>28854</v>
      </c>
      <c r="AB7" s="260">
        <v>0</v>
      </c>
      <c r="AC7" s="261">
        <v>40085</v>
      </c>
      <c r="AD7" s="261">
        <v>95689</v>
      </c>
      <c r="AE7" s="261">
        <v>58535</v>
      </c>
      <c r="AF7" s="261">
        <v>48427</v>
      </c>
      <c r="AG7" s="261">
        <v>38423</v>
      </c>
      <c r="AH7" s="258">
        <v>281159</v>
      </c>
      <c r="AI7" s="263">
        <v>310013</v>
      </c>
      <c r="AJ7" s="257">
        <v>1139</v>
      </c>
      <c r="AK7" s="261">
        <v>5724</v>
      </c>
      <c r="AL7" s="258">
        <v>6863</v>
      </c>
      <c r="AM7" s="260">
        <v>0</v>
      </c>
      <c r="AN7" s="261">
        <v>3313</v>
      </c>
      <c r="AO7" s="261">
        <v>8948</v>
      </c>
      <c r="AP7" s="261">
        <v>6123</v>
      </c>
      <c r="AQ7" s="261">
        <v>5557</v>
      </c>
      <c r="AR7" s="261">
        <v>3081</v>
      </c>
      <c r="AS7" s="258">
        <v>27022</v>
      </c>
      <c r="AT7" s="263">
        <v>33885</v>
      </c>
      <c r="AU7" s="257">
        <v>0</v>
      </c>
      <c r="AV7" s="261">
        <v>4</v>
      </c>
      <c r="AW7" s="258">
        <v>4</v>
      </c>
      <c r="AX7" s="260">
        <v>0</v>
      </c>
      <c r="AY7" s="261">
        <v>58317</v>
      </c>
      <c r="AZ7" s="261">
        <v>77474</v>
      </c>
      <c r="BA7" s="261">
        <v>42110</v>
      </c>
      <c r="BB7" s="261">
        <v>23482</v>
      </c>
      <c r="BC7" s="261">
        <v>11753</v>
      </c>
      <c r="BD7" s="262">
        <v>213136</v>
      </c>
      <c r="BE7" s="263">
        <v>213140</v>
      </c>
      <c r="BF7" s="257">
        <v>0</v>
      </c>
      <c r="BG7" s="261">
        <v>0</v>
      </c>
      <c r="BH7" s="258">
        <v>0</v>
      </c>
      <c r="BI7" s="260">
        <v>0</v>
      </c>
      <c r="BJ7" s="261">
        <v>9163</v>
      </c>
      <c r="BK7" s="261">
        <v>21546</v>
      </c>
      <c r="BL7" s="261">
        <v>12864</v>
      </c>
      <c r="BM7" s="261">
        <v>8422</v>
      </c>
      <c r="BN7" s="261">
        <v>2985</v>
      </c>
      <c r="BO7" s="258">
        <v>54980</v>
      </c>
      <c r="BP7" s="263">
        <v>54980</v>
      </c>
      <c r="BQ7" s="257">
        <v>110</v>
      </c>
      <c r="BR7" s="261">
        <v>430</v>
      </c>
      <c r="BS7" s="258">
        <v>540</v>
      </c>
      <c r="BT7" s="260">
        <v>0</v>
      </c>
      <c r="BU7" s="261">
        <v>4467</v>
      </c>
      <c r="BV7" s="261">
        <v>11215</v>
      </c>
      <c r="BW7" s="261">
        <v>20193</v>
      </c>
      <c r="BX7" s="261">
        <v>15076</v>
      </c>
      <c r="BY7" s="261">
        <v>7769</v>
      </c>
      <c r="BZ7" s="258">
        <v>58720</v>
      </c>
      <c r="CA7" s="263">
        <v>59260</v>
      </c>
      <c r="CB7" s="257">
        <v>14</v>
      </c>
      <c r="CC7" s="261">
        <v>77</v>
      </c>
      <c r="CD7" s="258">
        <v>91</v>
      </c>
      <c r="CE7" s="260">
        <v>0</v>
      </c>
      <c r="CF7" s="261">
        <v>674</v>
      </c>
      <c r="CG7" s="261">
        <v>1957</v>
      </c>
      <c r="CH7" s="261">
        <v>2682</v>
      </c>
      <c r="CI7" s="261">
        <v>2479</v>
      </c>
      <c r="CJ7" s="261">
        <v>1863</v>
      </c>
      <c r="CK7" s="258">
        <v>9655</v>
      </c>
      <c r="CL7" s="263">
        <v>9746</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36694</v>
      </c>
      <c r="H8" s="261">
        <v>48345</v>
      </c>
      <c r="I8" s="261">
        <v>53091</v>
      </c>
      <c r="J8" s="261">
        <v>69290</v>
      </c>
      <c r="K8" s="261">
        <v>69180</v>
      </c>
      <c r="L8" s="262">
        <v>276600</v>
      </c>
      <c r="M8" s="263">
        <v>276600</v>
      </c>
      <c r="N8" s="257">
        <v>2</v>
      </c>
      <c r="O8" s="261">
        <v>5</v>
      </c>
      <c r="P8" s="258">
        <v>7</v>
      </c>
      <c r="Q8" s="260">
        <v>0</v>
      </c>
      <c r="R8" s="261">
        <v>78</v>
      </c>
      <c r="S8" s="261">
        <v>259</v>
      </c>
      <c r="T8" s="261">
        <v>538</v>
      </c>
      <c r="U8" s="261">
        <v>1271</v>
      </c>
      <c r="V8" s="261">
        <v>2746</v>
      </c>
      <c r="W8" s="258">
        <v>4892</v>
      </c>
      <c r="X8" s="263">
        <v>4899</v>
      </c>
      <c r="Y8" s="257">
        <v>2404</v>
      </c>
      <c r="Z8" s="261">
        <v>7008</v>
      </c>
      <c r="AA8" s="258">
        <v>9412</v>
      </c>
      <c r="AB8" s="260">
        <v>0</v>
      </c>
      <c r="AC8" s="261">
        <v>24685</v>
      </c>
      <c r="AD8" s="261">
        <v>27175</v>
      </c>
      <c r="AE8" s="261">
        <v>18649</v>
      </c>
      <c r="AF8" s="261">
        <v>16825</v>
      </c>
      <c r="AG8" s="261">
        <v>14606</v>
      </c>
      <c r="AH8" s="258">
        <v>101940</v>
      </c>
      <c r="AI8" s="263">
        <v>111352</v>
      </c>
      <c r="AJ8" s="257">
        <v>200</v>
      </c>
      <c r="AK8" s="261">
        <v>786</v>
      </c>
      <c r="AL8" s="258">
        <v>986</v>
      </c>
      <c r="AM8" s="260">
        <v>0</v>
      </c>
      <c r="AN8" s="261">
        <v>2210</v>
      </c>
      <c r="AO8" s="261">
        <v>2862</v>
      </c>
      <c r="AP8" s="261">
        <v>1656</v>
      </c>
      <c r="AQ8" s="261">
        <v>1857</v>
      </c>
      <c r="AR8" s="261">
        <v>1126</v>
      </c>
      <c r="AS8" s="258">
        <v>9711</v>
      </c>
      <c r="AT8" s="263">
        <v>10697</v>
      </c>
      <c r="AU8" s="257">
        <v>0</v>
      </c>
      <c r="AV8" s="261">
        <v>0</v>
      </c>
      <c r="AW8" s="258">
        <v>0</v>
      </c>
      <c r="AX8" s="260">
        <v>0</v>
      </c>
      <c r="AY8" s="261">
        <v>31084</v>
      </c>
      <c r="AZ8" s="261">
        <v>26407</v>
      </c>
      <c r="BA8" s="261">
        <v>16963</v>
      </c>
      <c r="BB8" s="261">
        <v>10516</v>
      </c>
      <c r="BC8" s="261">
        <v>5290</v>
      </c>
      <c r="BD8" s="262">
        <v>90260</v>
      </c>
      <c r="BE8" s="263">
        <v>90260</v>
      </c>
      <c r="BF8" s="257">
        <v>0</v>
      </c>
      <c r="BG8" s="261">
        <v>0</v>
      </c>
      <c r="BH8" s="258">
        <v>0</v>
      </c>
      <c r="BI8" s="260">
        <v>0</v>
      </c>
      <c r="BJ8" s="261">
        <v>4213</v>
      </c>
      <c r="BK8" s="261">
        <v>5517</v>
      </c>
      <c r="BL8" s="261">
        <v>3764</v>
      </c>
      <c r="BM8" s="261">
        <v>2701</v>
      </c>
      <c r="BN8" s="261">
        <v>1051</v>
      </c>
      <c r="BO8" s="258">
        <v>17246</v>
      </c>
      <c r="BP8" s="263">
        <v>17246</v>
      </c>
      <c r="BQ8" s="257">
        <v>14</v>
      </c>
      <c r="BR8" s="261">
        <v>126</v>
      </c>
      <c r="BS8" s="258">
        <v>140</v>
      </c>
      <c r="BT8" s="260">
        <v>0</v>
      </c>
      <c r="BU8" s="261">
        <v>2012</v>
      </c>
      <c r="BV8" s="261">
        <v>3510</v>
      </c>
      <c r="BW8" s="261">
        <v>5584</v>
      </c>
      <c r="BX8" s="261">
        <v>4436</v>
      </c>
      <c r="BY8" s="261">
        <v>2581</v>
      </c>
      <c r="BZ8" s="258">
        <v>18123</v>
      </c>
      <c r="CA8" s="263">
        <v>18263</v>
      </c>
      <c r="CB8" s="257">
        <v>0</v>
      </c>
      <c r="CC8" s="261">
        <v>0</v>
      </c>
      <c r="CD8" s="258">
        <v>0</v>
      </c>
      <c r="CE8" s="260">
        <v>0</v>
      </c>
      <c r="CF8" s="261">
        <v>149</v>
      </c>
      <c r="CG8" s="261">
        <v>284</v>
      </c>
      <c r="CH8" s="261">
        <v>475</v>
      </c>
      <c r="CI8" s="261">
        <v>767</v>
      </c>
      <c r="CJ8" s="261">
        <v>297</v>
      </c>
      <c r="CK8" s="258">
        <v>1972</v>
      </c>
      <c r="CL8" s="263">
        <v>1972</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13269</v>
      </c>
      <c r="H9" s="261">
        <v>25255</v>
      </c>
      <c r="I9" s="261">
        <v>32124</v>
      </c>
      <c r="J9" s="261">
        <v>28607</v>
      </c>
      <c r="K9" s="261">
        <v>24931</v>
      </c>
      <c r="L9" s="262">
        <v>124186</v>
      </c>
      <c r="M9" s="263">
        <v>124186</v>
      </c>
      <c r="N9" s="257">
        <v>0</v>
      </c>
      <c r="O9" s="261">
        <v>11</v>
      </c>
      <c r="P9" s="258">
        <v>11</v>
      </c>
      <c r="Q9" s="260">
        <v>0</v>
      </c>
      <c r="R9" s="261">
        <v>19</v>
      </c>
      <c r="S9" s="261">
        <v>89</v>
      </c>
      <c r="T9" s="261">
        <v>229</v>
      </c>
      <c r="U9" s="261">
        <v>700</v>
      </c>
      <c r="V9" s="261">
        <v>1122</v>
      </c>
      <c r="W9" s="258">
        <v>2159</v>
      </c>
      <c r="X9" s="263">
        <v>2170</v>
      </c>
      <c r="Y9" s="257">
        <v>674</v>
      </c>
      <c r="Z9" s="261">
        <v>3261</v>
      </c>
      <c r="AA9" s="258">
        <v>3935</v>
      </c>
      <c r="AB9" s="260">
        <v>0</v>
      </c>
      <c r="AC9" s="261">
        <v>5574</v>
      </c>
      <c r="AD9" s="261">
        <v>12146</v>
      </c>
      <c r="AE9" s="261">
        <v>8252</v>
      </c>
      <c r="AF9" s="261">
        <v>7300</v>
      </c>
      <c r="AG9" s="261">
        <v>5668</v>
      </c>
      <c r="AH9" s="258">
        <v>38940</v>
      </c>
      <c r="AI9" s="263">
        <v>42875</v>
      </c>
      <c r="AJ9" s="257">
        <v>64</v>
      </c>
      <c r="AK9" s="261">
        <v>577</v>
      </c>
      <c r="AL9" s="258">
        <v>641</v>
      </c>
      <c r="AM9" s="260">
        <v>0</v>
      </c>
      <c r="AN9" s="261">
        <v>297</v>
      </c>
      <c r="AO9" s="261">
        <v>1074</v>
      </c>
      <c r="AP9" s="261">
        <v>618</v>
      </c>
      <c r="AQ9" s="261">
        <v>604</v>
      </c>
      <c r="AR9" s="261">
        <v>227</v>
      </c>
      <c r="AS9" s="258">
        <v>2820</v>
      </c>
      <c r="AT9" s="263">
        <v>3461</v>
      </c>
      <c r="AU9" s="257">
        <v>0</v>
      </c>
      <c r="AV9" s="261">
        <v>0</v>
      </c>
      <c r="AW9" s="258">
        <v>0</v>
      </c>
      <c r="AX9" s="260">
        <v>0</v>
      </c>
      <c r="AY9" s="261">
        <v>13668</v>
      </c>
      <c r="AZ9" s="261">
        <v>17145</v>
      </c>
      <c r="BA9" s="261">
        <v>13129</v>
      </c>
      <c r="BB9" s="261">
        <v>6505</v>
      </c>
      <c r="BC9" s="261">
        <v>3348</v>
      </c>
      <c r="BD9" s="262">
        <v>53795</v>
      </c>
      <c r="BE9" s="263">
        <v>53795</v>
      </c>
      <c r="BF9" s="257">
        <v>0</v>
      </c>
      <c r="BG9" s="261">
        <v>0</v>
      </c>
      <c r="BH9" s="258">
        <v>0</v>
      </c>
      <c r="BI9" s="260">
        <v>0</v>
      </c>
      <c r="BJ9" s="261">
        <v>1080</v>
      </c>
      <c r="BK9" s="261">
        <v>3222</v>
      </c>
      <c r="BL9" s="261">
        <v>2001</v>
      </c>
      <c r="BM9" s="261">
        <v>1244</v>
      </c>
      <c r="BN9" s="261">
        <v>396</v>
      </c>
      <c r="BO9" s="258">
        <v>7943</v>
      </c>
      <c r="BP9" s="263">
        <v>7943</v>
      </c>
      <c r="BQ9" s="257">
        <v>2</v>
      </c>
      <c r="BR9" s="261">
        <v>52</v>
      </c>
      <c r="BS9" s="258">
        <v>54</v>
      </c>
      <c r="BT9" s="260">
        <v>0</v>
      </c>
      <c r="BU9" s="261">
        <v>735</v>
      </c>
      <c r="BV9" s="261">
        <v>2228</v>
      </c>
      <c r="BW9" s="261">
        <v>4280</v>
      </c>
      <c r="BX9" s="261">
        <v>3975</v>
      </c>
      <c r="BY9" s="261">
        <v>2184</v>
      </c>
      <c r="BZ9" s="258">
        <v>13402</v>
      </c>
      <c r="CA9" s="263">
        <v>13456</v>
      </c>
      <c r="CB9" s="257">
        <v>0</v>
      </c>
      <c r="CC9" s="261">
        <v>0</v>
      </c>
      <c r="CD9" s="258">
        <v>0</v>
      </c>
      <c r="CE9" s="260">
        <v>0</v>
      </c>
      <c r="CF9" s="261">
        <v>28</v>
      </c>
      <c r="CG9" s="261">
        <v>101</v>
      </c>
      <c r="CH9" s="261">
        <v>97</v>
      </c>
      <c r="CI9" s="261">
        <v>56</v>
      </c>
      <c r="CJ9" s="261">
        <v>54</v>
      </c>
      <c r="CK9" s="258">
        <v>336</v>
      </c>
      <c r="CL9" s="263">
        <v>336</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7155</v>
      </c>
      <c r="H10" s="261">
        <v>19177</v>
      </c>
      <c r="I10" s="261">
        <v>20141</v>
      </c>
      <c r="J10" s="261">
        <v>28655</v>
      </c>
      <c r="K10" s="261">
        <v>22197</v>
      </c>
      <c r="L10" s="262">
        <v>107325</v>
      </c>
      <c r="M10" s="263">
        <v>107325</v>
      </c>
      <c r="N10" s="257">
        <v>0</v>
      </c>
      <c r="O10" s="261">
        <v>0</v>
      </c>
      <c r="P10" s="258">
        <v>0</v>
      </c>
      <c r="Q10" s="260">
        <v>0</v>
      </c>
      <c r="R10" s="261">
        <v>31</v>
      </c>
      <c r="S10" s="261">
        <v>215</v>
      </c>
      <c r="T10" s="261">
        <v>257</v>
      </c>
      <c r="U10" s="261">
        <v>636</v>
      </c>
      <c r="V10" s="261">
        <v>966</v>
      </c>
      <c r="W10" s="258">
        <v>2105</v>
      </c>
      <c r="X10" s="263">
        <v>2105</v>
      </c>
      <c r="Y10" s="257">
        <v>122</v>
      </c>
      <c r="Z10" s="261">
        <v>115</v>
      </c>
      <c r="AA10" s="258">
        <v>237</v>
      </c>
      <c r="AB10" s="260">
        <v>0</v>
      </c>
      <c r="AC10" s="261">
        <v>4512</v>
      </c>
      <c r="AD10" s="261">
        <v>5058</v>
      </c>
      <c r="AE10" s="261">
        <v>3101</v>
      </c>
      <c r="AF10" s="261">
        <v>3581</v>
      </c>
      <c r="AG10" s="261">
        <v>2928</v>
      </c>
      <c r="AH10" s="258">
        <v>19180</v>
      </c>
      <c r="AI10" s="263">
        <v>19417</v>
      </c>
      <c r="AJ10" s="257">
        <v>48</v>
      </c>
      <c r="AK10" s="261">
        <v>115</v>
      </c>
      <c r="AL10" s="258">
        <v>163</v>
      </c>
      <c r="AM10" s="260">
        <v>0</v>
      </c>
      <c r="AN10" s="261">
        <v>834</v>
      </c>
      <c r="AO10" s="261">
        <v>932</v>
      </c>
      <c r="AP10" s="261">
        <v>658</v>
      </c>
      <c r="AQ10" s="261">
        <v>754</v>
      </c>
      <c r="AR10" s="261">
        <v>360</v>
      </c>
      <c r="AS10" s="258">
        <v>3538</v>
      </c>
      <c r="AT10" s="263">
        <v>3701</v>
      </c>
      <c r="AU10" s="257">
        <v>0</v>
      </c>
      <c r="AV10" s="261">
        <v>0</v>
      </c>
      <c r="AW10" s="258">
        <v>0</v>
      </c>
      <c r="AX10" s="260">
        <v>0</v>
      </c>
      <c r="AY10" s="261">
        <v>13979</v>
      </c>
      <c r="AZ10" s="261">
        <v>9886</v>
      </c>
      <c r="BA10" s="261">
        <v>4962</v>
      </c>
      <c r="BB10" s="261">
        <v>2880</v>
      </c>
      <c r="BC10" s="261">
        <v>1285</v>
      </c>
      <c r="BD10" s="262">
        <v>32992</v>
      </c>
      <c r="BE10" s="263">
        <v>32992</v>
      </c>
      <c r="BF10" s="257">
        <v>0</v>
      </c>
      <c r="BG10" s="261">
        <v>0</v>
      </c>
      <c r="BH10" s="258">
        <v>0</v>
      </c>
      <c r="BI10" s="260">
        <v>0</v>
      </c>
      <c r="BJ10" s="261">
        <v>1934</v>
      </c>
      <c r="BK10" s="261">
        <v>1664</v>
      </c>
      <c r="BL10" s="261">
        <v>1186</v>
      </c>
      <c r="BM10" s="261">
        <v>645</v>
      </c>
      <c r="BN10" s="261">
        <v>222</v>
      </c>
      <c r="BO10" s="258">
        <v>5651</v>
      </c>
      <c r="BP10" s="263">
        <v>5651</v>
      </c>
      <c r="BQ10" s="257">
        <v>5</v>
      </c>
      <c r="BR10" s="261">
        <v>22</v>
      </c>
      <c r="BS10" s="258">
        <v>27</v>
      </c>
      <c r="BT10" s="260">
        <v>0</v>
      </c>
      <c r="BU10" s="261">
        <v>1558</v>
      </c>
      <c r="BV10" s="261">
        <v>2287</v>
      </c>
      <c r="BW10" s="261">
        <v>3091</v>
      </c>
      <c r="BX10" s="261">
        <v>1963</v>
      </c>
      <c r="BY10" s="261">
        <v>1134</v>
      </c>
      <c r="BZ10" s="258">
        <v>10033</v>
      </c>
      <c r="CA10" s="263">
        <v>10060</v>
      </c>
      <c r="CB10" s="257">
        <v>0</v>
      </c>
      <c r="CC10" s="261">
        <v>0</v>
      </c>
      <c r="CD10" s="258">
        <v>0</v>
      </c>
      <c r="CE10" s="260">
        <v>0</v>
      </c>
      <c r="CF10" s="261">
        <v>62</v>
      </c>
      <c r="CG10" s="261">
        <v>163</v>
      </c>
      <c r="CH10" s="261">
        <v>181</v>
      </c>
      <c r="CI10" s="261">
        <v>153</v>
      </c>
      <c r="CJ10" s="261">
        <v>52</v>
      </c>
      <c r="CK10" s="258">
        <v>611</v>
      </c>
      <c r="CL10" s="263">
        <v>611</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6736</v>
      </c>
      <c r="H11" s="261">
        <v>12415</v>
      </c>
      <c r="I11" s="261">
        <v>14649</v>
      </c>
      <c r="J11" s="261">
        <v>17585</v>
      </c>
      <c r="K11" s="261">
        <v>15409</v>
      </c>
      <c r="L11" s="262">
        <v>66794</v>
      </c>
      <c r="M11" s="263">
        <v>66794</v>
      </c>
      <c r="N11" s="257">
        <v>0</v>
      </c>
      <c r="O11" s="261">
        <v>0</v>
      </c>
      <c r="P11" s="258">
        <v>0</v>
      </c>
      <c r="Q11" s="260">
        <v>0</v>
      </c>
      <c r="R11" s="261">
        <v>30</v>
      </c>
      <c r="S11" s="261">
        <v>75</v>
      </c>
      <c r="T11" s="261">
        <v>109</v>
      </c>
      <c r="U11" s="261">
        <v>312</v>
      </c>
      <c r="V11" s="261">
        <v>553</v>
      </c>
      <c r="W11" s="258">
        <v>1079</v>
      </c>
      <c r="X11" s="263">
        <v>1079</v>
      </c>
      <c r="Y11" s="257">
        <v>217</v>
      </c>
      <c r="Z11" s="261">
        <v>378</v>
      </c>
      <c r="AA11" s="258">
        <v>595</v>
      </c>
      <c r="AB11" s="260">
        <v>0</v>
      </c>
      <c r="AC11" s="261">
        <v>1939</v>
      </c>
      <c r="AD11" s="261">
        <v>2769</v>
      </c>
      <c r="AE11" s="261">
        <v>1875</v>
      </c>
      <c r="AF11" s="261">
        <v>1965</v>
      </c>
      <c r="AG11" s="261">
        <v>1628</v>
      </c>
      <c r="AH11" s="258">
        <v>10176</v>
      </c>
      <c r="AI11" s="263">
        <v>10771</v>
      </c>
      <c r="AJ11" s="257">
        <v>134</v>
      </c>
      <c r="AK11" s="261">
        <v>229</v>
      </c>
      <c r="AL11" s="258">
        <v>363</v>
      </c>
      <c r="AM11" s="260">
        <v>0</v>
      </c>
      <c r="AN11" s="261">
        <v>922</v>
      </c>
      <c r="AO11" s="261">
        <v>1207</v>
      </c>
      <c r="AP11" s="261">
        <v>715</v>
      </c>
      <c r="AQ11" s="261">
        <v>453</v>
      </c>
      <c r="AR11" s="261">
        <v>262</v>
      </c>
      <c r="AS11" s="258">
        <v>3559</v>
      </c>
      <c r="AT11" s="263">
        <v>3922</v>
      </c>
      <c r="AU11" s="257">
        <v>0</v>
      </c>
      <c r="AV11" s="261">
        <v>0</v>
      </c>
      <c r="AW11" s="258">
        <v>0</v>
      </c>
      <c r="AX11" s="260">
        <v>0</v>
      </c>
      <c r="AY11" s="261">
        <v>5297</v>
      </c>
      <c r="AZ11" s="261">
        <v>6309</v>
      </c>
      <c r="BA11" s="261">
        <v>4175</v>
      </c>
      <c r="BB11" s="261">
        <v>2839</v>
      </c>
      <c r="BC11" s="261">
        <v>1331</v>
      </c>
      <c r="BD11" s="262">
        <v>19951</v>
      </c>
      <c r="BE11" s="263">
        <v>19951</v>
      </c>
      <c r="BF11" s="257">
        <v>0</v>
      </c>
      <c r="BG11" s="261">
        <v>0</v>
      </c>
      <c r="BH11" s="258">
        <v>0</v>
      </c>
      <c r="BI11" s="260">
        <v>0</v>
      </c>
      <c r="BJ11" s="261">
        <v>857</v>
      </c>
      <c r="BK11" s="261">
        <v>1306</v>
      </c>
      <c r="BL11" s="261">
        <v>821</v>
      </c>
      <c r="BM11" s="261">
        <v>506</v>
      </c>
      <c r="BN11" s="261">
        <v>157</v>
      </c>
      <c r="BO11" s="258">
        <v>3647</v>
      </c>
      <c r="BP11" s="263">
        <v>3647</v>
      </c>
      <c r="BQ11" s="257">
        <v>21</v>
      </c>
      <c r="BR11" s="261">
        <v>41</v>
      </c>
      <c r="BS11" s="258">
        <v>62</v>
      </c>
      <c r="BT11" s="260">
        <v>0</v>
      </c>
      <c r="BU11" s="261">
        <v>468</v>
      </c>
      <c r="BV11" s="261">
        <v>1241</v>
      </c>
      <c r="BW11" s="261">
        <v>2791</v>
      </c>
      <c r="BX11" s="261">
        <v>1727</v>
      </c>
      <c r="BY11" s="261">
        <v>619</v>
      </c>
      <c r="BZ11" s="258">
        <v>6846</v>
      </c>
      <c r="CA11" s="263">
        <v>6908</v>
      </c>
      <c r="CB11" s="257">
        <v>0</v>
      </c>
      <c r="CC11" s="261">
        <v>0</v>
      </c>
      <c r="CD11" s="258">
        <v>0</v>
      </c>
      <c r="CE11" s="260">
        <v>0</v>
      </c>
      <c r="CF11" s="261">
        <v>5</v>
      </c>
      <c r="CG11" s="261">
        <v>58</v>
      </c>
      <c r="CH11" s="261">
        <v>82</v>
      </c>
      <c r="CI11" s="261">
        <v>17</v>
      </c>
      <c r="CJ11" s="261">
        <v>7</v>
      </c>
      <c r="CK11" s="258">
        <v>169</v>
      </c>
      <c r="CL11" s="263">
        <v>169</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7370</v>
      </c>
      <c r="H12" s="261">
        <v>9199</v>
      </c>
      <c r="I12" s="261">
        <v>11596</v>
      </c>
      <c r="J12" s="261">
        <v>16011</v>
      </c>
      <c r="K12" s="261">
        <v>15965</v>
      </c>
      <c r="L12" s="262">
        <v>60141</v>
      </c>
      <c r="M12" s="263">
        <v>60141</v>
      </c>
      <c r="N12" s="257">
        <v>0</v>
      </c>
      <c r="O12" s="261">
        <v>0</v>
      </c>
      <c r="P12" s="258">
        <v>0</v>
      </c>
      <c r="Q12" s="260">
        <v>0</v>
      </c>
      <c r="R12" s="261">
        <v>11</v>
      </c>
      <c r="S12" s="261">
        <v>34</v>
      </c>
      <c r="T12" s="261">
        <v>75</v>
      </c>
      <c r="U12" s="261">
        <v>279</v>
      </c>
      <c r="V12" s="261">
        <v>466</v>
      </c>
      <c r="W12" s="258">
        <v>865</v>
      </c>
      <c r="X12" s="263">
        <v>865</v>
      </c>
      <c r="Y12" s="257">
        <v>277</v>
      </c>
      <c r="Z12" s="261">
        <v>617</v>
      </c>
      <c r="AA12" s="258">
        <v>894</v>
      </c>
      <c r="AB12" s="260">
        <v>0</v>
      </c>
      <c r="AC12" s="261">
        <v>3415</v>
      </c>
      <c r="AD12" s="261">
        <v>3466</v>
      </c>
      <c r="AE12" s="261">
        <v>2690</v>
      </c>
      <c r="AF12" s="261">
        <v>2820</v>
      </c>
      <c r="AG12" s="261">
        <v>2306</v>
      </c>
      <c r="AH12" s="258">
        <v>14697</v>
      </c>
      <c r="AI12" s="263">
        <v>15591</v>
      </c>
      <c r="AJ12" s="257">
        <v>24</v>
      </c>
      <c r="AK12" s="261">
        <v>142</v>
      </c>
      <c r="AL12" s="258">
        <v>166</v>
      </c>
      <c r="AM12" s="260">
        <v>0</v>
      </c>
      <c r="AN12" s="261">
        <v>564</v>
      </c>
      <c r="AO12" s="261">
        <v>607</v>
      </c>
      <c r="AP12" s="261">
        <v>634</v>
      </c>
      <c r="AQ12" s="261">
        <v>492</v>
      </c>
      <c r="AR12" s="261">
        <v>299</v>
      </c>
      <c r="AS12" s="258">
        <v>2596</v>
      </c>
      <c r="AT12" s="263">
        <v>2762</v>
      </c>
      <c r="AU12" s="257">
        <v>1</v>
      </c>
      <c r="AV12" s="261">
        <v>0</v>
      </c>
      <c r="AW12" s="258">
        <v>1</v>
      </c>
      <c r="AX12" s="260">
        <v>0</v>
      </c>
      <c r="AY12" s="261">
        <v>4753</v>
      </c>
      <c r="AZ12" s="261">
        <v>3683</v>
      </c>
      <c r="BA12" s="261">
        <v>2520</v>
      </c>
      <c r="BB12" s="261">
        <v>1579</v>
      </c>
      <c r="BC12" s="261">
        <v>518</v>
      </c>
      <c r="BD12" s="262">
        <v>13053</v>
      </c>
      <c r="BE12" s="263">
        <v>13054</v>
      </c>
      <c r="BF12" s="257">
        <v>0</v>
      </c>
      <c r="BG12" s="261">
        <v>0</v>
      </c>
      <c r="BH12" s="258">
        <v>0</v>
      </c>
      <c r="BI12" s="260">
        <v>0</v>
      </c>
      <c r="BJ12" s="261">
        <v>865</v>
      </c>
      <c r="BK12" s="261">
        <v>971</v>
      </c>
      <c r="BL12" s="261">
        <v>612</v>
      </c>
      <c r="BM12" s="261">
        <v>508</v>
      </c>
      <c r="BN12" s="261">
        <v>145</v>
      </c>
      <c r="BO12" s="258">
        <v>3101</v>
      </c>
      <c r="BP12" s="263">
        <v>3101</v>
      </c>
      <c r="BQ12" s="257">
        <v>23</v>
      </c>
      <c r="BR12" s="261">
        <v>17</v>
      </c>
      <c r="BS12" s="258">
        <v>40</v>
      </c>
      <c r="BT12" s="260">
        <v>0</v>
      </c>
      <c r="BU12" s="261">
        <v>454</v>
      </c>
      <c r="BV12" s="261">
        <v>850</v>
      </c>
      <c r="BW12" s="261">
        <v>1579</v>
      </c>
      <c r="BX12" s="261">
        <v>1223</v>
      </c>
      <c r="BY12" s="261">
        <v>475</v>
      </c>
      <c r="BZ12" s="258">
        <v>4581</v>
      </c>
      <c r="CA12" s="263">
        <v>4621</v>
      </c>
      <c r="CB12" s="257">
        <v>0</v>
      </c>
      <c r="CC12" s="261">
        <v>3</v>
      </c>
      <c r="CD12" s="258">
        <v>3</v>
      </c>
      <c r="CE12" s="260">
        <v>0</v>
      </c>
      <c r="CF12" s="261">
        <v>34</v>
      </c>
      <c r="CG12" s="261">
        <v>100</v>
      </c>
      <c r="CH12" s="261">
        <v>181</v>
      </c>
      <c r="CI12" s="261">
        <v>267</v>
      </c>
      <c r="CJ12" s="261">
        <v>118</v>
      </c>
      <c r="CK12" s="258">
        <v>700</v>
      </c>
      <c r="CL12" s="263">
        <v>703</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7251</v>
      </c>
      <c r="H13" s="261">
        <v>16890</v>
      </c>
      <c r="I13" s="261">
        <v>21748</v>
      </c>
      <c r="J13" s="261">
        <v>26722</v>
      </c>
      <c r="K13" s="261">
        <v>22894</v>
      </c>
      <c r="L13" s="262">
        <v>105505</v>
      </c>
      <c r="M13" s="263">
        <v>105505</v>
      </c>
      <c r="N13" s="257">
        <v>0</v>
      </c>
      <c r="O13" s="261">
        <v>0</v>
      </c>
      <c r="P13" s="258">
        <v>0</v>
      </c>
      <c r="Q13" s="260">
        <v>0</v>
      </c>
      <c r="R13" s="261">
        <v>27</v>
      </c>
      <c r="S13" s="261">
        <v>116</v>
      </c>
      <c r="T13" s="261">
        <v>168</v>
      </c>
      <c r="U13" s="261">
        <v>422</v>
      </c>
      <c r="V13" s="261">
        <v>862</v>
      </c>
      <c r="W13" s="258">
        <v>1595</v>
      </c>
      <c r="X13" s="263">
        <v>1595</v>
      </c>
      <c r="Y13" s="257">
        <v>1019</v>
      </c>
      <c r="Z13" s="261">
        <v>2171</v>
      </c>
      <c r="AA13" s="258">
        <v>3190</v>
      </c>
      <c r="AB13" s="260">
        <v>0</v>
      </c>
      <c r="AC13" s="261">
        <v>8270</v>
      </c>
      <c r="AD13" s="261">
        <v>6345</v>
      </c>
      <c r="AE13" s="261">
        <v>3495</v>
      </c>
      <c r="AF13" s="261">
        <v>3411</v>
      </c>
      <c r="AG13" s="261">
        <v>3302</v>
      </c>
      <c r="AH13" s="258">
        <v>24823</v>
      </c>
      <c r="AI13" s="263">
        <v>28013</v>
      </c>
      <c r="AJ13" s="257">
        <v>224</v>
      </c>
      <c r="AK13" s="261">
        <v>628</v>
      </c>
      <c r="AL13" s="258">
        <v>852</v>
      </c>
      <c r="AM13" s="260">
        <v>0</v>
      </c>
      <c r="AN13" s="261">
        <v>1416</v>
      </c>
      <c r="AO13" s="261">
        <v>1250</v>
      </c>
      <c r="AP13" s="261">
        <v>869</v>
      </c>
      <c r="AQ13" s="261">
        <v>541</v>
      </c>
      <c r="AR13" s="261">
        <v>617</v>
      </c>
      <c r="AS13" s="258">
        <v>4693</v>
      </c>
      <c r="AT13" s="263">
        <v>5545</v>
      </c>
      <c r="AU13" s="257">
        <v>0</v>
      </c>
      <c r="AV13" s="261">
        <v>0</v>
      </c>
      <c r="AW13" s="258">
        <v>0</v>
      </c>
      <c r="AX13" s="260">
        <v>0</v>
      </c>
      <c r="AY13" s="261">
        <v>13509</v>
      </c>
      <c r="AZ13" s="261">
        <v>8415</v>
      </c>
      <c r="BA13" s="261">
        <v>5296</v>
      </c>
      <c r="BB13" s="261">
        <v>3752</v>
      </c>
      <c r="BC13" s="261">
        <v>1294</v>
      </c>
      <c r="BD13" s="262">
        <v>32266</v>
      </c>
      <c r="BE13" s="263">
        <v>32266</v>
      </c>
      <c r="BF13" s="257">
        <v>0</v>
      </c>
      <c r="BG13" s="261">
        <v>0</v>
      </c>
      <c r="BH13" s="258">
        <v>0</v>
      </c>
      <c r="BI13" s="260">
        <v>0</v>
      </c>
      <c r="BJ13" s="261">
        <v>1920</v>
      </c>
      <c r="BK13" s="261">
        <v>1605</v>
      </c>
      <c r="BL13" s="261">
        <v>790</v>
      </c>
      <c r="BM13" s="261">
        <v>475</v>
      </c>
      <c r="BN13" s="261">
        <v>179</v>
      </c>
      <c r="BO13" s="258">
        <v>4969</v>
      </c>
      <c r="BP13" s="263">
        <v>4969</v>
      </c>
      <c r="BQ13" s="257">
        <v>24</v>
      </c>
      <c r="BR13" s="261">
        <v>94</v>
      </c>
      <c r="BS13" s="258">
        <v>118</v>
      </c>
      <c r="BT13" s="260">
        <v>0</v>
      </c>
      <c r="BU13" s="261">
        <v>1325</v>
      </c>
      <c r="BV13" s="261">
        <v>1602</v>
      </c>
      <c r="BW13" s="261">
        <v>2189</v>
      </c>
      <c r="BX13" s="261">
        <v>2315</v>
      </c>
      <c r="BY13" s="261">
        <v>1060</v>
      </c>
      <c r="BZ13" s="258">
        <v>8491</v>
      </c>
      <c r="CA13" s="263">
        <v>8609</v>
      </c>
      <c r="CB13" s="257">
        <v>3</v>
      </c>
      <c r="CC13" s="261">
        <v>10</v>
      </c>
      <c r="CD13" s="258">
        <v>13</v>
      </c>
      <c r="CE13" s="260">
        <v>0</v>
      </c>
      <c r="CF13" s="261">
        <v>52</v>
      </c>
      <c r="CG13" s="261">
        <v>156</v>
      </c>
      <c r="CH13" s="261">
        <v>165</v>
      </c>
      <c r="CI13" s="261">
        <v>84</v>
      </c>
      <c r="CJ13" s="261">
        <v>69</v>
      </c>
      <c r="CK13" s="258">
        <v>526</v>
      </c>
      <c r="CL13" s="263">
        <v>539</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5230</v>
      </c>
      <c r="H14" s="261">
        <v>7407</v>
      </c>
      <c r="I14" s="261">
        <v>8561</v>
      </c>
      <c r="J14" s="261">
        <v>10345</v>
      </c>
      <c r="K14" s="261">
        <v>9372</v>
      </c>
      <c r="L14" s="262">
        <v>40915</v>
      </c>
      <c r="M14" s="263">
        <v>40915</v>
      </c>
      <c r="N14" s="257">
        <v>0</v>
      </c>
      <c r="O14" s="261">
        <v>0</v>
      </c>
      <c r="P14" s="258">
        <v>0</v>
      </c>
      <c r="Q14" s="260">
        <v>0</v>
      </c>
      <c r="R14" s="261">
        <v>16</v>
      </c>
      <c r="S14" s="261">
        <v>60</v>
      </c>
      <c r="T14" s="261">
        <v>115</v>
      </c>
      <c r="U14" s="261">
        <v>266</v>
      </c>
      <c r="V14" s="261">
        <v>397</v>
      </c>
      <c r="W14" s="258">
        <v>854</v>
      </c>
      <c r="X14" s="263">
        <v>854</v>
      </c>
      <c r="Y14" s="257">
        <v>208</v>
      </c>
      <c r="Z14" s="261">
        <v>332</v>
      </c>
      <c r="AA14" s="258">
        <v>540</v>
      </c>
      <c r="AB14" s="260">
        <v>0</v>
      </c>
      <c r="AC14" s="261">
        <v>2732</v>
      </c>
      <c r="AD14" s="261">
        <v>2295</v>
      </c>
      <c r="AE14" s="261">
        <v>1912</v>
      </c>
      <c r="AF14" s="261">
        <v>1855</v>
      </c>
      <c r="AG14" s="261">
        <v>1459</v>
      </c>
      <c r="AH14" s="258">
        <v>10253</v>
      </c>
      <c r="AI14" s="263">
        <v>10793</v>
      </c>
      <c r="AJ14" s="257">
        <v>91</v>
      </c>
      <c r="AK14" s="261">
        <v>83</v>
      </c>
      <c r="AL14" s="258">
        <v>174</v>
      </c>
      <c r="AM14" s="260">
        <v>0</v>
      </c>
      <c r="AN14" s="261">
        <v>341</v>
      </c>
      <c r="AO14" s="261">
        <v>376</v>
      </c>
      <c r="AP14" s="261">
        <v>386</v>
      </c>
      <c r="AQ14" s="261">
        <v>366</v>
      </c>
      <c r="AR14" s="261">
        <v>71</v>
      </c>
      <c r="AS14" s="258">
        <v>1540</v>
      </c>
      <c r="AT14" s="263">
        <v>1714</v>
      </c>
      <c r="AU14" s="257">
        <v>0</v>
      </c>
      <c r="AV14" s="261">
        <v>0</v>
      </c>
      <c r="AW14" s="258">
        <v>0</v>
      </c>
      <c r="AX14" s="260">
        <v>0</v>
      </c>
      <c r="AY14" s="261">
        <v>6480</v>
      </c>
      <c r="AZ14" s="261">
        <v>4297</v>
      </c>
      <c r="BA14" s="261">
        <v>3288</v>
      </c>
      <c r="BB14" s="261">
        <v>2323</v>
      </c>
      <c r="BC14" s="261">
        <v>933</v>
      </c>
      <c r="BD14" s="262">
        <v>17321</v>
      </c>
      <c r="BE14" s="263">
        <v>17321</v>
      </c>
      <c r="BF14" s="257">
        <v>0</v>
      </c>
      <c r="BG14" s="261">
        <v>0</v>
      </c>
      <c r="BH14" s="258">
        <v>0</v>
      </c>
      <c r="BI14" s="260">
        <v>0</v>
      </c>
      <c r="BJ14" s="261">
        <v>1433</v>
      </c>
      <c r="BK14" s="261">
        <v>1055</v>
      </c>
      <c r="BL14" s="261">
        <v>817</v>
      </c>
      <c r="BM14" s="261">
        <v>477</v>
      </c>
      <c r="BN14" s="261">
        <v>130</v>
      </c>
      <c r="BO14" s="258">
        <v>3912</v>
      </c>
      <c r="BP14" s="263">
        <v>3912</v>
      </c>
      <c r="BQ14" s="257">
        <v>23</v>
      </c>
      <c r="BR14" s="261">
        <v>74</v>
      </c>
      <c r="BS14" s="258">
        <v>97</v>
      </c>
      <c r="BT14" s="260">
        <v>0</v>
      </c>
      <c r="BU14" s="261">
        <v>673</v>
      </c>
      <c r="BV14" s="261">
        <v>975</v>
      </c>
      <c r="BW14" s="261">
        <v>1115</v>
      </c>
      <c r="BX14" s="261">
        <v>916</v>
      </c>
      <c r="BY14" s="261">
        <v>466</v>
      </c>
      <c r="BZ14" s="258">
        <v>4145</v>
      </c>
      <c r="CA14" s="263">
        <v>4242</v>
      </c>
      <c r="CB14" s="257">
        <v>0</v>
      </c>
      <c r="CC14" s="261">
        <v>0</v>
      </c>
      <c r="CD14" s="258">
        <v>0</v>
      </c>
      <c r="CE14" s="260">
        <v>0</v>
      </c>
      <c r="CF14" s="261">
        <v>7</v>
      </c>
      <c r="CG14" s="261">
        <v>95</v>
      </c>
      <c r="CH14" s="261">
        <v>58</v>
      </c>
      <c r="CI14" s="261">
        <v>49</v>
      </c>
      <c r="CJ14" s="261">
        <v>83</v>
      </c>
      <c r="CK14" s="258">
        <v>292</v>
      </c>
      <c r="CL14" s="263">
        <v>292</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6077</v>
      </c>
      <c r="H15" s="261">
        <v>9141</v>
      </c>
      <c r="I15" s="261">
        <v>11548</v>
      </c>
      <c r="J15" s="261">
        <v>13024</v>
      </c>
      <c r="K15" s="261">
        <v>12717</v>
      </c>
      <c r="L15" s="262">
        <v>52507</v>
      </c>
      <c r="M15" s="263">
        <v>52507</v>
      </c>
      <c r="N15" s="257">
        <v>0</v>
      </c>
      <c r="O15" s="261">
        <v>22</v>
      </c>
      <c r="P15" s="258">
        <v>22</v>
      </c>
      <c r="Q15" s="260">
        <v>0</v>
      </c>
      <c r="R15" s="261">
        <v>18</v>
      </c>
      <c r="S15" s="261">
        <v>112</v>
      </c>
      <c r="T15" s="261">
        <v>99</v>
      </c>
      <c r="U15" s="261">
        <v>343</v>
      </c>
      <c r="V15" s="261">
        <v>451</v>
      </c>
      <c r="W15" s="258">
        <v>1023</v>
      </c>
      <c r="X15" s="263">
        <v>1045</v>
      </c>
      <c r="Y15" s="257">
        <v>555</v>
      </c>
      <c r="Z15" s="261">
        <v>1782</v>
      </c>
      <c r="AA15" s="258">
        <v>2337</v>
      </c>
      <c r="AB15" s="260">
        <v>0</v>
      </c>
      <c r="AC15" s="261">
        <v>1947</v>
      </c>
      <c r="AD15" s="261">
        <v>3039</v>
      </c>
      <c r="AE15" s="261">
        <v>2068</v>
      </c>
      <c r="AF15" s="261">
        <v>1995</v>
      </c>
      <c r="AG15" s="261">
        <v>1760</v>
      </c>
      <c r="AH15" s="258">
        <v>10809</v>
      </c>
      <c r="AI15" s="263">
        <v>13146</v>
      </c>
      <c r="AJ15" s="257">
        <v>34</v>
      </c>
      <c r="AK15" s="261">
        <v>264</v>
      </c>
      <c r="AL15" s="258">
        <v>298</v>
      </c>
      <c r="AM15" s="260">
        <v>0</v>
      </c>
      <c r="AN15" s="261">
        <v>186</v>
      </c>
      <c r="AO15" s="261">
        <v>531</v>
      </c>
      <c r="AP15" s="261">
        <v>375</v>
      </c>
      <c r="AQ15" s="261">
        <v>245</v>
      </c>
      <c r="AR15" s="261">
        <v>182</v>
      </c>
      <c r="AS15" s="258">
        <v>1519</v>
      </c>
      <c r="AT15" s="263">
        <v>1817</v>
      </c>
      <c r="AU15" s="257">
        <v>0</v>
      </c>
      <c r="AV15" s="261">
        <v>0</v>
      </c>
      <c r="AW15" s="258">
        <v>0</v>
      </c>
      <c r="AX15" s="260">
        <v>0</v>
      </c>
      <c r="AY15" s="261">
        <v>5843</v>
      </c>
      <c r="AZ15" s="261">
        <v>4649</v>
      </c>
      <c r="BA15" s="261">
        <v>3113</v>
      </c>
      <c r="BB15" s="261">
        <v>2307</v>
      </c>
      <c r="BC15" s="261">
        <v>1148</v>
      </c>
      <c r="BD15" s="262">
        <v>17060</v>
      </c>
      <c r="BE15" s="263">
        <v>17060</v>
      </c>
      <c r="BF15" s="257">
        <v>0</v>
      </c>
      <c r="BG15" s="261">
        <v>0</v>
      </c>
      <c r="BH15" s="258">
        <v>0</v>
      </c>
      <c r="BI15" s="260">
        <v>0</v>
      </c>
      <c r="BJ15" s="261">
        <v>1095</v>
      </c>
      <c r="BK15" s="261">
        <v>1357</v>
      </c>
      <c r="BL15" s="261">
        <v>1009</v>
      </c>
      <c r="BM15" s="261">
        <v>581</v>
      </c>
      <c r="BN15" s="261">
        <v>228</v>
      </c>
      <c r="BO15" s="258">
        <v>4270</v>
      </c>
      <c r="BP15" s="263">
        <v>4270</v>
      </c>
      <c r="BQ15" s="257">
        <v>23</v>
      </c>
      <c r="BR15" s="261">
        <v>70</v>
      </c>
      <c r="BS15" s="258">
        <v>93</v>
      </c>
      <c r="BT15" s="260">
        <v>0</v>
      </c>
      <c r="BU15" s="261">
        <v>684</v>
      </c>
      <c r="BV15" s="261">
        <v>849</v>
      </c>
      <c r="BW15" s="261">
        <v>1315</v>
      </c>
      <c r="BX15" s="261">
        <v>896</v>
      </c>
      <c r="BY15" s="261">
        <v>733</v>
      </c>
      <c r="BZ15" s="258">
        <v>4477</v>
      </c>
      <c r="CA15" s="263">
        <v>4570</v>
      </c>
      <c r="CB15" s="257">
        <v>0</v>
      </c>
      <c r="CC15" s="261">
        <v>0</v>
      </c>
      <c r="CD15" s="258">
        <v>0</v>
      </c>
      <c r="CE15" s="260">
        <v>0</v>
      </c>
      <c r="CF15" s="261">
        <v>24</v>
      </c>
      <c r="CG15" s="261">
        <v>38</v>
      </c>
      <c r="CH15" s="261">
        <v>43</v>
      </c>
      <c r="CI15" s="261">
        <v>58</v>
      </c>
      <c r="CJ15" s="261">
        <v>7</v>
      </c>
      <c r="CK15" s="258">
        <v>170</v>
      </c>
      <c r="CL15" s="263">
        <v>170</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2165</v>
      </c>
      <c r="H16" s="261">
        <v>3513</v>
      </c>
      <c r="I16" s="261">
        <v>4243</v>
      </c>
      <c r="J16" s="261">
        <v>4942</v>
      </c>
      <c r="K16" s="261">
        <v>6599</v>
      </c>
      <c r="L16" s="262">
        <v>21462</v>
      </c>
      <c r="M16" s="263">
        <v>21462</v>
      </c>
      <c r="N16" s="257">
        <v>0</v>
      </c>
      <c r="O16" s="261">
        <v>0</v>
      </c>
      <c r="P16" s="258">
        <v>0</v>
      </c>
      <c r="Q16" s="260">
        <v>0</v>
      </c>
      <c r="R16" s="261">
        <v>3</v>
      </c>
      <c r="S16" s="261">
        <v>5</v>
      </c>
      <c r="T16" s="261">
        <v>8</v>
      </c>
      <c r="U16" s="261">
        <v>84</v>
      </c>
      <c r="V16" s="261">
        <v>183</v>
      </c>
      <c r="W16" s="258">
        <v>283</v>
      </c>
      <c r="X16" s="263">
        <v>283</v>
      </c>
      <c r="Y16" s="257">
        <v>78</v>
      </c>
      <c r="Z16" s="261">
        <v>217</v>
      </c>
      <c r="AA16" s="258">
        <v>295</v>
      </c>
      <c r="AB16" s="260">
        <v>0</v>
      </c>
      <c r="AC16" s="261">
        <v>1068</v>
      </c>
      <c r="AD16" s="261">
        <v>1317</v>
      </c>
      <c r="AE16" s="261">
        <v>967</v>
      </c>
      <c r="AF16" s="261">
        <v>791</v>
      </c>
      <c r="AG16" s="261">
        <v>843</v>
      </c>
      <c r="AH16" s="258">
        <v>4986</v>
      </c>
      <c r="AI16" s="263">
        <v>5281</v>
      </c>
      <c r="AJ16" s="257">
        <v>9</v>
      </c>
      <c r="AK16" s="261">
        <v>80</v>
      </c>
      <c r="AL16" s="258">
        <v>89</v>
      </c>
      <c r="AM16" s="260">
        <v>0</v>
      </c>
      <c r="AN16" s="261">
        <v>194</v>
      </c>
      <c r="AO16" s="261">
        <v>265</v>
      </c>
      <c r="AP16" s="261">
        <v>108</v>
      </c>
      <c r="AQ16" s="261">
        <v>121</v>
      </c>
      <c r="AR16" s="261">
        <v>164</v>
      </c>
      <c r="AS16" s="258">
        <v>852</v>
      </c>
      <c r="AT16" s="263">
        <v>941</v>
      </c>
      <c r="AU16" s="257">
        <v>0</v>
      </c>
      <c r="AV16" s="261">
        <v>0</v>
      </c>
      <c r="AW16" s="258">
        <v>0</v>
      </c>
      <c r="AX16" s="260">
        <v>0</v>
      </c>
      <c r="AY16" s="261">
        <v>1429</v>
      </c>
      <c r="AZ16" s="261">
        <v>1558</v>
      </c>
      <c r="BA16" s="261">
        <v>1080</v>
      </c>
      <c r="BB16" s="261">
        <v>596</v>
      </c>
      <c r="BC16" s="261">
        <v>310</v>
      </c>
      <c r="BD16" s="262">
        <v>4973</v>
      </c>
      <c r="BE16" s="263">
        <v>4973</v>
      </c>
      <c r="BF16" s="257">
        <v>0</v>
      </c>
      <c r="BG16" s="261">
        <v>0</v>
      </c>
      <c r="BH16" s="258">
        <v>0</v>
      </c>
      <c r="BI16" s="260">
        <v>0</v>
      </c>
      <c r="BJ16" s="261">
        <v>232</v>
      </c>
      <c r="BK16" s="261">
        <v>253</v>
      </c>
      <c r="BL16" s="261">
        <v>187</v>
      </c>
      <c r="BM16" s="261">
        <v>237</v>
      </c>
      <c r="BN16" s="261">
        <v>81</v>
      </c>
      <c r="BO16" s="258">
        <v>990</v>
      </c>
      <c r="BP16" s="263">
        <v>990</v>
      </c>
      <c r="BQ16" s="257">
        <v>0</v>
      </c>
      <c r="BR16" s="261">
        <v>3</v>
      </c>
      <c r="BS16" s="258">
        <v>3</v>
      </c>
      <c r="BT16" s="260">
        <v>0</v>
      </c>
      <c r="BU16" s="261">
        <v>132</v>
      </c>
      <c r="BV16" s="261">
        <v>234</v>
      </c>
      <c r="BW16" s="261">
        <v>607</v>
      </c>
      <c r="BX16" s="261">
        <v>461</v>
      </c>
      <c r="BY16" s="261">
        <v>196</v>
      </c>
      <c r="BZ16" s="258">
        <v>1630</v>
      </c>
      <c r="CA16" s="263">
        <v>1633</v>
      </c>
      <c r="CB16" s="257">
        <v>0</v>
      </c>
      <c r="CC16" s="261">
        <v>0</v>
      </c>
      <c r="CD16" s="258">
        <v>0</v>
      </c>
      <c r="CE16" s="260">
        <v>0</v>
      </c>
      <c r="CF16" s="261">
        <v>27</v>
      </c>
      <c r="CG16" s="261">
        <v>37</v>
      </c>
      <c r="CH16" s="261">
        <v>58</v>
      </c>
      <c r="CI16" s="261">
        <v>48</v>
      </c>
      <c r="CJ16" s="261">
        <v>0</v>
      </c>
      <c r="CK16" s="258">
        <v>170</v>
      </c>
      <c r="CL16" s="263">
        <v>170</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1075</v>
      </c>
      <c r="H17" s="261">
        <v>2560</v>
      </c>
      <c r="I17" s="261">
        <v>1981</v>
      </c>
      <c r="J17" s="261">
        <v>2043</v>
      </c>
      <c r="K17" s="261">
        <v>2541</v>
      </c>
      <c r="L17" s="262">
        <v>10200</v>
      </c>
      <c r="M17" s="263">
        <v>10200</v>
      </c>
      <c r="N17" s="257">
        <v>0</v>
      </c>
      <c r="O17" s="261">
        <v>0</v>
      </c>
      <c r="P17" s="258">
        <v>0</v>
      </c>
      <c r="Q17" s="260">
        <v>0</v>
      </c>
      <c r="R17" s="261">
        <v>0</v>
      </c>
      <c r="S17" s="261">
        <v>0</v>
      </c>
      <c r="T17" s="261">
        <v>49</v>
      </c>
      <c r="U17" s="261">
        <v>43</v>
      </c>
      <c r="V17" s="261">
        <v>155</v>
      </c>
      <c r="W17" s="258">
        <v>247</v>
      </c>
      <c r="X17" s="263">
        <v>247</v>
      </c>
      <c r="Y17" s="257">
        <v>10</v>
      </c>
      <c r="Z17" s="261">
        <v>96</v>
      </c>
      <c r="AA17" s="258">
        <v>106</v>
      </c>
      <c r="AB17" s="260">
        <v>0</v>
      </c>
      <c r="AC17" s="261">
        <v>472</v>
      </c>
      <c r="AD17" s="261">
        <v>548</v>
      </c>
      <c r="AE17" s="261">
        <v>290</v>
      </c>
      <c r="AF17" s="261">
        <v>337</v>
      </c>
      <c r="AG17" s="261">
        <v>452</v>
      </c>
      <c r="AH17" s="258">
        <v>2099</v>
      </c>
      <c r="AI17" s="263">
        <v>2205</v>
      </c>
      <c r="AJ17" s="257">
        <v>0</v>
      </c>
      <c r="AK17" s="261">
        <v>20</v>
      </c>
      <c r="AL17" s="258">
        <v>20</v>
      </c>
      <c r="AM17" s="260">
        <v>0</v>
      </c>
      <c r="AN17" s="261">
        <v>104</v>
      </c>
      <c r="AO17" s="261">
        <v>179</v>
      </c>
      <c r="AP17" s="261">
        <v>32</v>
      </c>
      <c r="AQ17" s="261">
        <v>46</v>
      </c>
      <c r="AR17" s="261">
        <v>94</v>
      </c>
      <c r="AS17" s="258">
        <v>455</v>
      </c>
      <c r="AT17" s="263">
        <v>475</v>
      </c>
      <c r="AU17" s="257">
        <v>0</v>
      </c>
      <c r="AV17" s="261">
        <v>0</v>
      </c>
      <c r="AW17" s="258">
        <v>0</v>
      </c>
      <c r="AX17" s="260">
        <v>0</v>
      </c>
      <c r="AY17" s="261">
        <v>972</v>
      </c>
      <c r="AZ17" s="261">
        <v>1217</v>
      </c>
      <c r="BA17" s="261">
        <v>662</v>
      </c>
      <c r="BB17" s="261">
        <v>248</v>
      </c>
      <c r="BC17" s="261">
        <v>100</v>
      </c>
      <c r="BD17" s="262">
        <v>3199</v>
      </c>
      <c r="BE17" s="263">
        <v>3199</v>
      </c>
      <c r="BF17" s="257">
        <v>0</v>
      </c>
      <c r="BG17" s="261">
        <v>0</v>
      </c>
      <c r="BH17" s="258">
        <v>0</v>
      </c>
      <c r="BI17" s="260">
        <v>0</v>
      </c>
      <c r="BJ17" s="261">
        <v>219</v>
      </c>
      <c r="BK17" s="261">
        <v>241</v>
      </c>
      <c r="BL17" s="261">
        <v>226</v>
      </c>
      <c r="BM17" s="261">
        <v>99</v>
      </c>
      <c r="BN17" s="261">
        <v>64</v>
      </c>
      <c r="BO17" s="258">
        <v>849</v>
      </c>
      <c r="BP17" s="263">
        <v>849</v>
      </c>
      <c r="BQ17" s="257">
        <v>11</v>
      </c>
      <c r="BR17" s="261">
        <v>7</v>
      </c>
      <c r="BS17" s="258">
        <v>18</v>
      </c>
      <c r="BT17" s="260">
        <v>0</v>
      </c>
      <c r="BU17" s="261">
        <v>58</v>
      </c>
      <c r="BV17" s="261">
        <v>415</v>
      </c>
      <c r="BW17" s="261">
        <v>790</v>
      </c>
      <c r="BX17" s="261">
        <v>791</v>
      </c>
      <c r="BY17" s="261">
        <v>318</v>
      </c>
      <c r="BZ17" s="258">
        <v>2372</v>
      </c>
      <c r="CA17" s="263">
        <v>2390</v>
      </c>
      <c r="CB17" s="257">
        <v>0</v>
      </c>
      <c r="CC17" s="261">
        <v>0</v>
      </c>
      <c r="CD17" s="258">
        <v>0</v>
      </c>
      <c r="CE17" s="260">
        <v>0</v>
      </c>
      <c r="CF17" s="261">
        <v>17</v>
      </c>
      <c r="CG17" s="261">
        <v>12</v>
      </c>
      <c r="CH17" s="261">
        <v>48</v>
      </c>
      <c r="CI17" s="261">
        <v>57</v>
      </c>
      <c r="CJ17" s="261">
        <v>0</v>
      </c>
      <c r="CK17" s="258">
        <v>134</v>
      </c>
      <c r="CL17" s="263">
        <v>134</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2134</v>
      </c>
      <c r="H18" s="261">
        <v>4229</v>
      </c>
      <c r="I18" s="261">
        <v>4198</v>
      </c>
      <c r="J18" s="261">
        <v>5636</v>
      </c>
      <c r="K18" s="261">
        <v>4292</v>
      </c>
      <c r="L18" s="262">
        <v>20489</v>
      </c>
      <c r="M18" s="263">
        <v>20489</v>
      </c>
      <c r="N18" s="257">
        <v>0</v>
      </c>
      <c r="O18" s="261">
        <v>0</v>
      </c>
      <c r="P18" s="258">
        <v>0</v>
      </c>
      <c r="Q18" s="260">
        <v>0</v>
      </c>
      <c r="R18" s="261">
        <v>4</v>
      </c>
      <c r="S18" s="261">
        <v>39</v>
      </c>
      <c r="T18" s="261">
        <v>52</v>
      </c>
      <c r="U18" s="261">
        <v>108</v>
      </c>
      <c r="V18" s="261">
        <v>194</v>
      </c>
      <c r="W18" s="258">
        <v>397</v>
      </c>
      <c r="X18" s="263">
        <v>397</v>
      </c>
      <c r="Y18" s="257">
        <v>120</v>
      </c>
      <c r="Z18" s="261">
        <v>298</v>
      </c>
      <c r="AA18" s="258">
        <v>418</v>
      </c>
      <c r="AB18" s="260">
        <v>0</v>
      </c>
      <c r="AC18" s="261">
        <v>1338</v>
      </c>
      <c r="AD18" s="261">
        <v>2625</v>
      </c>
      <c r="AE18" s="261">
        <v>1735</v>
      </c>
      <c r="AF18" s="261">
        <v>1383</v>
      </c>
      <c r="AG18" s="261">
        <v>979</v>
      </c>
      <c r="AH18" s="258">
        <v>8060</v>
      </c>
      <c r="AI18" s="263">
        <v>8478</v>
      </c>
      <c r="AJ18" s="257">
        <v>85</v>
      </c>
      <c r="AK18" s="261">
        <v>240</v>
      </c>
      <c r="AL18" s="258">
        <v>325</v>
      </c>
      <c r="AM18" s="260">
        <v>0</v>
      </c>
      <c r="AN18" s="261">
        <v>149</v>
      </c>
      <c r="AO18" s="261">
        <v>619</v>
      </c>
      <c r="AP18" s="261">
        <v>231</v>
      </c>
      <c r="AQ18" s="261">
        <v>61</v>
      </c>
      <c r="AR18" s="261">
        <v>243</v>
      </c>
      <c r="AS18" s="258">
        <v>1303</v>
      </c>
      <c r="AT18" s="263">
        <v>1628</v>
      </c>
      <c r="AU18" s="257">
        <v>0</v>
      </c>
      <c r="AV18" s="261">
        <v>0</v>
      </c>
      <c r="AW18" s="258">
        <v>0</v>
      </c>
      <c r="AX18" s="260">
        <v>0</v>
      </c>
      <c r="AY18" s="261">
        <v>3155</v>
      </c>
      <c r="AZ18" s="261">
        <v>4797</v>
      </c>
      <c r="BA18" s="261">
        <v>2986</v>
      </c>
      <c r="BB18" s="261">
        <v>1949</v>
      </c>
      <c r="BC18" s="261">
        <v>1273</v>
      </c>
      <c r="BD18" s="262">
        <v>14160</v>
      </c>
      <c r="BE18" s="263">
        <v>14160</v>
      </c>
      <c r="BF18" s="257">
        <v>0</v>
      </c>
      <c r="BG18" s="261">
        <v>0</v>
      </c>
      <c r="BH18" s="258">
        <v>0</v>
      </c>
      <c r="BI18" s="260">
        <v>0</v>
      </c>
      <c r="BJ18" s="261">
        <v>1506</v>
      </c>
      <c r="BK18" s="261">
        <v>2139</v>
      </c>
      <c r="BL18" s="261">
        <v>946</v>
      </c>
      <c r="BM18" s="261">
        <v>532</v>
      </c>
      <c r="BN18" s="261">
        <v>160</v>
      </c>
      <c r="BO18" s="258">
        <v>5283</v>
      </c>
      <c r="BP18" s="263">
        <v>5283</v>
      </c>
      <c r="BQ18" s="257">
        <v>8</v>
      </c>
      <c r="BR18" s="261">
        <v>13</v>
      </c>
      <c r="BS18" s="258">
        <v>21</v>
      </c>
      <c r="BT18" s="260">
        <v>0</v>
      </c>
      <c r="BU18" s="261">
        <v>255</v>
      </c>
      <c r="BV18" s="261">
        <v>635</v>
      </c>
      <c r="BW18" s="261">
        <v>723</v>
      </c>
      <c r="BX18" s="261">
        <v>501</v>
      </c>
      <c r="BY18" s="261">
        <v>189</v>
      </c>
      <c r="BZ18" s="258">
        <v>2303</v>
      </c>
      <c r="CA18" s="263">
        <v>2324</v>
      </c>
      <c r="CB18" s="257">
        <v>0</v>
      </c>
      <c r="CC18" s="261">
        <v>0</v>
      </c>
      <c r="CD18" s="258">
        <v>0</v>
      </c>
      <c r="CE18" s="260">
        <v>0</v>
      </c>
      <c r="CF18" s="261">
        <v>10</v>
      </c>
      <c r="CG18" s="261">
        <v>64</v>
      </c>
      <c r="CH18" s="261">
        <v>67</v>
      </c>
      <c r="CI18" s="261">
        <v>66</v>
      </c>
      <c r="CJ18" s="261">
        <v>13</v>
      </c>
      <c r="CK18" s="258">
        <v>220</v>
      </c>
      <c r="CL18" s="263">
        <v>220</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2561</v>
      </c>
      <c r="H19" s="261">
        <v>7064</v>
      </c>
      <c r="I19" s="261">
        <v>9646</v>
      </c>
      <c r="J19" s="261">
        <v>10456</v>
      </c>
      <c r="K19" s="261">
        <v>10609</v>
      </c>
      <c r="L19" s="262">
        <v>40336</v>
      </c>
      <c r="M19" s="263">
        <v>40336</v>
      </c>
      <c r="N19" s="257">
        <v>0</v>
      </c>
      <c r="O19" s="261">
        <v>0</v>
      </c>
      <c r="P19" s="258">
        <v>0</v>
      </c>
      <c r="Q19" s="260">
        <v>0</v>
      </c>
      <c r="R19" s="261">
        <v>1</v>
      </c>
      <c r="S19" s="261">
        <v>42</v>
      </c>
      <c r="T19" s="261">
        <v>101</v>
      </c>
      <c r="U19" s="261">
        <v>216</v>
      </c>
      <c r="V19" s="261">
        <v>384</v>
      </c>
      <c r="W19" s="258">
        <v>744</v>
      </c>
      <c r="X19" s="263">
        <v>744</v>
      </c>
      <c r="Y19" s="257">
        <v>189</v>
      </c>
      <c r="Z19" s="261">
        <v>620</v>
      </c>
      <c r="AA19" s="258">
        <v>809</v>
      </c>
      <c r="AB19" s="260">
        <v>0</v>
      </c>
      <c r="AC19" s="261">
        <v>1455</v>
      </c>
      <c r="AD19" s="261">
        <v>2821</v>
      </c>
      <c r="AE19" s="261">
        <v>2215</v>
      </c>
      <c r="AF19" s="261">
        <v>1804</v>
      </c>
      <c r="AG19" s="261">
        <v>1708</v>
      </c>
      <c r="AH19" s="258">
        <v>10003</v>
      </c>
      <c r="AI19" s="263">
        <v>10812</v>
      </c>
      <c r="AJ19" s="257">
        <v>59</v>
      </c>
      <c r="AK19" s="261">
        <v>102</v>
      </c>
      <c r="AL19" s="258">
        <v>161</v>
      </c>
      <c r="AM19" s="260">
        <v>0</v>
      </c>
      <c r="AN19" s="261">
        <v>124</v>
      </c>
      <c r="AO19" s="261">
        <v>428</v>
      </c>
      <c r="AP19" s="261">
        <v>437</v>
      </c>
      <c r="AQ19" s="261">
        <v>202</v>
      </c>
      <c r="AR19" s="261">
        <v>249</v>
      </c>
      <c r="AS19" s="258">
        <v>1440</v>
      </c>
      <c r="AT19" s="263">
        <v>1601</v>
      </c>
      <c r="AU19" s="257">
        <v>0</v>
      </c>
      <c r="AV19" s="261">
        <v>0</v>
      </c>
      <c r="AW19" s="258">
        <v>0</v>
      </c>
      <c r="AX19" s="260">
        <v>0</v>
      </c>
      <c r="AY19" s="261">
        <v>3152</v>
      </c>
      <c r="AZ19" s="261">
        <v>5093</v>
      </c>
      <c r="BA19" s="261">
        <v>3360</v>
      </c>
      <c r="BB19" s="261">
        <v>2148</v>
      </c>
      <c r="BC19" s="261">
        <v>996</v>
      </c>
      <c r="BD19" s="262">
        <v>14749</v>
      </c>
      <c r="BE19" s="263">
        <v>14749</v>
      </c>
      <c r="BF19" s="257">
        <v>0</v>
      </c>
      <c r="BG19" s="261">
        <v>0</v>
      </c>
      <c r="BH19" s="258">
        <v>0</v>
      </c>
      <c r="BI19" s="260">
        <v>0</v>
      </c>
      <c r="BJ19" s="261">
        <v>495</v>
      </c>
      <c r="BK19" s="261">
        <v>1406</v>
      </c>
      <c r="BL19" s="261">
        <v>928</v>
      </c>
      <c r="BM19" s="261">
        <v>383</v>
      </c>
      <c r="BN19" s="261">
        <v>164</v>
      </c>
      <c r="BO19" s="258">
        <v>3376</v>
      </c>
      <c r="BP19" s="263">
        <v>3376</v>
      </c>
      <c r="BQ19" s="257">
        <v>0</v>
      </c>
      <c r="BR19" s="261">
        <v>27</v>
      </c>
      <c r="BS19" s="258">
        <v>27</v>
      </c>
      <c r="BT19" s="260">
        <v>0</v>
      </c>
      <c r="BU19" s="261">
        <v>314</v>
      </c>
      <c r="BV19" s="261">
        <v>668</v>
      </c>
      <c r="BW19" s="261">
        <v>1206</v>
      </c>
      <c r="BX19" s="261">
        <v>1278</v>
      </c>
      <c r="BY19" s="261">
        <v>389</v>
      </c>
      <c r="BZ19" s="258">
        <v>3855</v>
      </c>
      <c r="CA19" s="263">
        <v>3882</v>
      </c>
      <c r="CB19" s="257">
        <v>0</v>
      </c>
      <c r="CC19" s="261">
        <v>0</v>
      </c>
      <c r="CD19" s="258">
        <v>0</v>
      </c>
      <c r="CE19" s="260">
        <v>0</v>
      </c>
      <c r="CF19" s="261">
        <v>42</v>
      </c>
      <c r="CG19" s="261">
        <v>144</v>
      </c>
      <c r="CH19" s="261">
        <v>115</v>
      </c>
      <c r="CI19" s="261">
        <v>90</v>
      </c>
      <c r="CJ19" s="261">
        <v>77</v>
      </c>
      <c r="CK19" s="258">
        <v>468</v>
      </c>
      <c r="CL19" s="263">
        <v>468</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5831</v>
      </c>
      <c r="H20" s="261">
        <v>8289</v>
      </c>
      <c r="I20" s="261">
        <v>10793</v>
      </c>
      <c r="J20" s="261">
        <v>14509</v>
      </c>
      <c r="K20" s="261">
        <v>11508</v>
      </c>
      <c r="L20" s="262">
        <v>50930</v>
      </c>
      <c r="M20" s="263">
        <v>50930</v>
      </c>
      <c r="N20" s="257">
        <v>0</v>
      </c>
      <c r="O20" s="261">
        <v>0</v>
      </c>
      <c r="P20" s="258">
        <v>0</v>
      </c>
      <c r="Q20" s="260">
        <v>0</v>
      </c>
      <c r="R20" s="261">
        <v>6</v>
      </c>
      <c r="S20" s="261">
        <v>37</v>
      </c>
      <c r="T20" s="261">
        <v>85</v>
      </c>
      <c r="U20" s="261">
        <v>254</v>
      </c>
      <c r="V20" s="261">
        <v>454</v>
      </c>
      <c r="W20" s="258">
        <v>836</v>
      </c>
      <c r="X20" s="263">
        <v>836</v>
      </c>
      <c r="Y20" s="257">
        <v>308</v>
      </c>
      <c r="Z20" s="261">
        <v>852</v>
      </c>
      <c r="AA20" s="258">
        <v>1160</v>
      </c>
      <c r="AB20" s="260">
        <v>0</v>
      </c>
      <c r="AC20" s="261">
        <v>3098</v>
      </c>
      <c r="AD20" s="261">
        <v>3379</v>
      </c>
      <c r="AE20" s="261">
        <v>2537</v>
      </c>
      <c r="AF20" s="261">
        <v>1999</v>
      </c>
      <c r="AG20" s="261">
        <v>1783</v>
      </c>
      <c r="AH20" s="258">
        <v>12796</v>
      </c>
      <c r="AI20" s="263">
        <v>13956</v>
      </c>
      <c r="AJ20" s="257">
        <v>46</v>
      </c>
      <c r="AK20" s="261">
        <v>178</v>
      </c>
      <c r="AL20" s="258">
        <v>224</v>
      </c>
      <c r="AM20" s="260">
        <v>0</v>
      </c>
      <c r="AN20" s="261">
        <v>599</v>
      </c>
      <c r="AO20" s="261">
        <v>881</v>
      </c>
      <c r="AP20" s="261">
        <v>472</v>
      </c>
      <c r="AQ20" s="261">
        <v>411</v>
      </c>
      <c r="AR20" s="261">
        <v>207</v>
      </c>
      <c r="AS20" s="258">
        <v>2570</v>
      </c>
      <c r="AT20" s="263">
        <v>2794</v>
      </c>
      <c r="AU20" s="257">
        <v>0</v>
      </c>
      <c r="AV20" s="261">
        <v>0</v>
      </c>
      <c r="AW20" s="258">
        <v>0</v>
      </c>
      <c r="AX20" s="260">
        <v>0</v>
      </c>
      <c r="AY20" s="261">
        <v>6207</v>
      </c>
      <c r="AZ20" s="261">
        <v>6087</v>
      </c>
      <c r="BA20" s="261">
        <v>4421</v>
      </c>
      <c r="BB20" s="261">
        <v>2294</v>
      </c>
      <c r="BC20" s="261">
        <v>1141</v>
      </c>
      <c r="BD20" s="262">
        <v>20150</v>
      </c>
      <c r="BE20" s="263">
        <v>20150</v>
      </c>
      <c r="BF20" s="257">
        <v>0</v>
      </c>
      <c r="BG20" s="261">
        <v>0</v>
      </c>
      <c r="BH20" s="258">
        <v>0</v>
      </c>
      <c r="BI20" s="260">
        <v>0</v>
      </c>
      <c r="BJ20" s="261">
        <v>1371</v>
      </c>
      <c r="BK20" s="261">
        <v>1772</v>
      </c>
      <c r="BL20" s="261">
        <v>882</v>
      </c>
      <c r="BM20" s="261">
        <v>489</v>
      </c>
      <c r="BN20" s="261">
        <v>246</v>
      </c>
      <c r="BO20" s="258">
        <v>4760</v>
      </c>
      <c r="BP20" s="263">
        <v>4760</v>
      </c>
      <c r="BQ20" s="257">
        <v>23</v>
      </c>
      <c r="BR20" s="261">
        <v>15</v>
      </c>
      <c r="BS20" s="258">
        <v>38</v>
      </c>
      <c r="BT20" s="260">
        <v>0</v>
      </c>
      <c r="BU20" s="261">
        <v>482</v>
      </c>
      <c r="BV20" s="261">
        <v>983</v>
      </c>
      <c r="BW20" s="261">
        <v>1809</v>
      </c>
      <c r="BX20" s="261">
        <v>1489</v>
      </c>
      <c r="BY20" s="261">
        <v>732</v>
      </c>
      <c r="BZ20" s="258">
        <v>5495</v>
      </c>
      <c r="CA20" s="263">
        <v>5533</v>
      </c>
      <c r="CB20" s="257">
        <v>0</v>
      </c>
      <c r="CC20" s="261">
        <v>0</v>
      </c>
      <c r="CD20" s="258">
        <v>0</v>
      </c>
      <c r="CE20" s="260">
        <v>0</v>
      </c>
      <c r="CF20" s="261">
        <v>2</v>
      </c>
      <c r="CG20" s="261">
        <v>16</v>
      </c>
      <c r="CH20" s="261">
        <v>11</v>
      </c>
      <c r="CI20" s="261">
        <v>11</v>
      </c>
      <c r="CJ20" s="261">
        <v>38</v>
      </c>
      <c r="CK20" s="258">
        <v>78</v>
      </c>
      <c r="CL20" s="263">
        <v>78</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1741</v>
      </c>
      <c r="H21" s="261">
        <v>2555</v>
      </c>
      <c r="I21" s="261">
        <v>2467</v>
      </c>
      <c r="J21" s="261">
        <v>3908</v>
      </c>
      <c r="K21" s="261">
        <v>3174</v>
      </c>
      <c r="L21" s="262">
        <v>13845</v>
      </c>
      <c r="M21" s="263">
        <v>13845</v>
      </c>
      <c r="N21" s="257">
        <v>0</v>
      </c>
      <c r="O21" s="261">
        <v>0</v>
      </c>
      <c r="P21" s="258">
        <v>0</v>
      </c>
      <c r="Q21" s="260">
        <v>0</v>
      </c>
      <c r="R21" s="261">
        <v>21</v>
      </c>
      <c r="S21" s="261">
        <v>15</v>
      </c>
      <c r="T21" s="261">
        <v>59</v>
      </c>
      <c r="U21" s="261">
        <v>77</v>
      </c>
      <c r="V21" s="261">
        <v>135</v>
      </c>
      <c r="W21" s="258">
        <v>307</v>
      </c>
      <c r="X21" s="263">
        <v>307</v>
      </c>
      <c r="Y21" s="257">
        <v>198</v>
      </c>
      <c r="Z21" s="261">
        <v>318</v>
      </c>
      <c r="AA21" s="258">
        <v>516</v>
      </c>
      <c r="AB21" s="260">
        <v>0</v>
      </c>
      <c r="AC21" s="261">
        <v>1496</v>
      </c>
      <c r="AD21" s="261">
        <v>1322</v>
      </c>
      <c r="AE21" s="261">
        <v>1063</v>
      </c>
      <c r="AF21" s="261">
        <v>906</v>
      </c>
      <c r="AG21" s="261">
        <v>753</v>
      </c>
      <c r="AH21" s="258">
        <v>5540</v>
      </c>
      <c r="AI21" s="263">
        <v>6056</v>
      </c>
      <c r="AJ21" s="257">
        <v>24</v>
      </c>
      <c r="AK21" s="261">
        <v>42</v>
      </c>
      <c r="AL21" s="258">
        <v>66</v>
      </c>
      <c r="AM21" s="260">
        <v>0</v>
      </c>
      <c r="AN21" s="261">
        <v>245</v>
      </c>
      <c r="AO21" s="261">
        <v>167</v>
      </c>
      <c r="AP21" s="261">
        <v>155</v>
      </c>
      <c r="AQ21" s="261">
        <v>174</v>
      </c>
      <c r="AR21" s="261">
        <v>30</v>
      </c>
      <c r="AS21" s="258">
        <v>771</v>
      </c>
      <c r="AT21" s="263">
        <v>837</v>
      </c>
      <c r="AU21" s="257">
        <v>0</v>
      </c>
      <c r="AV21" s="261">
        <v>0</v>
      </c>
      <c r="AW21" s="258">
        <v>0</v>
      </c>
      <c r="AX21" s="260">
        <v>0</v>
      </c>
      <c r="AY21" s="261">
        <v>2278</v>
      </c>
      <c r="AZ21" s="261">
        <v>2636</v>
      </c>
      <c r="BA21" s="261">
        <v>1374</v>
      </c>
      <c r="BB21" s="261">
        <v>636</v>
      </c>
      <c r="BC21" s="261">
        <v>466</v>
      </c>
      <c r="BD21" s="262">
        <v>7390</v>
      </c>
      <c r="BE21" s="263">
        <v>7390</v>
      </c>
      <c r="BF21" s="257">
        <v>0</v>
      </c>
      <c r="BG21" s="261">
        <v>0</v>
      </c>
      <c r="BH21" s="258">
        <v>0</v>
      </c>
      <c r="BI21" s="260">
        <v>0</v>
      </c>
      <c r="BJ21" s="261">
        <v>740</v>
      </c>
      <c r="BK21" s="261">
        <v>801</v>
      </c>
      <c r="BL21" s="261">
        <v>488</v>
      </c>
      <c r="BM21" s="261">
        <v>218</v>
      </c>
      <c r="BN21" s="261">
        <v>99</v>
      </c>
      <c r="BO21" s="258">
        <v>2346</v>
      </c>
      <c r="BP21" s="263">
        <v>2346</v>
      </c>
      <c r="BQ21" s="257">
        <v>20</v>
      </c>
      <c r="BR21" s="261">
        <v>24</v>
      </c>
      <c r="BS21" s="258">
        <v>44</v>
      </c>
      <c r="BT21" s="260">
        <v>0</v>
      </c>
      <c r="BU21" s="261">
        <v>153</v>
      </c>
      <c r="BV21" s="261">
        <v>339</v>
      </c>
      <c r="BW21" s="261">
        <v>586</v>
      </c>
      <c r="BX21" s="261">
        <v>210</v>
      </c>
      <c r="BY21" s="261">
        <v>161</v>
      </c>
      <c r="BZ21" s="258">
        <v>1449</v>
      </c>
      <c r="CA21" s="263">
        <v>1493</v>
      </c>
      <c r="CB21" s="257">
        <v>0</v>
      </c>
      <c r="CC21" s="261">
        <v>0</v>
      </c>
      <c r="CD21" s="258">
        <v>0</v>
      </c>
      <c r="CE21" s="260">
        <v>0</v>
      </c>
      <c r="CF21" s="261">
        <v>16</v>
      </c>
      <c r="CG21" s="261">
        <v>61</v>
      </c>
      <c r="CH21" s="261">
        <v>42</v>
      </c>
      <c r="CI21" s="261">
        <v>105</v>
      </c>
      <c r="CJ21" s="261">
        <v>46</v>
      </c>
      <c r="CK21" s="258">
        <v>270</v>
      </c>
      <c r="CL21" s="263">
        <v>270</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242</v>
      </c>
      <c r="H22" s="261">
        <v>3077</v>
      </c>
      <c r="I22" s="261">
        <v>5756</v>
      </c>
      <c r="J22" s="261">
        <v>5091</v>
      </c>
      <c r="K22" s="261">
        <v>5357</v>
      </c>
      <c r="L22" s="262">
        <v>22523</v>
      </c>
      <c r="M22" s="263">
        <v>22523</v>
      </c>
      <c r="N22" s="257">
        <v>0</v>
      </c>
      <c r="O22" s="261">
        <v>0</v>
      </c>
      <c r="P22" s="258">
        <v>0</v>
      </c>
      <c r="Q22" s="260">
        <v>0</v>
      </c>
      <c r="R22" s="261">
        <v>6</v>
      </c>
      <c r="S22" s="261">
        <v>26</v>
      </c>
      <c r="T22" s="261">
        <v>65</v>
      </c>
      <c r="U22" s="261">
        <v>126</v>
      </c>
      <c r="V22" s="261">
        <v>247</v>
      </c>
      <c r="W22" s="258">
        <v>470</v>
      </c>
      <c r="X22" s="263">
        <v>470</v>
      </c>
      <c r="Y22" s="257">
        <v>297</v>
      </c>
      <c r="Z22" s="261">
        <v>786</v>
      </c>
      <c r="AA22" s="258">
        <v>1083</v>
      </c>
      <c r="AB22" s="260">
        <v>0</v>
      </c>
      <c r="AC22" s="261">
        <v>2345</v>
      </c>
      <c r="AD22" s="261">
        <v>1989</v>
      </c>
      <c r="AE22" s="261">
        <v>1312</v>
      </c>
      <c r="AF22" s="261">
        <v>1112</v>
      </c>
      <c r="AG22" s="261">
        <v>739</v>
      </c>
      <c r="AH22" s="258">
        <v>7497</v>
      </c>
      <c r="AI22" s="263">
        <v>8580</v>
      </c>
      <c r="AJ22" s="257">
        <v>145</v>
      </c>
      <c r="AK22" s="261">
        <v>417</v>
      </c>
      <c r="AL22" s="258">
        <v>562</v>
      </c>
      <c r="AM22" s="260">
        <v>0</v>
      </c>
      <c r="AN22" s="261">
        <v>760</v>
      </c>
      <c r="AO22" s="261">
        <v>811</v>
      </c>
      <c r="AP22" s="261">
        <v>467</v>
      </c>
      <c r="AQ22" s="261">
        <v>460</v>
      </c>
      <c r="AR22" s="261">
        <v>137</v>
      </c>
      <c r="AS22" s="258">
        <v>2635</v>
      </c>
      <c r="AT22" s="263">
        <v>3197</v>
      </c>
      <c r="AU22" s="257">
        <v>0</v>
      </c>
      <c r="AV22" s="261">
        <v>0</v>
      </c>
      <c r="AW22" s="258">
        <v>0</v>
      </c>
      <c r="AX22" s="260">
        <v>0</v>
      </c>
      <c r="AY22" s="261">
        <v>2746</v>
      </c>
      <c r="AZ22" s="261">
        <v>2381</v>
      </c>
      <c r="BA22" s="261">
        <v>1597</v>
      </c>
      <c r="BB22" s="261">
        <v>957</v>
      </c>
      <c r="BC22" s="261">
        <v>340</v>
      </c>
      <c r="BD22" s="262">
        <v>8021</v>
      </c>
      <c r="BE22" s="263">
        <v>8021</v>
      </c>
      <c r="BF22" s="257">
        <v>0</v>
      </c>
      <c r="BG22" s="261">
        <v>0</v>
      </c>
      <c r="BH22" s="258">
        <v>0</v>
      </c>
      <c r="BI22" s="260">
        <v>0</v>
      </c>
      <c r="BJ22" s="261">
        <v>898</v>
      </c>
      <c r="BK22" s="261">
        <v>841</v>
      </c>
      <c r="BL22" s="261">
        <v>443</v>
      </c>
      <c r="BM22" s="261">
        <v>337</v>
      </c>
      <c r="BN22" s="261">
        <v>130</v>
      </c>
      <c r="BO22" s="258">
        <v>2649</v>
      </c>
      <c r="BP22" s="263">
        <v>2649</v>
      </c>
      <c r="BQ22" s="257">
        <v>15</v>
      </c>
      <c r="BR22" s="261">
        <v>20</v>
      </c>
      <c r="BS22" s="258">
        <v>35</v>
      </c>
      <c r="BT22" s="260">
        <v>0</v>
      </c>
      <c r="BU22" s="261">
        <v>339</v>
      </c>
      <c r="BV22" s="261">
        <v>595</v>
      </c>
      <c r="BW22" s="261">
        <v>1223</v>
      </c>
      <c r="BX22" s="261">
        <v>860</v>
      </c>
      <c r="BY22" s="261">
        <v>231</v>
      </c>
      <c r="BZ22" s="258">
        <v>3248</v>
      </c>
      <c r="CA22" s="263">
        <v>3283</v>
      </c>
      <c r="CB22" s="257">
        <v>0</v>
      </c>
      <c r="CC22" s="261">
        <v>0</v>
      </c>
      <c r="CD22" s="258">
        <v>0</v>
      </c>
      <c r="CE22" s="260">
        <v>0</v>
      </c>
      <c r="CF22" s="261">
        <v>13</v>
      </c>
      <c r="CG22" s="261">
        <v>33</v>
      </c>
      <c r="CH22" s="261">
        <v>52</v>
      </c>
      <c r="CI22" s="261">
        <v>37</v>
      </c>
      <c r="CJ22" s="261">
        <v>22</v>
      </c>
      <c r="CK22" s="258">
        <v>157</v>
      </c>
      <c r="CL22" s="263">
        <v>157</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2815</v>
      </c>
      <c r="H23" s="261">
        <v>6189</v>
      </c>
      <c r="I23" s="261">
        <v>5658</v>
      </c>
      <c r="J23" s="261">
        <v>8291</v>
      </c>
      <c r="K23" s="261">
        <v>5615</v>
      </c>
      <c r="L23" s="262">
        <v>28568</v>
      </c>
      <c r="M23" s="263">
        <v>28568</v>
      </c>
      <c r="N23" s="257">
        <v>0</v>
      </c>
      <c r="O23" s="261">
        <v>0</v>
      </c>
      <c r="P23" s="258">
        <v>0</v>
      </c>
      <c r="Q23" s="260">
        <v>0</v>
      </c>
      <c r="R23" s="261">
        <v>1</v>
      </c>
      <c r="S23" s="261">
        <v>34</v>
      </c>
      <c r="T23" s="261">
        <v>63</v>
      </c>
      <c r="U23" s="261">
        <v>183</v>
      </c>
      <c r="V23" s="261">
        <v>227</v>
      </c>
      <c r="W23" s="258">
        <v>508</v>
      </c>
      <c r="X23" s="263">
        <v>508</v>
      </c>
      <c r="Y23" s="257">
        <v>304</v>
      </c>
      <c r="Z23" s="261">
        <v>762</v>
      </c>
      <c r="AA23" s="258">
        <v>1066</v>
      </c>
      <c r="AB23" s="260">
        <v>0</v>
      </c>
      <c r="AC23" s="261">
        <v>1925</v>
      </c>
      <c r="AD23" s="261">
        <v>2839</v>
      </c>
      <c r="AE23" s="261">
        <v>1524</v>
      </c>
      <c r="AF23" s="261">
        <v>1574</v>
      </c>
      <c r="AG23" s="261">
        <v>1036</v>
      </c>
      <c r="AH23" s="258">
        <v>8898</v>
      </c>
      <c r="AI23" s="263">
        <v>9964</v>
      </c>
      <c r="AJ23" s="257">
        <v>135</v>
      </c>
      <c r="AK23" s="261">
        <v>326</v>
      </c>
      <c r="AL23" s="258">
        <v>461</v>
      </c>
      <c r="AM23" s="260">
        <v>0</v>
      </c>
      <c r="AN23" s="261">
        <v>304</v>
      </c>
      <c r="AO23" s="261">
        <v>504</v>
      </c>
      <c r="AP23" s="261">
        <v>248</v>
      </c>
      <c r="AQ23" s="261">
        <v>166</v>
      </c>
      <c r="AR23" s="261">
        <v>86</v>
      </c>
      <c r="AS23" s="258">
        <v>1308</v>
      </c>
      <c r="AT23" s="263">
        <v>1769</v>
      </c>
      <c r="AU23" s="257">
        <v>0</v>
      </c>
      <c r="AV23" s="261">
        <v>0</v>
      </c>
      <c r="AW23" s="258">
        <v>0</v>
      </c>
      <c r="AX23" s="260">
        <v>0</v>
      </c>
      <c r="AY23" s="261">
        <v>2727</v>
      </c>
      <c r="AZ23" s="261">
        <v>3153</v>
      </c>
      <c r="BA23" s="261">
        <v>2168</v>
      </c>
      <c r="BB23" s="261">
        <v>1143</v>
      </c>
      <c r="BC23" s="261">
        <v>320</v>
      </c>
      <c r="BD23" s="262">
        <v>9511</v>
      </c>
      <c r="BE23" s="263">
        <v>9511</v>
      </c>
      <c r="BF23" s="257">
        <v>0</v>
      </c>
      <c r="BG23" s="261">
        <v>0</v>
      </c>
      <c r="BH23" s="258">
        <v>0</v>
      </c>
      <c r="BI23" s="260">
        <v>0</v>
      </c>
      <c r="BJ23" s="261">
        <v>461</v>
      </c>
      <c r="BK23" s="261">
        <v>507</v>
      </c>
      <c r="BL23" s="261">
        <v>268</v>
      </c>
      <c r="BM23" s="261">
        <v>177</v>
      </c>
      <c r="BN23" s="261">
        <v>77</v>
      </c>
      <c r="BO23" s="258">
        <v>1490</v>
      </c>
      <c r="BP23" s="263">
        <v>1490</v>
      </c>
      <c r="BQ23" s="257">
        <v>2</v>
      </c>
      <c r="BR23" s="261">
        <v>31</v>
      </c>
      <c r="BS23" s="258">
        <v>33</v>
      </c>
      <c r="BT23" s="260">
        <v>0</v>
      </c>
      <c r="BU23" s="261">
        <v>115</v>
      </c>
      <c r="BV23" s="261">
        <v>350</v>
      </c>
      <c r="BW23" s="261">
        <v>908</v>
      </c>
      <c r="BX23" s="261">
        <v>905</v>
      </c>
      <c r="BY23" s="261">
        <v>501</v>
      </c>
      <c r="BZ23" s="258">
        <v>2779</v>
      </c>
      <c r="CA23" s="263">
        <v>2812</v>
      </c>
      <c r="CB23" s="257">
        <v>0</v>
      </c>
      <c r="CC23" s="261">
        <v>0</v>
      </c>
      <c r="CD23" s="258">
        <v>0</v>
      </c>
      <c r="CE23" s="260">
        <v>0</v>
      </c>
      <c r="CF23" s="261">
        <v>13</v>
      </c>
      <c r="CG23" s="261">
        <v>13</v>
      </c>
      <c r="CH23" s="261">
        <v>28</v>
      </c>
      <c r="CI23" s="261">
        <v>23</v>
      </c>
      <c r="CJ23" s="261">
        <v>18</v>
      </c>
      <c r="CK23" s="258">
        <v>95</v>
      </c>
      <c r="CL23" s="263">
        <v>95</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709</v>
      </c>
      <c r="H24" s="261">
        <v>1204</v>
      </c>
      <c r="I24" s="261">
        <v>1022</v>
      </c>
      <c r="J24" s="261">
        <v>1654</v>
      </c>
      <c r="K24" s="261">
        <v>1872</v>
      </c>
      <c r="L24" s="262">
        <v>6461</v>
      </c>
      <c r="M24" s="263">
        <v>6461</v>
      </c>
      <c r="N24" s="257">
        <v>0</v>
      </c>
      <c r="O24" s="261">
        <v>0</v>
      </c>
      <c r="P24" s="258">
        <v>0</v>
      </c>
      <c r="Q24" s="260">
        <v>0</v>
      </c>
      <c r="R24" s="261">
        <v>15</v>
      </c>
      <c r="S24" s="261">
        <v>5</v>
      </c>
      <c r="T24" s="261">
        <v>24</v>
      </c>
      <c r="U24" s="261">
        <v>55</v>
      </c>
      <c r="V24" s="261">
        <v>119</v>
      </c>
      <c r="W24" s="258">
        <v>218</v>
      </c>
      <c r="X24" s="263">
        <v>218</v>
      </c>
      <c r="Y24" s="257">
        <v>53</v>
      </c>
      <c r="Z24" s="261">
        <v>79</v>
      </c>
      <c r="AA24" s="258">
        <v>132</v>
      </c>
      <c r="AB24" s="260">
        <v>0</v>
      </c>
      <c r="AC24" s="261">
        <v>419</v>
      </c>
      <c r="AD24" s="261">
        <v>518</v>
      </c>
      <c r="AE24" s="261">
        <v>323</v>
      </c>
      <c r="AF24" s="261">
        <v>296</v>
      </c>
      <c r="AG24" s="261">
        <v>308</v>
      </c>
      <c r="AH24" s="258">
        <v>1864</v>
      </c>
      <c r="AI24" s="263">
        <v>1996</v>
      </c>
      <c r="AJ24" s="257">
        <v>0</v>
      </c>
      <c r="AK24" s="261">
        <v>57</v>
      </c>
      <c r="AL24" s="258">
        <v>57</v>
      </c>
      <c r="AM24" s="260">
        <v>0</v>
      </c>
      <c r="AN24" s="261">
        <v>78</v>
      </c>
      <c r="AO24" s="261">
        <v>131</v>
      </c>
      <c r="AP24" s="261">
        <v>48</v>
      </c>
      <c r="AQ24" s="261">
        <v>83</v>
      </c>
      <c r="AR24" s="261">
        <v>41</v>
      </c>
      <c r="AS24" s="258">
        <v>381</v>
      </c>
      <c r="AT24" s="263">
        <v>438</v>
      </c>
      <c r="AU24" s="257">
        <v>0</v>
      </c>
      <c r="AV24" s="261">
        <v>0</v>
      </c>
      <c r="AW24" s="258">
        <v>0</v>
      </c>
      <c r="AX24" s="260">
        <v>0</v>
      </c>
      <c r="AY24" s="261">
        <v>1130</v>
      </c>
      <c r="AZ24" s="261">
        <v>1228</v>
      </c>
      <c r="BA24" s="261">
        <v>595</v>
      </c>
      <c r="BB24" s="261">
        <v>408</v>
      </c>
      <c r="BC24" s="261">
        <v>187</v>
      </c>
      <c r="BD24" s="262">
        <v>3548</v>
      </c>
      <c r="BE24" s="263">
        <v>3548</v>
      </c>
      <c r="BF24" s="257">
        <v>0</v>
      </c>
      <c r="BG24" s="261">
        <v>0</v>
      </c>
      <c r="BH24" s="258">
        <v>0</v>
      </c>
      <c r="BI24" s="260">
        <v>0</v>
      </c>
      <c r="BJ24" s="261">
        <v>149</v>
      </c>
      <c r="BK24" s="261">
        <v>232</v>
      </c>
      <c r="BL24" s="261">
        <v>117</v>
      </c>
      <c r="BM24" s="261">
        <v>84</v>
      </c>
      <c r="BN24" s="261">
        <v>52</v>
      </c>
      <c r="BO24" s="258">
        <v>634</v>
      </c>
      <c r="BP24" s="263">
        <v>634</v>
      </c>
      <c r="BQ24" s="257">
        <v>0</v>
      </c>
      <c r="BR24" s="261">
        <v>7</v>
      </c>
      <c r="BS24" s="258">
        <v>7</v>
      </c>
      <c r="BT24" s="260">
        <v>0</v>
      </c>
      <c r="BU24" s="261">
        <v>136</v>
      </c>
      <c r="BV24" s="261">
        <v>138</v>
      </c>
      <c r="BW24" s="261">
        <v>269</v>
      </c>
      <c r="BX24" s="261">
        <v>295</v>
      </c>
      <c r="BY24" s="261">
        <v>125</v>
      </c>
      <c r="BZ24" s="258">
        <v>963</v>
      </c>
      <c r="CA24" s="263">
        <v>970</v>
      </c>
      <c r="CB24" s="257">
        <v>0</v>
      </c>
      <c r="CC24" s="261">
        <v>0</v>
      </c>
      <c r="CD24" s="258">
        <v>0</v>
      </c>
      <c r="CE24" s="260">
        <v>0</v>
      </c>
      <c r="CF24" s="261">
        <v>17</v>
      </c>
      <c r="CG24" s="261">
        <v>62</v>
      </c>
      <c r="CH24" s="261">
        <v>73</v>
      </c>
      <c r="CI24" s="261">
        <v>30</v>
      </c>
      <c r="CJ24" s="261">
        <v>14</v>
      </c>
      <c r="CK24" s="258">
        <v>196</v>
      </c>
      <c r="CL24" s="263">
        <v>196</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1792</v>
      </c>
      <c r="H25" s="261">
        <v>2518</v>
      </c>
      <c r="I25" s="261">
        <v>2840</v>
      </c>
      <c r="J25" s="261">
        <v>2739</v>
      </c>
      <c r="K25" s="261">
        <v>2265</v>
      </c>
      <c r="L25" s="262">
        <v>12154</v>
      </c>
      <c r="M25" s="263">
        <v>12154</v>
      </c>
      <c r="N25" s="257">
        <v>0</v>
      </c>
      <c r="O25" s="261">
        <v>0</v>
      </c>
      <c r="P25" s="258">
        <v>0</v>
      </c>
      <c r="Q25" s="260">
        <v>0</v>
      </c>
      <c r="R25" s="261">
        <v>5</v>
      </c>
      <c r="S25" s="261">
        <v>12</v>
      </c>
      <c r="T25" s="261">
        <v>34</v>
      </c>
      <c r="U25" s="261">
        <v>82</v>
      </c>
      <c r="V25" s="261">
        <v>100</v>
      </c>
      <c r="W25" s="258">
        <v>233</v>
      </c>
      <c r="X25" s="263">
        <v>233</v>
      </c>
      <c r="Y25" s="257">
        <v>205</v>
      </c>
      <c r="Z25" s="261">
        <v>500</v>
      </c>
      <c r="AA25" s="258">
        <v>705</v>
      </c>
      <c r="AB25" s="260">
        <v>0</v>
      </c>
      <c r="AC25" s="261">
        <v>1031</v>
      </c>
      <c r="AD25" s="261">
        <v>1951</v>
      </c>
      <c r="AE25" s="261">
        <v>878</v>
      </c>
      <c r="AF25" s="261">
        <v>941</v>
      </c>
      <c r="AG25" s="261">
        <v>426</v>
      </c>
      <c r="AH25" s="258">
        <v>5227</v>
      </c>
      <c r="AI25" s="263">
        <v>5932</v>
      </c>
      <c r="AJ25" s="257">
        <v>53</v>
      </c>
      <c r="AK25" s="261">
        <v>91</v>
      </c>
      <c r="AL25" s="258">
        <v>144</v>
      </c>
      <c r="AM25" s="260">
        <v>0</v>
      </c>
      <c r="AN25" s="261">
        <v>129</v>
      </c>
      <c r="AO25" s="261">
        <v>309</v>
      </c>
      <c r="AP25" s="261">
        <v>121</v>
      </c>
      <c r="AQ25" s="261">
        <v>168</v>
      </c>
      <c r="AR25" s="261">
        <v>142</v>
      </c>
      <c r="AS25" s="258">
        <v>869</v>
      </c>
      <c r="AT25" s="263">
        <v>1013</v>
      </c>
      <c r="AU25" s="257">
        <v>0</v>
      </c>
      <c r="AV25" s="261">
        <v>0</v>
      </c>
      <c r="AW25" s="258">
        <v>0</v>
      </c>
      <c r="AX25" s="260">
        <v>0</v>
      </c>
      <c r="AY25" s="261">
        <v>2522</v>
      </c>
      <c r="AZ25" s="261">
        <v>2460</v>
      </c>
      <c r="BA25" s="261">
        <v>1477</v>
      </c>
      <c r="BB25" s="261">
        <v>1144</v>
      </c>
      <c r="BC25" s="261">
        <v>351</v>
      </c>
      <c r="BD25" s="262">
        <v>7954</v>
      </c>
      <c r="BE25" s="263">
        <v>7954</v>
      </c>
      <c r="BF25" s="257">
        <v>0</v>
      </c>
      <c r="BG25" s="261">
        <v>0</v>
      </c>
      <c r="BH25" s="258">
        <v>0</v>
      </c>
      <c r="BI25" s="260">
        <v>0</v>
      </c>
      <c r="BJ25" s="261">
        <v>307</v>
      </c>
      <c r="BK25" s="261">
        <v>385</v>
      </c>
      <c r="BL25" s="261">
        <v>313</v>
      </c>
      <c r="BM25" s="261">
        <v>220</v>
      </c>
      <c r="BN25" s="261">
        <v>47</v>
      </c>
      <c r="BO25" s="258">
        <v>1272</v>
      </c>
      <c r="BP25" s="263">
        <v>1272</v>
      </c>
      <c r="BQ25" s="257">
        <v>6</v>
      </c>
      <c r="BR25" s="261">
        <v>6</v>
      </c>
      <c r="BS25" s="258">
        <v>12</v>
      </c>
      <c r="BT25" s="260">
        <v>0</v>
      </c>
      <c r="BU25" s="261">
        <v>98</v>
      </c>
      <c r="BV25" s="261">
        <v>363</v>
      </c>
      <c r="BW25" s="261">
        <v>389</v>
      </c>
      <c r="BX25" s="261">
        <v>400</v>
      </c>
      <c r="BY25" s="261">
        <v>241</v>
      </c>
      <c r="BZ25" s="258">
        <v>1491</v>
      </c>
      <c r="CA25" s="263">
        <v>1503</v>
      </c>
      <c r="CB25" s="257">
        <v>3</v>
      </c>
      <c r="CC25" s="261">
        <v>0</v>
      </c>
      <c r="CD25" s="258">
        <v>3</v>
      </c>
      <c r="CE25" s="260">
        <v>0</v>
      </c>
      <c r="CF25" s="261">
        <v>14</v>
      </c>
      <c r="CG25" s="261">
        <v>12</v>
      </c>
      <c r="CH25" s="261">
        <v>8</v>
      </c>
      <c r="CI25" s="261">
        <v>15</v>
      </c>
      <c r="CJ25" s="261">
        <v>32</v>
      </c>
      <c r="CK25" s="258">
        <v>81</v>
      </c>
      <c r="CL25" s="263">
        <v>84</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871</v>
      </c>
      <c r="H26" s="261">
        <v>1450</v>
      </c>
      <c r="I26" s="261">
        <v>1576</v>
      </c>
      <c r="J26" s="261">
        <v>1450</v>
      </c>
      <c r="K26" s="261">
        <v>1786</v>
      </c>
      <c r="L26" s="262">
        <v>7133</v>
      </c>
      <c r="M26" s="263">
        <v>7133</v>
      </c>
      <c r="N26" s="257">
        <v>0</v>
      </c>
      <c r="O26" s="261">
        <v>0</v>
      </c>
      <c r="P26" s="258">
        <v>0</v>
      </c>
      <c r="Q26" s="260">
        <v>0</v>
      </c>
      <c r="R26" s="261">
        <v>0</v>
      </c>
      <c r="S26" s="261">
        <v>7</v>
      </c>
      <c r="T26" s="261">
        <v>15</v>
      </c>
      <c r="U26" s="261">
        <v>38</v>
      </c>
      <c r="V26" s="261">
        <v>109</v>
      </c>
      <c r="W26" s="258">
        <v>169</v>
      </c>
      <c r="X26" s="263">
        <v>169</v>
      </c>
      <c r="Y26" s="257">
        <v>146</v>
      </c>
      <c r="Z26" s="261">
        <v>200</v>
      </c>
      <c r="AA26" s="258">
        <v>346</v>
      </c>
      <c r="AB26" s="260">
        <v>0</v>
      </c>
      <c r="AC26" s="261">
        <v>467</v>
      </c>
      <c r="AD26" s="261">
        <v>621</v>
      </c>
      <c r="AE26" s="261">
        <v>312</v>
      </c>
      <c r="AF26" s="261">
        <v>447</v>
      </c>
      <c r="AG26" s="261">
        <v>282</v>
      </c>
      <c r="AH26" s="258">
        <v>2129</v>
      </c>
      <c r="AI26" s="263">
        <v>2475</v>
      </c>
      <c r="AJ26" s="257">
        <v>0</v>
      </c>
      <c r="AK26" s="261">
        <v>8</v>
      </c>
      <c r="AL26" s="258">
        <v>8</v>
      </c>
      <c r="AM26" s="260">
        <v>0</v>
      </c>
      <c r="AN26" s="261">
        <v>51</v>
      </c>
      <c r="AO26" s="261">
        <v>96</v>
      </c>
      <c r="AP26" s="261">
        <v>24</v>
      </c>
      <c r="AQ26" s="261">
        <v>46</v>
      </c>
      <c r="AR26" s="261">
        <v>39</v>
      </c>
      <c r="AS26" s="258">
        <v>256</v>
      </c>
      <c r="AT26" s="263">
        <v>264</v>
      </c>
      <c r="AU26" s="257">
        <v>0</v>
      </c>
      <c r="AV26" s="261">
        <v>0</v>
      </c>
      <c r="AW26" s="258">
        <v>0</v>
      </c>
      <c r="AX26" s="260">
        <v>0</v>
      </c>
      <c r="AY26" s="261">
        <v>931</v>
      </c>
      <c r="AZ26" s="261">
        <v>907</v>
      </c>
      <c r="BA26" s="261">
        <v>469</v>
      </c>
      <c r="BB26" s="261">
        <v>204</v>
      </c>
      <c r="BC26" s="261">
        <v>73</v>
      </c>
      <c r="BD26" s="262">
        <v>2584</v>
      </c>
      <c r="BE26" s="263">
        <v>2584</v>
      </c>
      <c r="BF26" s="257">
        <v>0</v>
      </c>
      <c r="BG26" s="261">
        <v>0</v>
      </c>
      <c r="BH26" s="258">
        <v>0</v>
      </c>
      <c r="BI26" s="260">
        <v>0</v>
      </c>
      <c r="BJ26" s="261">
        <v>332</v>
      </c>
      <c r="BK26" s="261">
        <v>294</v>
      </c>
      <c r="BL26" s="261">
        <v>166</v>
      </c>
      <c r="BM26" s="261">
        <v>109</v>
      </c>
      <c r="BN26" s="261">
        <v>108</v>
      </c>
      <c r="BO26" s="258">
        <v>1009</v>
      </c>
      <c r="BP26" s="263">
        <v>1009</v>
      </c>
      <c r="BQ26" s="257">
        <v>4</v>
      </c>
      <c r="BR26" s="261">
        <v>12</v>
      </c>
      <c r="BS26" s="258">
        <v>16</v>
      </c>
      <c r="BT26" s="260">
        <v>0</v>
      </c>
      <c r="BU26" s="261">
        <v>97</v>
      </c>
      <c r="BV26" s="261">
        <v>155</v>
      </c>
      <c r="BW26" s="261">
        <v>195</v>
      </c>
      <c r="BX26" s="261">
        <v>175</v>
      </c>
      <c r="BY26" s="261">
        <v>105</v>
      </c>
      <c r="BZ26" s="258">
        <v>727</v>
      </c>
      <c r="CA26" s="263">
        <v>743</v>
      </c>
      <c r="CB26" s="257">
        <v>0</v>
      </c>
      <c r="CC26" s="261">
        <v>0</v>
      </c>
      <c r="CD26" s="258">
        <v>0</v>
      </c>
      <c r="CE26" s="260">
        <v>0</v>
      </c>
      <c r="CF26" s="261">
        <v>12</v>
      </c>
      <c r="CG26" s="261">
        <v>19</v>
      </c>
      <c r="CH26" s="261">
        <v>18</v>
      </c>
      <c r="CI26" s="261">
        <v>7</v>
      </c>
      <c r="CJ26" s="261">
        <v>20</v>
      </c>
      <c r="CK26" s="258">
        <v>76</v>
      </c>
      <c r="CL26" s="263">
        <v>76</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1332</v>
      </c>
      <c r="H27" s="261">
        <v>1567</v>
      </c>
      <c r="I27" s="261">
        <v>1944</v>
      </c>
      <c r="J27" s="261">
        <v>1994</v>
      </c>
      <c r="K27" s="261">
        <v>2829</v>
      </c>
      <c r="L27" s="262">
        <v>9666</v>
      </c>
      <c r="M27" s="263">
        <v>9666</v>
      </c>
      <c r="N27" s="257">
        <v>0</v>
      </c>
      <c r="O27" s="261">
        <v>0</v>
      </c>
      <c r="P27" s="258">
        <v>0</v>
      </c>
      <c r="Q27" s="260">
        <v>0</v>
      </c>
      <c r="R27" s="261">
        <v>13</v>
      </c>
      <c r="S27" s="261">
        <v>47</v>
      </c>
      <c r="T27" s="261">
        <v>64</v>
      </c>
      <c r="U27" s="261">
        <v>91</v>
      </c>
      <c r="V27" s="261">
        <v>103</v>
      </c>
      <c r="W27" s="258">
        <v>318</v>
      </c>
      <c r="X27" s="263">
        <v>318</v>
      </c>
      <c r="Y27" s="257">
        <v>121</v>
      </c>
      <c r="Z27" s="261">
        <v>278</v>
      </c>
      <c r="AA27" s="258">
        <v>399</v>
      </c>
      <c r="AB27" s="260">
        <v>0</v>
      </c>
      <c r="AC27" s="261">
        <v>646</v>
      </c>
      <c r="AD27" s="261">
        <v>769</v>
      </c>
      <c r="AE27" s="261">
        <v>426</v>
      </c>
      <c r="AF27" s="261">
        <v>307</v>
      </c>
      <c r="AG27" s="261">
        <v>325</v>
      </c>
      <c r="AH27" s="258">
        <v>2473</v>
      </c>
      <c r="AI27" s="263">
        <v>2872</v>
      </c>
      <c r="AJ27" s="257">
        <v>11</v>
      </c>
      <c r="AK27" s="261">
        <v>64</v>
      </c>
      <c r="AL27" s="258">
        <v>75</v>
      </c>
      <c r="AM27" s="260">
        <v>0</v>
      </c>
      <c r="AN27" s="261">
        <v>14</v>
      </c>
      <c r="AO27" s="261">
        <v>115</v>
      </c>
      <c r="AP27" s="261">
        <v>86</v>
      </c>
      <c r="AQ27" s="261">
        <v>45</v>
      </c>
      <c r="AR27" s="261">
        <v>51</v>
      </c>
      <c r="AS27" s="258">
        <v>311</v>
      </c>
      <c r="AT27" s="263">
        <v>386</v>
      </c>
      <c r="AU27" s="257">
        <v>0</v>
      </c>
      <c r="AV27" s="261">
        <v>0</v>
      </c>
      <c r="AW27" s="258">
        <v>0</v>
      </c>
      <c r="AX27" s="260">
        <v>0</v>
      </c>
      <c r="AY27" s="261">
        <v>1267</v>
      </c>
      <c r="AZ27" s="261">
        <v>870</v>
      </c>
      <c r="BA27" s="261">
        <v>559</v>
      </c>
      <c r="BB27" s="261">
        <v>442</v>
      </c>
      <c r="BC27" s="261">
        <v>43</v>
      </c>
      <c r="BD27" s="262">
        <v>3181</v>
      </c>
      <c r="BE27" s="263">
        <v>3181</v>
      </c>
      <c r="BF27" s="257">
        <v>0</v>
      </c>
      <c r="BG27" s="261">
        <v>0</v>
      </c>
      <c r="BH27" s="258">
        <v>0</v>
      </c>
      <c r="BI27" s="260">
        <v>0</v>
      </c>
      <c r="BJ27" s="261">
        <v>262</v>
      </c>
      <c r="BK27" s="261">
        <v>476</v>
      </c>
      <c r="BL27" s="261">
        <v>204</v>
      </c>
      <c r="BM27" s="261">
        <v>118</v>
      </c>
      <c r="BN27" s="261">
        <v>46</v>
      </c>
      <c r="BO27" s="258">
        <v>1106</v>
      </c>
      <c r="BP27" s="263">
        <v>1106</v>
      </c>
      <c r="BQ27" s="257">
        <v>0</v>
      </c>
      <c r="BR27" s="261">
        <v>5</v>
      </c>
      <c r="BS27" s="258">
        <v>5</v>
      </c>
      <c r="BT27" s="260">
        <v>0</v>
      </c>
      <c r="BU27" s="261">
        <v>68</v>
      </c>
      <c r="BV27" s="261">
        <v>144</v>
      </c>
      <c r="BW27" s="261">
        <v>315</v>
      </c>
      <c r="BX27" s="261">
        <v>103</v>
      </c>
      <c r="BY27" s="261">
        <v>39</v>
      </c>
      <c r="BZ27" s="258">
        <v>669</v>
      </c>
      <c r="CA27" s="263">
        <v>674</v>
      </c>
      <c r="CB27" s="257">
        <v>0</v>
      </c>
      <c r="CC27" s="261">
        <v>0</v>
      </c>
      <c r="CD27" s="258">
        <v>0</v>
      </c>
      <c r="CE27" s="260">
        <v>0</v>
      </c>
      <c r="CF27" s="261">
        <v>20</v>
      </c>
      <c r="CG27" s="261">
        <v>41</v>
      </c>
      <c r="CH27" s="261">
        <v>44</v>
      </c>
      <c r="CI27" s="261">
        <v>29</v>
      </c>
      <c r="CJ27" s="261">
        <v>24</v>
      </c>
      <c r="CK27" s="258">
        <v>158</v>
      </c>
      <c r="CL27" s="263">
        <v>158</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72</v>
      </c>
      <c r="H28" s="261">
        <v>1217</v>
      </c>
      <c r="I28" s="261">
        <v>1498</v>
      </c>
      <c r="J28" s="261">
        <v>1446</v>
      </c>
      <c r="K28" s="261">
        <v>1924</v>
      </c>
      <c r="L28" s="262">
        <v>6957</v>
      </c>
      <c r="M28" s="263">
        <v>6957</v>
      </c>
      <c r="N28" s="257">
        <v>0</v>
      </c>
      <c r="O28" s="261">
        <v>0</v>
      </c>
      <c r="P28" s="258">
        <v>0</v>
      </c>
      <c r="Q28" s="260">
        <v>0</v>
      </c>
      <c r="R28" s="261">
        <v>0</v>
      </c>
      <c r="S28" s="261">
        <v>0</v>
      </c>
      <c r="T28" s="261">
        <v>8</v>
      </c>
      <c r="U28" s="261">
        <v>53</v>
      </c>
      <c r="V28" s="261">
        <v>63</v>
      </c>
      <c r="W28" s="258">
        <v>124</v>
      </c>
      <c r="X28" s="263">
        <v>124</v>
      </c>
      <c r="Y28" s="257">
        <v>56</v>
      </c>
      <c r="Z28" s="261">
        <v>69</v>
      </c>
      <c r="AA28" s="258">
        <v>125</v>
      </c>
      <c r="AB28" s="260">
        <v>0</v>
      </c>
      <c r="AC28" s="261">
        <v>401</v>
      </c>
      <c r="AD28" s="261">
        <v>512</v>
      </c>
      <c r="AE28" s="261">
        <v>383</v>
      </c>
      <c r="AF28" s="261">
        <v>330</v>
      </c>
      <c r="AG28" s="261">
        <v>300</v>
      </c>
      <c r="AH28" s="258">
        <v>1926</v>
      </c>
      <c r="AI28" s="263">
        <v>2051</v>
      </c>
      <c r="AJ28" s="257">
        <v>9</v>
      </c>
      <c r="AK28" s="261">
        <v>0</v>
      </c>
      <c r="AL28" s="258">
        <v>9</v>
      </c>
      <c r="AM28" s="260">
        <v>0</v>
      </c>
      <c r="AN28" s="261">
        <v>8</v>
      </c>
      <c r="AO28" s="261">
        <v>90</v>
      </c>
      <c r="AP28" s="261">
        <v>105</v>
      </c>
      <c r="AQ28" s="261">
        <v>22</v>
      </c>
      <c r="AR28" s="261">
        <v>38</v>
      </c>
      <c r="AS28" s="258">
        <v>263</v>
      </c>
      <c r="AT28" s="263">
        <v>272</v>
      </c>
      <c r="AU28" s="257">
        <v>0</v>
      </c>
      <c r="AV28" s="261">
        <v>0</v>
      </c>
      <c r="AW28" s="258">
        <v>0</v>
      </c>
      <c r="AX28" s="260">
        <v>0</v>
      </c>
      <c r="AY28" s="261">
        <v>962</v>
      </c>
      <c r="AZ28" s="261">
        <v>843</v>
      </c>
      <c r="BA28" s="261">
        <v>590</v>
      </c>
      <c r="BB28" s="261">
        <v>264</v>
      </c>
      <c r="BC28" s="261">
        <v>178</v>
      </c>
      <c r="BD28" s="262">
        <v>2837</v>
      </c>
      <c r="BE28" s="263">
        <v>2837</v>
      </c>
      <c r="BF28" s="257">
        <v>0</v>
      </c>
      <c r="BG28" s="261">
        <v>0</v>
      </c>
      <c r="BH28" s="258">
        <v>0</v>
      </c>
      <c r="BI28" s="260">
        <v>0</v>
      </c>
      <c r="BJ28" s="261">
        <v>145</v>
      </c>
      <c r="BK28" s="261">
        <v>208</v>
      </c>
      <c r="BL28" s="261">
        <v>105</v>
      </c>
      <c r="BM28" s="261">
        <v>96</v>
      </c>
      <c r="BN28" s="261">
        <v>44</v>
      </c>
      <c r="BO28" s="258">
        <v>598</v>
      </c>
      <c r="BP28" s="263">
        <v>598</v>
      </c>
      <c r="BQ28" s="257">
        <v>5</v>
      </c>
      <c r="BR28" s="261">
        <v>3</v>
      </c>
      <c r="BS28" s="258">
        <v>8</v>
      </c>
      <c r="BT28" s="260">
        <v>0</v>
      </c>
      <c r="BU28" s="261">
        <v>110</v>
      </c>
      <c r="BV28" s="261">
        <v>136</v>
      </c>
      <c r="BW28" s="261">
        <v>177</v>
      </c>
      <c r="BX28" s="261">
        <v>252</v>
      </c>
      <c r="BY28" s="261">
        <v>113</v>
      </c>
      <c r="BZ28" s="258">
        <v>788</v>
      </c>
      <c r="CA28" s="263">
        <v>796</v>
      </c>
      <c r="CB28" s="257">
        <v>0</v>
      </c>
      <c r="CC28" s="261">
        <v>0</v>
      </c>
      <c r="CD28" s="258">
        <v>0</v>
      </c>
      <c r="CE28" s="260">
        <v>0</v>
      </c>
      <c r="CF28" s="261">
        <v>8</v>
      </c>
      <c r="CG28" s="261">
        <v>20</v>
      </c>
      <c r="CH28" s="261">
        <v>14</v>
      </c>
      <c r="CI28" s="261">
        <v>14</v>
      </c>
      <c r="CJ28" s="261">
        <v>0</v>
      </c>
      <c r="CK28" s="258">
        <v>56</v>
      </c>
      <c r="CL28" s="263">
        <v>56</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740</v>
      </c>
      <c r="H29" s="261">
        <v>901</v>
      </c>
      <c r="I29" s="261">
        <v>1133</v>
      </c>
      <c r="J29" s="261">
        <v>897</v>
      </c>
      <c r="K29" s="261">
        <v>1258</v>
      </c>
      <c r="L29" s="262">
        <v>4929</v>
      </c>
      <c r="M29" s="263">
        <v>4929</v>
      </c>
      <c r="N29" s="257">
        <v>0</v>
      </c>
      <c r="O29" s="261">
        <v>0</v>
      </c>
      <c r="P29" s="258">
        <v>0</v>
      </c>
      <c r="Q29" s="260">
        <v>0</v>
      </c>
      <c r="R29" s="261">
        <v>7</v>
      </c>
      <c r="S29" s="261">
        <v>27</v>
      </c>
      <c r="T29" s="261">
        <v>43</v>
      </c>
      <c r="U29" s="261">
        <v>62</v>
      </c>
      <c r="V29" s="261">
        <v>87</v>
      </c>
      <c r="W29" s="258">
        <v>226</v>
      </c>
      <c r="X29" s="263">
        <v>226</v>
      </c>
      <c r="Y29" s="257">
        <v>140</v>
      </c>
      <c r="Z29" s="261">
        <v>308</v>
      </c>
      <c r="AA29" s="258">
        <v>448</v>
      </c>
      <c r="AB29" s="260">
        <v>0</v>
      </c>
      <c r="AC29" s="261">
        <v>249</v>
      </c>
      <c r="AD29" s="261">
        <v>357</v>
      </c>
      <c r="AE29" s="261">
        <v>402</v>
      </c>
      <c r="AF29" s="261">
        <v>299</v>
      </c>
      <c r="AG29" s="261">
        <v>273</v>
      </c>
      <c r="AH29" s="258">
        <v>1580</v>
      </c>
      <c r="AI29" s="263">
        <v>2028</v>
      </c>
      <c r="AJ29" s="257">
        <v>9</v>
      </c>
      <c r="AK29" s="261">
        <v>22</v>
      </c>
      <c r="AL29" s="258">
        <v>31</v>
      </c>
      <c r="AM29" s="260">
        <v>0</v>
      </c>
      <c r="AN29" s="261">
        <v>0</v>
      </c>
      <c r="AO29" s="261">
        <v>21</v>
      </c>
      <c r="AP29" s="261">
        <v>0</v>
      </c>
      <c r="AQ29" s="261">
        <v>0</v>
      </c>
      <c r="AR29" s="261">
        <v>12</v>
      </c>
      <c r="AS29" s="258">
        <v>33</v>
      </c>
      <c r="AT29" s="263">
        <v>64</v>
      </c>
      <c r="AU29" s="257">
        <v>0</v>
      </c>
      <c r="AV29" s="261">
        <v>0</v>
      </c>
      <c r="AW29" s="258">
        <v>0</v>
      </c>
      <c r="AX29" s="260">
        <v>0</v>
      </c>
      <c r="AY29" s="261">
        <v>1034</v>
      </c>
      <c r="AZ29" s="261">
        <v>724</v>
      </c>
      <c r="BA29" s="261">
        <v>404</v>
      </c>
      <c r="BB29" s="261">
        <v>300</v>
      </c>
      <c r="BC29" s="261">
        <v>92</v>
      </c>
      <c r="BD29" s="262">
        <v>2554</v>
      </c>
      <c r="BE29" s="263">
        <v>2554</v>
      </c>
      <c r="BF29" s="257">
        <v>0</v>
      </c>
      <c r="BG29" s="261">
        <v>0</v>
      </c>
      <c r="BH29" s="258">
        <v>0</v>
      </c>
      <c r="BI29" s="260">
        <v>0</v>
      </c>
      <c r="BJ29" s="261">
        <v>149</v>
      </c>
      <c r="BK29" s="261">
        <v>204</v>
      </c>
      <c r="BL29" s="261">
        <v>128</v>
      </c>
      <c r="BM29" s="261">
        <v>56</v>
      </c>
      <c r="BN29" s="261">
        <v>24</v>
      </c>
      <c r="BO29" s="258">
        <v>561</v>
      </c>
      <c r="BP29" s="263">
        <v>561</v>
      </c>
      <c r="BQ29" s="257">
        <v>4</v>
      </c>
      <c r="BR29" s="261">
        <v>8</v>
      </c>
      <c r="BS29" s="258">
        <v>12</v>
      </c>
      <c r="BT29" s="260">
        <v>0</v>
      </c>
      <c r="BU29" s="261">
        <v>40</v>
      </c>
      <c r="BV29" s="261">
        <v>140</v>
      </c>
      <c r="BW29" s="261">
        <v>183</v>
      </c>
      <c r="BX29" s="261">
        <v>128</v>
      </c>
      <c r="BY29" s="261">
        <v>86</v>
      </c>
      <c r="BZ29" s="258">
        <v>577</v>
      </c>
      <c r="CA29" s="263">
        <v>589</v>
      </c>
      <c r="CB29" s="257">
        <v>0</v>
      </c>
      <c r="CC29" s="261">
        <v>9</v>
      </c>
      <c r="CD29" s="258">
        <v>9</v>
      </c>
      <c r="CE29" s="260">
        <v>0</v>
      </c>
      <c r="CF29" s="261">
        <v>15</v>
      </c>
      <c r="CG29" s="261">
        <v>5</v>
      </c>
      <c r="CH29" s="261">
        <v>4</v>
      </c>
      <c r="CI29" s="261">
        <v>12</v>
      </c>
      <c r="CJ29" s="261">
        <v>0</v>
      </c>
      <c r="CK29" s="258">
        <v>36</v>
      </c>
      <c r="CL29" s="263">
        <v>45</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126</v>
      </c>
      <c r="H30" s="261">
        <v>251</v>
      </c>
      <c r="I30" s="261">
        <v>199</v>
      </c>
      <c r="J30" s="261">
        <v>330</v>
      </c>
      <c r="K30" s="261">
        <v>453</v>
      </c>
      <c r="L30" s="262">
        <v>1359</v>
      </c>
      <c r="M30" s="263">
        <v>1359</v>
      </c>
      <c r="N30" s="257">
        <v>0</v>
      </c>
      <c r="O30" s="261">
        <v>0</v>
      </c>
      <c r="P30" s="258">
        <v>0</v>
      </c>
      <c r="Q30" s="260">
        <v>0</v>
      </c>
      <c r="R30" s="261">
        <v>0</v>
      </c>
      <c r="S30" s="261">
        <v>4</v>
      </c>
      <c r="T30" s="261">
        <v>3</v>
      </c>
      <c r="U30" s="261">
        <v>15</v>
      </c>
      <c r="V30" s="261">
        <v>16</v>
      </c>
      <c r="W30" s="258">
        <v>38</v>
      </c>
      <c r="X30" s="263">
        <v>38</v>
      </c>
      <c r="Y30" s="257">
        <v>13</v>
      </c>
      <c r="Z30" s="261">
        <v>15</v>
      </c>
      <c r="AA30" s="258">
        <v>28</v>
      </c>
      <c r="AB30" s="260">
        <v>0</v>
      </c>
      <c r="AC30" s="261">
        <v>26</v>
      </c>
      <c r="AD30" s="261">
        <v>131</v>
      </c>
      <c r="AE30" s="261">
        <v>75</v>
      </c>
      <c r="AF30" s="261">
        <v>123</v>
      </c>
      <c r="AG30" s="261">
        <v>43</v>
      </c>
      <c r="AH30" s="258">
        <v>398</v>
      </c>
      <c r="AI30" s="263">
        <v>426</v>
      </c>
      <c r="AJ30" s="257">
        <v>0</v>
      </c>
      <c r="AK30" s="261">
        <v>0</v>
      </c>
      <c r="AL30" s="258">
        <v>0</v>
      </c>
      <c r="AM30" s="260">
        <v>0</v>
      </c>
      <c r="AN30" s="261">
        <v>16</v>
      </c>
      <c r="AO30" s="261">
        <v>21</v>
      </c>
      <c r="AP30" s="261">
        <v>0</v>
      </c>
      <c r="AQ30" s="261">
        <v>6</v>
      </c>
      <c r="AR30" s="261">
        <v>17</v>
      </c>
      <c r="AS30" s="258">
        <v>60</v>
      </c>
      <c r="AT30" s="263">
        <v>60</v>
      </c>
      <c r="AU30" s="257">
        <v>0</v>
      </c>
      <c r="AV30" s="261">
        <v>0</v>
      </c>
      <c r="AW30" s="258">
        <v>0</v>
      </c>
      <c r="AX30" s="260">
        <v>0</v>
      </c>
      <c r="AY30" s="261">
        <v>202</v>
      </c>
      <c r="AZ30" s="261">
        <v>257</v>
      </c>
      <c r="BA30" s="261">
        <v>193</v>
      </c>
      <c r="BB30" s="261">
        <v>136</v>
      </c>
      <c r="BC30" s="261">
        <v>64</v>
      </c>
      <c r="BD30" s="262">
        <v>852</v>
      </c>
      <c r="BE30" s="263">
        <v>852</v>
      </c>
      <c r="BF30" s="257">
        <v>0</v>
      </c>
      <c r="BG30" s="261">
        <v>0</v>
      </c>
      <c r="BH30" s="258">
        <v>0</v>
      </c>
      <c r="BI30" s="260">
        <v>0</v>
      </c>
      <c r="BJ30" s="261">
        <v>72</v>
      </c>
      <c r="BK30" s="261">
        <v>100</v>
      </c>
      <c r="BL30" s="261">
        <v>60</v>
      </c>
      <c r="BM30" s="261">
        <v>44</v>
      </c>
      <c r="BN30" s="261">
        <v>23</v>
      </c>
      <c r="BO30" s="258">
        <v>299</v>
      </c>
      <c r="BP30" s="263">
        <v>299</v>
      </c>
      <c r="BQ30" s="257">
        <v>0</v>
      </c>
      <c r="BR30" s="261">
        <v>0</v>
      </c>
      <c r="BS30" s="258">
        <v>0</v>
      </c>
      <c r="BT30" s="260">
        <v>0</v>
      </c>
      <c r="BU30" s="261">
        <v>10</v>
      </c>
      <c r="BV30" s="261">
        <v>19</v>
      </c>
      <c r="BW30" s="261">
        <v>70</v>
      </c>
      <c r="BX30" s="261">
        <v>60</v>
      </c>
      <c r="BY30" s="261">
        <v>29</v>
      </c>
      <c r="BZ30" s="258">
        <v>188</v>
      </c>
      <c r="CA30" s="263">
        <v>188</v>
      </c>
      <c r="CB30" s="257">
        <v>3</v>
      </c>
      <c r="CC30" s="261">
        <v>0</v>
      </c>
      <c r="CD30" s="258">
        <v>3</v>
      </c>
      <c r="CE30" s="260">
        <v>0</v>
      </c>
      <c r="CF30" s="261">
        <v>5</v>
      </c>
      <c r="CG30" s="261">
        <v>3</v>
      </c>
      <c r="CH30" s="261">
        <v>16</v>
      </c>
      <c r="CI30" s="261">
        <v>13</v>
      </c>
      <c r="CJ30" s="261">
        <v>0</v>
      </c>
      <c r="CK30" s="258">
        <v>37</v>
      </c>
      <c r="CL30" s="263">
        <v>4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304</v>
      </c>
      <c r="H31" s="261">
        <v>475</v>
      </c>
      <c r="I31" s="261">
        <v>391</v>
      </c>
      <c r="J31" s="261">
        <v>771</v>
      </c>
      <c r="K31" s="261">
        <v>448</v>
      </c>
      <c r="L31" s="262">
        <v>2389</v>
      </c>
      <c r="M31" s="263">
        <v>2389</v>
      </c>
      <c r="N31" s="257">
        <v>0</v>
      </c>
      <c r="O31" s="261">
        <v>0</v>
      </c>
      <c r="P31" s="258">
        <v>0</v>
      </c>
      <c r="Q31" s="260">
        <v>0</v>
      </c>
      <c r="R31" s="261">
        <v>0</v>
      </c>
      <c r="S31" s="261">
        <v>0</v>
      </c>
      <c r="T31" s="261">
        <v>5</v>
      </c>
      <c r="U31" s="261">
        <v>17</v>
      </c>
      <c r="V31" s="261">
        <v>37</v>
      </c>
      <c r="W31" s="258">
        <v>59</v>
      </c>
      <c r="X31" s="263">
        <v>59</v>
      </c>
      <c r="Y31" s="257">
        <v>8</v>
      </c>
      <c r="Z31" s="261">
        <v>41</v>
      </c>
      <c r="AA31" s="258">
        <v>49</v>
      </c>
      <c r="AB31" s="260">
        <v>0</v>
      </c>
      <c r="AC31" s="261">
        <v>210</v>
      </c>
      <c r="AD31" s="261">
        <v>147</v>
      </c>
      <c r="AE31" s="261">
        <v>231</v>
      </c>
      <c r="AF31" s="261">
        <v>88</v>
      </c>
      <c r="AG31" s="261">
        <v>70</v>
      </c>
      <c r="AH31" s="258">
        <v>746</v>
      </c>
      <c r="AI31" s="263">
        <v>795</v>
      </c>
      <c r="AJ31" s="257">
        <v>0</v>
      </c>
      <c r="AK31" s="261">
        <v>21</v>
      </c>
      <c r="AL31" s="258">
        <v>21</v>
      </c>
      <c r="AM31" s="260">
        <v>0</v>
      </c>
      <c r="AN31" s="261">
        <v>63</v>
      </c>
      <c r="AO31" s="261">
        <v>27</v>
      </c>
      <c r="AP31" s="261">
        <v>12</v>
      </c>
      <c r="AQ31" s="261">
        <v>107</v>
      </c>
      <c r="AR31" s="261">
        <v>0</v>
      </c>
      <c r="AS31" s="258">
        <v>209</v>
      </c>
      <c r="AT31" s="263">
        <v>230</v>
      </c>
      <c r="AU31" s="257">
        <v>0</v>
      </c>
      <c r="AV31" s="261">
        <v>0</v>
      </c>
      <c r="AW31" s="258">
        <v>0</v>
      </c>
      <c r="AX31" s="260">
        <v>0</v>
      </c>
      <c r="AY31" s="261">
        <v>310</v>
      </c>
      <c r="AZ31" s="261">
        <v>455</v>
      </c>
      <c r="BA31" s="261">
        <v>298</v>
      </c>
      <c r="BB31" s="261">
        <v>177</v>
      </c>
      <c r="BC31" s="261">
        <v>62</v>
      </c>
      <c r="BD31" s="262">
        <v>1302</v>
      </c>
      <c r="BE31" s="263">
        <v>1302</v>
      </c>
      <c r="BF31" s="257">
        <v>0</v>
      </c>
      <c r="BG31" s="261">
        <v>0</v>
      </c>
      <c r="BH31" s="258">
        <v>0</v>
      </c>
      <c r="BI31" s="260">
        <v>0</v>
      </c>
      <c r="BJ31" s="261">
        <v>106</v>
      </c>
      <c r="BK31" s="261">
        <v>93</v>
      </c>
      <c r="BL31" s="261">
        <v>94</v>
      </c>
      <c r="BM31" s="261">
        <v>7</v>
      </c>
      <c r="BN31" s="261">
        <v>0</v>
      </c>
      <c r="BO31" s="258">
        <v>300</v>
      </c>
      <c r="BP31" s="263">
        <v>300</v>
      </c>
      <c r="BQ31" s="257">
        <v>0</v>
      </c>
      <c r="BR31" s="261">
        <v>0</v>
      </c>
      <c r="BS31" s="258">
        <v>0</v>
      </c>
      <c r="BT31" s="260">
        <v>0</v>
      </c>
      <c r="BU31" s="261">
        <v>17</v>
      </c>
      <c r="BV31" s="261">
        <v>62</v>
      </c>
      <c r="BW31" s="261">
        <v>171</v>
      </c>
      <c r="BX31" s="261">
        <v>29</v>
      </c>
      <c r="BY31" s="261">
        <v>54</v>
      </c>
      <c r="BZ31" s="258">
        <v>333</v>
      </c>
      <c r="CA31" s="263">
        <v>333</v>
      </c>
      <c r="CB31" s="257">
        <v>0</v>
      </c>
      <c r="CC31" s="261">
        <v>0</v>
      </c>
      <c r="CD31" s="258">
        <v>0</v>
      </c>
      <c r="CE31" s="260">
        <v>0</v>
      </c>
      <c r="CF31" s="261">
        <v>2</v>
      </c>
      <c r="CG31" s="261">
        <v>12</v>
      </c>
      <c r="CH31" s="261">
        <v>8</v>
      </c>
      <c r="CI31" s="261">
        <v>0</v>
      </c>
      <c r="CJ31" s="261">
        <v>4</v>
      </c>
      <c r="CK31" s="258">
        <v>26</v>
      </c>
      <c r="CL31" s="263">
        <v>26</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296</v>
      </c>
      <c r="H32" s="261">
        <v>333</v>
      </c>
      <c r="I32" s="261">
        <v>662</v>
      </c>
      <c r="J32" s="261">
        <v>1102</v>
      </c>
      <c r="K32" s="261">
        <v>545</v>
      </c>
      <c r="L32" s="262">
        <v>2938</v>
      </c>
      <c r="M32" s="263">
        <v>2938</v>
      </c>
      <c r="N32" s="257">
        <v>0</v>
      </c>
      <c r="O32" s="261">
        <v>0</v>
      </c>
      <c r="P32" s="258">
        <v>0</v>
      </c>
      <c r="Q32" s="260">
        <v>0</v>
      </c>
      <c r="R32" s="261">
        <v>6</v>
      </c>
      <c r="S32" s="261">
        <v>0</v>
      </c>
      <c r="T32" s="261">
        <v>4</v>
      </c>
      <c r="U32" s="261">
        <v>47</v>
      </c>
      <c r="V32" s="261">
        <v>14</v>
      </c>
      <c r="W32" s="258">
        <v>71</v>
      </c>
      <c r="X32" s="263">
        <v>71</v>
      </c>
      <c r="Y32" s="257">
        <v>9</v>
      </c>
      <c r="Z32" s="261">
        <v>48</v>
      </c>
      <c r="AA32" s="258">
        <v>57</v>
      </c>
      <c r="AB32" s="260">
        <v>0</v>
      </c>
      <c r="AC32" s="261">
        <v>215</v>
      </c>
      <c r="AD32" s="261">
        <v>112</v>
      </c>
      <c r="AE32" s="261">
        <v>173</v>
      </c>
      <c r="AF32" s="261">
        <v>174</v>
      </c>
      <c r="AG32" s="261">
        <v>23</v>
      </c>
      <c r="AH32" s="258">
        <v>697</v>
      </c>
      <c r="AI32" s="263">
        <v>754</v>
      </c>
      <c r="AJ32" s="257">
        <v>9</v>
      </c>
      <c r="AK32" s="261">
        <v>0</v>
      </c>
      <c r="AL32" s="258">
        <v>9</v>
      </c>
      <c r="AM32" s="260">
        <v>0</v>
      </c>
      <c r="AN32" s="261">
        <v>15</v>
      </c>
      <c r="AO32" s="261">
        <v>0</v>
      </c>
      <c r="AP32" s="261">
        <v>59</v>
      </c>
      <c r="AQ32" s="261">
        <v>21</v>
      </c>
      <c r="AR32" s="261">
        <v>0</v>
      </c>
      <c r="AS32" s="258">
        <v>95</v>
      </c>
      <c r="AT32" s="263">
        <v>104</v>
      </c>
      <c r="AU32" s="257">
        <v>0</v>
      </c>
      <c r="AV32" s="261">
        <v>0</v>
      </c>
      <c r="AW32" s="258">
        <v>0</v>
      </c>
      <c r="AX32" s="260">
        <v>0</v>
      </c>
      <c r="AY32" s="261">
        <v>247</v>
      </c>
      <c r="AZ32" s="261">
        <v>237</v>
      </c>
      <c r="BA32" s="261">
        <v>168</v>
      </c>
      <c r="BB32" s="261">
        <v>146</v>
      </c>
      <c r="BC32" s="261">
        <v>13</v>
      </c>
      <c r="BD32" s="262">
        <v>811</v>
      </c>
      <c r="BE32" s="263">
        <v>811</v>
      </c>
      <c r="BF32" s="257">
        <v>0</v>
      </c>
      <c r="BG32" s="261">
        <v>0</v>
      </c>
      <c r="BH32" s="258">
        <v>0</v>
      </c>
      <c r="BI32" s="260">
        <v>0</v>
      </c>
      <c r="BJ32" s="261">
        <v>44</v>
      </c>
      <c r="BK32" s="261">
        <v>60</v>
      </c>
      <c r="BL32" s="261">
        <v>55</v>
      </c>
      <c r="BM32" s="261">
        <v>28</v>
      </c>
      <c r="BN32" s="261">
        <v>0</v>
      </c>
      <c r="BO32" s="258">
        <v>187</v>
      </c>
      <c r="BP32" s="263">
        <v>187</v>
      </c>
      <c r="BQ32" s="257">
        <v>0</v>
      </c>
      <c r="BR32" s="261">
        <v>2</v>
      </c>
      <c r="BS32" s="258">
        <v>2</v>
      </c>
      <c r="BT32" s="260">
        <v>0</v>
      </c>
      <c r="BU32" s="261">
        <v>51</v>
      </c>
      <c r="BV32" s="261">
        <v>40</v>
      </c>
      <c r="BW32" s="261">
        <v>88</v>
      </c>
      <c r="BX32" s="261">
        <v>128</v>
      </c>
      <c r="BY32" s="261">
        <v>4</v>
      </c>
      <c r="BZ32" s="258">
        <v>311</v>
      </c>
      <c r="CA32" s="263">
        <v>313</v>
      </c>
      <c r="CB32" s="257">
        <v>0</v>
      </c>
      <c r="CC32" s="261">
        <v>0</v>
      </c>
      <c r="CD32" s="258">
        <v>0</v>
      </c>
      <c r="CE32" s="260">
        <v>0</v>
      </c>
      <c r="CF32" s="261">
        <v>0</v>
      </c>
      <c r="CG32" s="261">
        <v>9</v>
      </c>
      <c r="CH32" s="261">
        <v>12</v>
      </c>
      <c r="CI32" s="261">
        <v>28</v>
      </c>
      <c r="CJ32" s="261">
        <v>3</v>
      </c>
      <c r="CK32" s="258">
        <v>52</v>
      </c>
      <c r="CL32" s="263">
        <v>5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114</v>
      </c>
      <c r="H33" s="261">
        <v>147</v>
      </c>
      <c r="I33" s="261">
        <v>447</v>
      </c>
      <c r="J33" s="261">
        <v>143</v>
      </c>
      <c r="K33" s="261">
        <v>417</v>
      </c>
      <c r="L33" s="262">
        <v>1268</v>
      </c>
      <c r="M33" s="263">
        <v>1268</v>
      </c>
      <c r="N33" s="257">
        <v>0</v>
      </c>
      <c r="O33" s="261">
        <v>0</v>
      </c>
      <c r="P33" s="258">
        <v>0</v>
      </c>
      <c r="Q33" s="260">
        <v>0</v>
      </c>
      <c r="R33" s="261">
        <v>5</v>
      </c>
      <c r="S33" s="261">
        <v>5</v>
      </c>
      <c r="T33" s="261">
        <v>21</v>
      </c>
      <c r="U33" s="261">
        <v>46</v>
      </c>
      <c r="V33" s="261">
        <v>25</v>
      </c>
      <c r="W33" s="258">
        <v>102</v>
      </c>
      <c r="X33" s="263">
        <v>102</v>
      </c>
      <c r="Y33" s="257">
        <v>18</v>
      </c>
      <c r="Z33" s="261">
        <v>47</v>
      </c>
      <c r="AA33" s="258">
        <v>65</v>
      </c>
      <c r="AB33" s="260">
        <v>0</v>
      </c>
      <c r="AC33" s="261">
        <v>81</v>
      </c>
      <c r="AD33" s="261">
        <v>126</v>
      </c>
      <c r="AE33" s="261">
        <v>96</v>
      </c>
      <c r="AF33" s="261">
        <v>169</v>
      </c>
      <c r="AG33" s="261">
        <v>108</v>
      </c>
      <c r="AH33" s="258">
        <v>580</v>
      </c>
      <c r="AI33" s="263">
        <v>645</v>
      </c>
      <c r="AJ33" s="257">
        <v>18</v>
      </c>
      <c r="AK33" s="261">
        <v>33</v>
      </c>
      <c r="AL33" s="258">
        <v>51</v>
      </c>
      <c r="AM33" s="260">
        <v>0</v>
      </c>
      <c r="AN33" s="261">
        <v>12</v>
      </c>
      <c r="AO33" s="261">
        <v>27</v>
      </c>
      <c r="AP33" s="261">
        <v>24</v>
      </c>
      <c r="AQ33" s="261">
        <v>48</v>
      </c>
      <c r="AR33" s="261">
        <v>18</v>
      </c>
      <c r="AS33" s="258">
        <v>129</v>
      </c>
      <c r="AT33" s="263">
        <v>180</v>
      </c>
      <c r="AU33" s="257">
        <v>0</v>
      </c>
      <c r="AV33" s="261">
        <v>0</v>
      </c>
      <c r="AW33" s="258">
        <v>0</v>
      </c>
      <c r="AX33" s="260">
        <v>0</v>
      </c>
      <c r="AY33" s="261">
        <v>268</v>
      </c>
      <c r="AZ33" s="261">
        <v>370</v>
      </c>
      <c r="BA33" s="261">
        <v>150</v>
      </c>
      <c r="BB33" s="261">
        <v>122</v>
      </c>
      <c r="BC33" s="261">
        <v>32</v>
      </c>
      <c r="BD33" s="262">
        <v>942</v>
      </c>
      <c r="BE33" s="263">
        <v>942</v>
      </c>
      <c r="BF33" s="257">
        <v>0</v>
      </c>
      <c r="BG33" s="261">
        <v>0</v>
      </c>
      <c r="BH33" s="258">
        <v>0</v>
      </c>
      <c r="BI33" s="260">
        <v>0</v>
      </c>
      <c r="BJ33" s="261">
        <v>37</v>
      </c>
      <c r="BK33" s="261">
        <v>59</v>
      </c>
      <c r="BL33" s="261">
        <v>44</v>
      </c>
      <c r="BM33" s="261">
        <v>15</v>
      </c>
      <c r="BN33" s="261">
        <v>6</v>
      </c>
      <c r="BO33" s="258">
        <v>161</v>
      </c>
      <c r="BP33" s="263">
        <v>161</v>
      </c>
      <c r="BQ33" s="257">
        <v>0</v>
      </c>
      <c r="BR33" s="261">
        <v>0</v>
      </c>
      <c r="BS33" s="258">
        <v>0</v>
      </c>
      <c r="BT33" s="260">
        <v>0</v>
      </c>
      <c r="BU33" s="261">
        <v>33</v>
      </c>
      <c r="BV33" s="261">
        <v>34</v>
      </c>
      <c r="BW33" s="261">
        <v>129</v>
      </c>
      <c r="BX33" s="261">
        <v>93</v>
      </c>
      <c r="BY33" s="261">
        <v>5</v>
      </c>
      <c r="BZ33" s="258">
        <v>294</v>
      </c>
      <c r="CA33" s="263">
        <v>294</v>
      </c>
      <c r="CB33" s="257">
        <v>0</v>
      </c>
      <c r="CC33" s="261">
        <v>0</v>
      </c>
      <c r="CD33" s="258">
        <v>0</v>
      </c>
      <c r="CE33" s="260">
        <v>0</v>
      </c>
      <c r="CF33" s="261">
        <v>0</v>
      </c>
      <c r="CG33" s="261">
        <v>8</v>
      </c>
      <c r="CH33" s="261">
        <v>0</v>
      </c>
      <c r="CI33" s="261">
        <v>0</v>
      </c>
      <c r="CJ33" s="261">
        <v>6</v>
      </c>
      <c r="CK33" s="258">
        <v>14</v>
      </c>
      <c r="CL33" s="263">
        <v>14</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44</v>
      </c>
      <c r="H34" s="261">
        <v>297</v>
      </c>
      <c r="I34" s="261">
        <v>506</v>
      </c>
      <c r="J34" s="261">
        <v>510</v>
      </c>
      <c r="K34" s="261">
        <v>874</v>
      </c>
      <c r="L34" s="262">
        <v>2531</v>
      </c>
      <c r="M34" s="263">
        <v>2531</v>
      </c>
      <c r="N34" s="257">
        <v>0</v>
      </c>
      <c r="O34" s="261">
        <v>0</v>
      </c>
      <c r="P34" s="258">
        <v>0</v>
      </c>
      <c r="Q34" s="260">
        <v>0</v>
      </c>
      <c r="R34" s="261">
        <v>0</v>
      </c>
      <c r="S34" s="261">
        <v>0</v>
      </c>
      <c r="T34" s="261">
        <v>5</v>
      </c>
      <c r="U34" s="261">
        <v>14</v>
      </c>
      <c r="V34" s="261">
        <v>41</v>
      </c>
      <c r="W34" s="258">
        <v>60</v>
      </c>
      <c r="X34" s="263">
        <v>60</v>
      </c>
      <c r="Y34" s="257">
        <v>17</v>
      </c>
      <c r="Z34" s="261">
        <v>40</v>
      </c>
      <c r="AA34" s="258">
        <v>57</v>
      </c>
      <c r="AB34" s="260">
        <v>0</v>
      </c>
      <c r="AC34" s="261">
        <v>190</v>
      </c>
      <c r="AD34" s="261">
        <v>197</v>
      </c>
      <c r="AE34" s="261">
        <v>137</v>
      </c>
      <c r="AF34" s="261">
        <v>120</v>
      </c>
      <c r="AG34" s="261">
        <v>45</v>
      </c>
      <c r="AH34" s="258">
        <v>689</v>
      </c>
      <c r="AI34" s="263">
        <v>746</v>
      </c>
      <c r="AJ34" s="257">
        <v>25</v>
      </c>
      <c r="AK34" s="261">
        <v>0</v>
      </c>
      <c r="AL34" s="258">
        <v>25</v>
      </c>
      <c r="AM34" s="260">
        <v>0</v>
      </c>
      <c r="AN34" s="261">
        <v>54</v>
      </c>
      <c r="AO34" s="261">
        <v>12</v>
      </c>
      <c r="AP34" s="261">
        <v>24</v>
      </c>
      <c r="AQ34" s="261">
        <v>39</v>
      </c>
      <c r="AR34" s="261">
        <v>27</v>
      </c>
      <c r="AS34" s="258">
        <v>156</v>
      </c>
      <c r="AT34" s="263">
        <v>181</v>
      </c>
      <c r="AU34" s="257">
        <v>0</v>
      </c>
      <c r="AV34" s="261">
        <v>0</v>
      </c>
      <c r="AW34" s="258">
        <v>0</v>
      </c>
      <c r="AX34" s="260">
        <v>0</v>
      </c>
      <c r="AY34" s="261">
        <v>567</v>
      </c>
      <c r="AZ34" s="261">
        <v>515</v>
      </c>
      <c r="BA34" s="261">
        <v>258</v>
      </c>
      <c r="BB34" s="261">
        <v>196</v>
      </c>
      <c r="BC34" s="261">
        <v>41</v>
      </c>
      <c r="BD34" s="262">
        <v>1577</v>
      </c>
      <c r="BE34" s="263">
        <v>1577</v>
      </c>
      <c r="BF34" s="257">
        <v>0</v>
      </c>
      <c r="BG34" s="261">
        <v>0</v>
      </c>
      <c r="BH34" s="258">
        <v>0</v>
      </c>
      <c r="BI34" s="260">
        <v>0</v>
      </c>
      <c r="BJ34" s="261">
        <v>90</v>
      </c>
      <c r="BK34" s="261">
        <v>119</v>
      </c>
      <c r="BL34" s="261">
        <v>43</v>
      </c>
      <c r="BM34" s="261">
        <v>37</v>
      </c>
      <c r="BN34" s="261">
        <v>27</v>
      </c>
      <c r="BO34" s="258">
        <v>316</v>
      </c>
      <c r="BP34" s="263">
        <v>316</v>
      </c>
      <c r="BQ34" s="257">
        <v>0</v>
      </c>
      <c r="BR34" s="261">
        <v>3</v>
      </c>
      <c r="BS34" s="258">
        <v>3</v>
      </c>
      <c r="BT34" s="260">
        <v>0</v>
      </c>
      <c r="BU34" s="261">
        <v>8</v>
      </c>
      <c r="BV34" s="261">
        <v>69</v>
      </c>
      <c r="BW34" s="261">
        <v>69</v>
      </c>
      <c r="BX34" s="261">
        <v>22</v>
      </c>
      <c r="BY34" s="261">
        <v>41</v>
      </c>
      <c r="BZ34" s="258">
        <v>209</v>
      </c>
      <c r="CA34" s="263">
        <v>212</v>
      </c>
      <c r="CB34" s="257">
        <v>0</v>
      </c>
      <c r="CC34" s="261">
        <v>0</v>
      </c>
      <c r="CD34" s="258">
        <v>0</v>
      </c>
      <c r="CE34" s="260">
        <v>0</v>
      </c>
      <c r="CF34" s="261">
        <v>0</v>
      </c>
      <c r="CG34" s="261">
        <v>6</v>
      </c>
      <c r="CH34" s="261">
        <v>13</v>
      </c>
      <c r="CI34" s="261">
        <v>13</v>
      </c>
      <c r="CJ34" s="261">
        <v>0</v>
      </c>
      <c r="CK34" s="258">
        <v>32</v>
      </c>
      <c r="CL34" s="263">
        <v>32</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55</v>
      </c>
      <c r="H35" s="261">
        <v>278</v>
      </c>
      <c r="I35" s="261">
        <v>368</v>
      </c>
      <c r="J35" s="261">
        <v>318</v>
      </c>
      <c r="K35" s="261">
        <v>666</v>
      </c>
      <c r="L35" s="262">
        <v>1785</v>
      </c>
      <c r="M35" s="263">
        <v>1785</v>
      </c>
      <c r="N35" s="257">
        <v>0</v>
      </c>
      <c r="O35" s="261">
        <v>0</v>
      </c>
      <c r="P35" s="258">
        <v>0</v>
      </c>
      <c r="Q35" s="260">
        <v>0</v>
      </c>
      <c r="R35" s="261">
        <v>0</v>
      </c>
      <c r="S35" s="261">
        <v>0</v>
      </c>
      <c r="T35" s="261">
        <v>3</v>
      </c>
      <c r="U35" s="261">
        <v>10</v>
      </c>
      <c r="V35" s="261">
        <v>22</v>
      </c>
      <c r="W35" s="258">
        <v>35</v>
      </c>
      <c r="X35" s="263">
        <v>35</v>
      </c>
      <c r="Y35" s="257">
        <v>0</v>
      </c>
      <c r="Z35" s="261">
        <v>15</v>
      </c>
      <c r="AA35" s="258">
        <v>15</v>
      </c>
      <c r="AB35" s="260">
        <v>0</v>
      </c>
      <c r="AC35" s="261">
        <v>135</v>
      </c>
      <c r="AD35" s="261">
        <v>86</v>
      </c>
      <c r="AE35" s="261">
        <v>14</v>
      </c>
      <c r="AF35" s="261">
        <v>37</v>
      </c>
      <c r="AG35" s="261">
        <v>34</v>
      </c>
      <c r="AH35" s="258">
        <v>306</v>
      </c>
      <c r="AI35" s="263">
        <v>321</v>
      </c>
      <c r="AJ35" s="257">
        <v>144</v>
      </c>
      <c r="AK35" s="261">
        <v>237</v>
      </c>
      <c r="AL35" s="258">
        <v>381</v>
      </c>
      <c r="AM35" s="260">
        <v>0</v>
      </c>
      <c r="AN35" s="261">
        <v>525</v>
      </c>
      <c r="AO35" s="261">
        <v>292</v>
      </c>
      <c r="AP35" s="261">
        <v>137</v>
      </c>
      <c r="AQ35" s="261">
        <v>78</v>
      </c>
      <c r="AR35" s="261">
        <v>61</v>
      </c>
      <c r="AS35" s="258">
        <v>1093</v>
      </c>
      <c r="AT35" s="263">
        <v>1474</v>
      </c>
      <c r="AU35" s="257">
        <v>0</v>
      </c>
      <c r="AV35" s="261">
        <v>0</v>
      </c>
      <c r="AW35" s="258">
        <v>0</v>
      </c>
      <c r="AX35" s="260">
        <v>0</v>
      </c>
      <c r="AY35" s="261">
        <v>72</v>
      </c>
      <c r="AZ35" s="261">
        <v>90</v>
      </c>
      <c r="BA35" s="261">
        <v>93</v>
      </c>
      <c r="BB35" s="261">
        <v>29</v>
      </c>
      <c r="BC35" s="261">
        <v>35</v>
      </c>
      <c r="BD35" s="262">
        <v>319</v>
      </c>
      <c r="BE35" s="263">
        <v>319</v>
      </c>
      <c r="BF35" s="257">
        <v>0</v>
      </c>
      <c r="BG35" s="261">
        <v>0</v>
      </c>
      <c r="BH35" s="258">
        <v>0</v>
      </c>
      <c r="BI35" s="260">
        <v>0</v>
      </c>
      <c r="BJ35" s="261">
        <v>191</v>
      </c>
      <c r="BK35" s="261">
        <v>99</v>
      </c>
      <c r="BL35" s="261">
        <v>59</v>
      </c>
      <c r="BM35" s="261">
        <v>12</v>
      </c>
      <c r="BN35" s="261">
        <v>9</v>
      </c>
      <c r="BO35" s="258">
        <v>370</v>
      </c>
      <c r="BP35" s="263">
        <v>370</v>
      </c>
      <c r="BQ35" s="257">
        <v>0</v>
      </c>
      <c r="BR35" s="261">
        <v>1</v>
      </c>
      <c r="BS35" s="258">
        <v>1</v>
      </c>
      <c r="BT35" s="260">
        <v>0</v>
      </c>
      <c r="BU35" s="261">
        <v>44</v>
      </c>
      <c r="BV35" s="261">
        <v>34</v>
      </c>
      <c r="BW35" s="261">
        <v>76</v>
      </c>
      <c r="BX35" s="261">
        <v>54</v>
      </c>
      <c r="BY35" s="261">
        <v>43</v>
      </c>
      <c r="BZ35" s="258">
        <v>251</v>
      </c>
      <c r="CA35" s="263">
        <v>252</v>
      </c>
      <c r="CB35" s="257">
        <v>0</v>
      </c>
      <c r="CC35" s="261">
        <v>0</v>
      </c>
      <c r="CD35" s="258">
        <v>0</v>
      </c>
      <c r="CE35" s="260">
        <v>0</v>
      </c>
      <c r="CF35" s="261">
        <v>8</v>
      </c>
      <c r="CG35" s="261">
        <v>11</v>
      </c>
      <c r="CH35" s="261">
        <v>6</v>
      </c>
      <c r="CI35" s="261">
        <v>13</v>
      </c>
      <c r="CJ35" s="261">
        <v>7</v>
      </c>
      <c r="CK35" s="258">
        <v>45</v>
      </c>
      <c r="CL35" s="263">
        <v>45</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250</v>
      </c>
      <c r="H36" s="261">
        <v>187</v>
      </c>
      <c r="I36" s="261">
        <v>350</v>
      </c>
      <c r="J36" s="261">
        <v>264</v>
      </c>
      <c r="K36" s="261">
        <v>22</v>
      </c>
      <c r="L36" s="262">
        <v>1073</v>
      </c>
      <c r="M36" s="263">
        <v>1073</v>
      </c>
      <c r="N36" s="257">
        <v>0</v>
      </c>
      <c r="O36" s="261">
        <v>0</v>
      </c>
      <c r="P36" s="258">
        <v>0</v>
      </c>
      <c r="Q36" s="260">
        <v>0</v>
      </c>
      <c r="R36" s="261">
        <v>0</v>
      </c>
      <c r="S36" s="261">
        <v>5</v>
      </c>
      <c r="T36" s="261">
        <v>0</v>
      </c>
      <c r="U36" s="261">
        <v>9</v>
      </c>
      <c r="V36" s="261">
        <v>31</v>
      </c>
      <c r="W36" s="258">
        <v>45</v>
      </c>
      <c r="X36" s="263">
        <v>45</v>
      </c>
      <c r="Y36" s="257">
        <v>4</v>
      </c>
      <c r="Z36" s="261">
        <v>90</v>
      </c>
      <c r="AA36" s="258">
        <v>94</v>
      </c>
      <c r="AB36" s="260">
        <v>0</v>
      </c>
      <c r="AC36" s="261">
        <v>108</v>
      </c>
      <c r="AD36" s="261">
        <v>109</v>
      </c>
      <c r="AE36" s="261">
        <v>59</v>
      </c>
      <c r="AF36" s="261">
        <v>75</v>
      </c>
      <c r="AG36" s="261">
        <v>91</v>
      </c>
      <c r="AH36" s="258">
        <v>442</v>
      </c>
      <c r="AI36" s="263">
        <v>536</v>
      </c>
      <c r="AJ36" s="257">
        <v>0</v>
      </c>
      <c r="AK36" s="261">
        <v>0</v>
      </c>
      <c r="AL36" s="258">
        <v>0</v>
      </c>
      <c r="AM36" s="260">
        <v>0</v>
      </c>
      <c r="AN36" s="261">
        <v>58</v>
      </c>
      <c r="AO36" s="261">
        <v>93</v>
      </c>
      <c r="AP36" s="261">
        <v>23</v>
      </c>
      <c r="AQ36" s="261">
        <v>12</v>
      </c>
      <c r="AR36" s="261">
        <v>16</v>
      </c>
      <c r="AS36" s="258">
        <v>202</v>
      </c>
      <c r="AT36" s="263">
        <v>202</v>
      </c>
      <c r="AU36" s="257">
        <v>0</v>
      </c>
      <c r="AV36" s="261">
        <v>0</v>
      </c>
      <c r="AW36" s="258">
        <v>0</v>
      </c>
      <c r="AX36" s="260">
        <v>0</v>
      </c>
      <c r="AY36" s="261">
        <v>239</v>
      </c>
      <c r="AZ36" s="261">
        <v>257</v>
      </c>
      <c r="BA36" s="261">
        <v>154</v>
      </c>
      <c r="BB36" s="261">
        <v>203</v>
      </c>
      <c r="BC36" s="261">
        <v>26</v>
      </c>
      <c r="BD36" s="262">
        <v>879</v>
      </c>
      <c r="BE36" s="263">
        <v>879</v>
      </c>
      <c r="BF36" s="257">
        <v>0</v>
      </c>
      <c r="BG36" s="261">
        <v>0</v>
      </c>
      <c r="BH36" s="258">
        <v>0</v>
      </c>
      <c r="BI36" s="260">
        <v>0</v>
      </c>
      <c r="BJ36" s="261">
        <v>62</v>
      </c>
      <c r="BK36" s="261">
        <v>14</v>
      </c>
      <c r="BL36" s="261">
        <v>13</v>
      </c>
      <c r="BM36" s="261">
        <v>50</v>
      </c>
      <c r="BN36" s="261">
        <v>0</v>
      </c>
      <c r="BO36" s="258">
        <v>139</v>
      </c>
      <c r="BP36" s="263">
        <v>139</v>
      </c>
      <c r="BQ36" s="257">
        <v>0</v>
      </c>
      <c r="BR36" s="261">
        <v>0</v>
      </c>
      <c r="BS36" s="258">
        <v>0</v>
      </c>
      <c r="BT36" s="260">
        <v>0</v>
      </c>
      <c r="BU36" s="261">
        <v>49</v>
      </c>
      <c r="BV36" s="261">
        <v>22</v>
      </c>
      <c r="BW36" s="261">
        <v>14</v>
      </c>
      <c r="BX36" s="261">
        <v>40</v>
      </c>
      <c r="BY36" s="261">
        <v>73</v>
      </c>
      <c r="BZ36" s="258">
        <v>198</v>
      </c>
      <c r="CA36" s="263">
        <v>198</v>
      </c>
      <c r="CB36" s="257">
        <v>0</v>
      </c>
      <c r="CC36" s="261">
        <v>0</v>
      </c>
      <c r="CD36" s="258">
        <v>0</v>
      </c>
      <c r="CE36" s="260">
        <v>0</v>
      </c>
      <c r="CF36" s="261">
        <v>3</v>
      </c>
      <c r="CG36" s="261">
        <v>0</v>
      </c>
      <c r="CH36" s="261">
        <v>0</v>
      </c>
      <c r="CI36" s="261">
        <v>10</v>
      </c>
      <c r="CJ36" s="261">
        <v>0</v>
      </c>
      <c r="CK36" s="258">
        <v>13</v>
      </c>
      <c r="CL36" s="263">
        <v>13</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1069</v>
      </c>
      <c r="H37" s="261">
        <v>1061</v>
      </c>
      <c r="I37" s="261">
        <v>1650</v>
      </c>
      <c r="J37" s="261">
        <v>1871</v>
      </c>
      <c r="K37" s="261">
        <v>721</v>
      </c>
      <c r="L37" s="262">
        <v>6372</v>
      </c>
      <c r="M37" s="263">
        <v>6372</v>
      </c>
      <c r="N37" s="257">
        <v>0</v>
      </c>
      <c r="O37" s="261">
        <v>0</v>
      </c>
      <c r="P37" s="258">
        <v>0</v>
      </c>
      <c r="Q37" s="260">
        <v>0</v>
      </c>
      <c r="R37" s="261">
        <v>0</v>
      </c>
      <c r="S37" s="261">
        <v>15</v>
      </c>
      <c r="T37" s="261">
        <v>19</v>
      </c>
      <c r="U37" s="261">
        <v>44</v>
      </c>
      <c r="V37" s="261">
        <v>61</v>
      </c>
      <c r="W37" s="258">
        <v>139</v>
      </c>
      <c r="X37" s="263">
        <v>139</v>
      </c>
      <c r="Y37" s="257">
        <v>18</v>
      </c>
      <c r="Z37" s="261">
        <v>63</v>
      </c>
      <c r="AA37" s="258">
        <v>81</v>
      </c>
      <c r="AB37" s="260">
        <v>0</v>
      </c>
      <c r="AC37" s="261">
        <v>477</v>
      </c>
      <c r="AD37" s="261">
        <v>291</v>
      </c>
      <c r="AE37" s="261">
        <v>208</v>
      </c>
      <c r="AF37" s="261">
        <v>227</v>
      </c>
      <c r="AG37" s="261">
        <v>151</v>
      </c>
      <c r="AH37" s="258">
        <v>1354</v>
      </c>
      <c r="AI37" s="263">
        <v>1435</v>
      </c>
      <c r="AJ37" s="257">
        <v>28</v>
      </c>
      <c r="AK37" s="261">
        <v>118</v>
      </c>
      <c r="AL37" s="258">
        <v>146</v>
      </c>
      <c r="AM37" s="260">
        <v>0</v>
      </c>
      <c r="AN37" s="261">
        <v>258</v>
      </c>
      <c r="AO37" s="261">
        <v>166</v>
      </c>
      <c r="AP37" s="261">
        <v>74</v>
      </c>
      <c r="AQ37" s="261">
        <v>141</v>
      </c>
      <c r="AR37" s="261">
        <v>32</v>
      </c>
      <c r="AS37" s="258">
        <v>671</v>
      </c>
      <c r="AT37" s="263">
        <v>817</v>
      </c>
      <c r="AU37" s="257">
        <v>0</v>
      </c>
      <c r="AV37" s="261">
        <v>0</v>
      </c>
      <c r="AW37" s="258">
        <v>0</v>
      </c>
      <c r="AX37" s="260">
        <v>0</v>
      </c>
      <c r="AY37" s="261">
        <v>1298</v>
      </c>
      <c r="AZ37" s="261">
        <v>882</v>
      </c>
      <c r="BA37" s="261">
        <v>627</v>
      </c>
      <c r="BB37" s="261">
        <v>487</v>
      </c>
      <c r="BC37" s="261">
        <v>178</v>
      </c>
      <c r="BD37" s="262">
        <v>3472</v>
      </c>
      <c r="BE37" s="263">
        <v>3472</v>
      </c>
      <c r="BF37" s="257">
        <v>0</v>
      </c>
      <c r="BG37" s="261">
        <v>0</v>
      </c>
      <c r="BH37" s="258">
        <v>0</v>
      </c>
      <c r="BI37" s="260">
        <v>0</v>
      </c>
      <c r="BJ37" s="261">
        <v>509</v>
      </c>
      <c r="BK37" s="261">
        <v>238</v>
      </c>
      <c r="BL37" s="261">
        <v>73</v>
      </c>
      <c r="BM37" s="261">
        <v>131</v>
      </c>
      <c r="BN37" s="261">
        <v>0</v>
      </c>
      <c r="BO37" s="258">
        <v>951</v>
      </c>
      <c r="BP37" s="263">
        <v>951</v>
      </c>
      <c r="BQ37" s="257">
        <v>3</v>
      </c>
      <c r="BR37" s="261">
        <v>0</v>
      </c>
      <c r="BS37" s="258">
        <v>3</v>
      </c>
      <c r="BT37" s="260">
        <v>0</v>
      </c>
      <c r="BU37" s="261">
        <v>88</v>
      </c>
      <c r="BV37" s="261">
        <v>42</v>
      </c>
      <c r="BW37" s="261">
        <v>61</v>
      </c>
      <c r="BX37" s="261">
        <v>85</v>
      </c>
      <c r="BY37" s="261">
        <v>16</v>
      </c>
      <c r="BZ37" s="258">
        <v>292</v>
      </c>
      <c r="CA37" s="263">
        <v>295</v>
      </c>
      <c r="CB37" s="257">
        <v>0</v>
      </c>
      <c r="CC37" s="261">
        <v>0</v>
      </c>
      <c r="CD37" s="258">
        <v>0</v>
      </c>
      <c r="CE37" s="260">
        <v>0</v>
      </c>
      <c r="CF37" s="261">
        <v>29</v>
      </c>
      <c r="CG37" s="261">
        <v>4</v>
      </c>
      <c r="CH37" s="261">
        <v>13</v>
      </c>
      <c r="CI37" s="261">
        <v>8</v>
      </c>
      <c r="CJ37" s="261">
        <v>0</v>
      </c>
      <c r="CK37" s="258">
        <v>54</v>
      </c>
      <c r="CL37" s="263">
        <v>54</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607</v>
      </c>
      <c r="H38" s="261">
        <v>1280</v>
      </c>
      <c r="I38" s="261">
        <v>1459</v>
      </c>
      <c r="J38" s="261">
        <v>2006</v>
      </c>
      <c r="K38" s="261">
        <v>1867</v>
      </c>
      <c r="L38" s="262">
        <v>7219</v>
      </c>
      <c r="M38" s="263">
        <v>7219</v>
      </c>
      <c r="N38" s="257">
        <v>0</v>
      </c>
      <c r="O38" s="261">
        <v>0</v>
      </c>
      <c r="P38" s="258">
        <v>0</v>
      </c>
      <c r="Q38" s="260">
        <v>0</v>
      </c>
      <c r="R38" s="261">
        <v>12</v>
      </c>
      <c r="S38" s="261">
        <v>39</v>
      </c>
      <c r="T38" s="261">
        <v>27</v>
      </c>
      <c r="U38" s="261">
        <v>56</v>
      </c>
      <c r="V38" s="261">
        <v>52</v>
      </c>
      <c r="W38" s="258">
        <v>186</v>
      </c>
      <c r="X38" s="263">
        <v>186</v>
      </c>
      <c r="Y38" s="257">
        <v>98</v>
      </c>
      <c r="Z38" s="261">
        <v>200</v>
      </c>
      <c r="AA38" s="258">
        <v>298</v>
      </c>
      <c r="AB38" s="260">
        <v>0</v>
      </c>
      <c r="AC38" s="261">
        <v>664</v>
      </c>
      <c r="AD38" s="261">
        <v>613</v>
      </c>
      <c r="AE38" s="261">
        <v>287</v>
      </c>
      <c r="AF38" s="261">
        <v>391</v>
      </c>
      <c r="AG38" s="261">
        <v>332</v>
      </c>
      <c r="AH38" s="258">
        <v>2287</v>
      </c>
      <c r="AI38" s="263">
        <v>2585</v>
      </c>
      <c r="AJ38" s="257">
        <v>32</v>
      </c>
      <c r="AK38" s="261">
        <v>118</v>
      </c>
      <c r="AL38" s="258">
        <v>150</v>
      </c>
      <c r="AM38" s="260">
        <v>0</v>
      </c>
      <c r="AN38" s="261">
        <v>214</v>
      </c>
      <c r="AO38" s="261">
        <v>156</v>
      </c>
      <c r="AP38" s="261">
        <v>93</v>
      </c>
      <c r="AQ38" s="261">
        <v>119</v>
      </c>
      <c r="AR38" s="261">
        <v>87</v>
      </c>
      <c r="AS38" s="258">
        <v>669</v>
      </c>
      <c r="AT38" s="263">
        <v>819</v>
      </c>
      <c r="AU38" s="257">
        <v>0</v>
      </c>
      <c r="AV38" s="261">
        <v>0</v>
      </c>
      <c r="AW38" s="258">
        <v>0</v>
      </c>
      <c r="AX38" s="260">
        <v>0</v>
      </c>
      <c r="AY38" s="261">
        <v>719</v>
      </c>
      <c r="AZ38" s="261">
        <v>994</v>
      </c>
      <c r="BA38" s="261">
        <v>432</v>
      </c>
      <c r="BB38" s="261">
        <v>374</v>
      </c>
      <c r="BC38" s="261">
        <v>245</v>
      </c>
      <c r="BD38" s="262">
        <v>2764</v>
      </c>
      <c r="BE38" s="263">
        <v>2764</v>
      </c>
      <c r="BF38" s="257">
        <v>0</v>
      </c>
      <c r="BG38" s="261">
        <v>0</v>
      </c>
      <c r="BH38" s="258">
        <v>0</v>
      </c>
      <c r="BI38" s="260">
        <v>0</v>
      </c>
      <c r="BJ38" s="261">
        <v>211</v>
      </c>
      <c r="BK38" s="261">
        <v>187</v>
      </c>
      <c r="BL38" s="261">
        <v>133</v>
      </c>
      <c r="BM38" s="261">
        <v>51</v>
      </c>
      <c r="BN38" s="261">
        <v>25</v>
      </c>
      <c r="BO38" s="258">
        <v>607</v>
      </c>
      <c r="BP38" s="263">
        <v>607</v>
      </c>
      <c r="BQ38" s="257">
        <v>0</v>
      </c>
      <c r="BR38" s="261">
        <v>0</v>
      </c>
      <c r="BS38" s="258">
        <v>0</v>
      </c>
      <c r="BT38" s="260">
        <v>0</v>
      </c>
      <c r="BU38" s="261">
        <v>140</v>
      </c>
      <c r="BV38" s="261">
        <v>168</v>
      </c>
      <c r="BW38" s="261">
        <v>282</v>
      </c>
      <c r="BX38" s="261">
        <v>257</v>
      </c>
      <c r="BY38" s="261">
        <v>318</v>
      </c>
      <c r="BZ38" s="258">
        <v>1165</v>
      </c>
      <c r="CA38" s="263">
        <v>1165</v>
      </c>
      <c r="CB38" s="257">
        <v>0</v>
      </c>
      <c r="CC38" s="261">
        <v>0</v>
      </c>
      <c r="CD38" s="258">
        <v>0</v>
      </c>
      <c r="CE38" s="260">
        <v>0</v>
      </c>
      <c r="CF38" s="261">
        <v>12</v>
      </c>
      <c r="CG38" s="261">
        <v>16</v>
      </c>
      <c r="CH38" s="261">
        <v>0</v>
      </c>
      <c r="CI38" s="261">
        <v>3</v>
      </c>
      <c r="CJ38" s="261">
        <v>2</v>
      </c>
      <c r="CK38" s="258">
        <v>33</v>
      </c>
      <c r="CL38" s="263">
        <v>33</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87</v>
      </c>
      <c r="H39" s="268">
        <v>60</v>
      </c>
      <c r="I39" s="268">
        <v>82</v>
      </c>
      <c r="J39" s="268">
        <v>21</v>
      </c>
      <c r="K39" s="268">
        <v>209</v>
      </c>
      <c r="L39" s="269">
        <v>459</v>
      </c>
      <c r="M39" s="270">
        <v>459</v>
      </c>
      <c r="N39" s="264">
        <v>0</v>
      </c>
      <c r="O39" s="268">
        <v>0</v>
      </c>
      <c r="P39" s="265">
        <v>0</v>
      </c>
      <c r="Q39" s="267">
        <v>0</v>
      </c>
      <c r="R39" s="268">
        <v>0</v>
      </c>
      <c r="S39" s="268">
        <v>0</v>
      </c>
      <c r="T39" s="268">
        <v>0</v>
      </c>
      <c r="U39" s="268">
        <v>0</v>
      </c>
      <c r="V39" s="268">
        <v>0</v>
      </c>
      <c r="W39" s="265">
        <v>0</v>
      </c>
      <c r="X39" s="270">
        <v>0</v>
      </c>
      <c r="Y39" s="264">
        <v>4</v>
      </c>
      <c r="Z39" s="268">
        <v>2</v>
      </c>
      <c r="AA39" s="265">
        <v>6</v>
      </c>
      <c r="AB39" s="267">
        <v>0</v>
      </c>
      <c r="AC39" s="268">
        <v>17</v>
      </c>
      <c r="AD39" s="268">
        <v>31</v>
      </c>
      <c r="AE39" s="268">
        <v>2</v>
      </c>
      <c r="AF39" s="268">
        <v>38</v>
      </c>
      <c r="AG39" s="268">
        <v>3</v>
      </c>
      <c r="AH39" s="265">
        <v>91</v>
      </c>
      <c r="AI39" s="270">
        <v>97</v>
      </c>
      <c r="AJ39" s="264">
        <v>0</v>
      </c>
      <c r="AK39" s="268">
        <v>0</v>
      </c>
      <c r="AL39" s="265">
        <v>0</v>
      </c>
      <c r="AM39" s="267">
        <v>0</v>
      </c>
      <c r="AN39" s="268">
        <v>0</v>
      </c>
      <c r="AO39" s="268">
        <v>10</v>
      </c>
      <c r="AP39" s="268">
        <v>0</v>
      </c>
      <c r="AQ39" s="268">
        <v>20</v>
      </c>
      <c r="AR39" s="268">
        <v>0</v>
      </c>
      <c r="AS39" s="265">
        <v>30</v>
      </c>
      <c r="AT39" s="270">
        <v>30</v>
      </c>
      <c r="AU39" s="264">
        <v>0</v>
      </c>
      <c r="AV39" s="268">
        <v>0</v>
      </c>
      <c r="AW39" s="265">
        <v>0</v>
      </c>
      <c r="AX39" s="267">
        <v>0</v>
      </c>
      <c r="AY39" s="268">
        <v>59</v>
      </c>
      <c r="AZ39" s="268">
        <v>47</v>
      </c>
      <c r="BA39" s="268">
        <v>88</v>
      </c>
      <c r="BB39" s="268">
        <v>26</v>
      </c>
      <c r="BC39" s="268">
        <v>10</v>
      </c>
      <c r="BD39" s="269">
        <v>230</v>
      </c>
      <c r="BE39" s="270">
        <v>230</v>
      </c>
      <c r="BF39" s="264">
        <v>0</v>
      </c>
      <c r="BG39" s="268">
        <v>0</v>
      </c>
      <c r="BH39" s="265">
        <v>0</v>
      </c>
      <c r="BI39" s="267">
        <v>0</v>
      </c>
      <c r="BJ39" s="268">
        <v>46</v>
      </c>
      <c r="BK39" s="268">
        <v>34</v>
      </c>
      <c r="BL39" s="268">
        <v>5</v>
      </c>
      <c r="BM39" s="268">
        <v>35</v>
      </c>
      <c r="BN39" s="268">
        <v>7</v>
      </c>
      <c r="BO39" s="265">
        <v>127</v>
      </c>
      <c r="BP39" s="270">
        <v>127</v>
      </c>
      <c r="BQ39" s="264">
        <v>0</v>
      </c>
      <c r="BR39" s="268">
        <v>0</v>
      </c>
      <c r="BS39" s="265">
        <v>0</v>
      </c>
      <c r="BT39" s="267">
        <v>0</v>
      </c>
      <c r="BU39" s="268">
        <v>4</v>
      </c>
      <c r="BV39" s="268">
        <v>13</v>
      </c>
      <c r="BW39" s="268">
        <v>22</v>
      </c>
      <c r="BX39" s="268">
        <v>16</v>
      </c>
      <c r="BY39" s="268">
        <v>0</v>
      </c>
      <c r="BZ39" s="265">
        <v>55</v>
      </c>
      <c r="CA39" s="270">
        <v>55</v>
      </c>
      <c r="CB39" s="264">
        <v>0</v>
      </c>
      <c r="CC39" s="268">
        <v>0</v>
      </c>
      <c r="CD39" s="265">
        <v>0</v>
      </c>
      <c r="CE39" s="267">
        <v>0</v>
      </c>
      <c r="CF39" s="268">
        <v>0</v>
      </c>
      <c r="CG39" s="268">
        <v>0</v>
      </c>
      <c r="CH39" s="268">
        <v>0</v>
      </c>
      <c r="CI39" s="268">
        <v>3</v>
      </c>
      <c r="CJ39" s="268">
        <v>4</v>
      </c>
      <c r="CK39" s="265">
        <v>7</v>
      </c>
      <c r="CL39" s="270">
        <v>7</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3-11-16T07:26:59Z</dcterms:modified>
</cp:coreProperties>
</file>